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1393\01企画G\23_統計\厚生労働省\01_介護保険事業状況報告\02_月報HP\R6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 xml:space="preserve">保険給付決定状況 </t>
  </si>
  <si>
    <t>特定入所者介護（介護予防）サービス費　総数　給付費（千円）</t>
    <rPh sb="24" eb="25">
      <t>ヒ</t>
    </rPh>
    <rPh sb="26" eb="28">
      <t>センエン</t>
    </rPh>
    <phoneticPr fontId="4"/>
  </si>
  <si>
    <r>
      <t>８５歳以上９０</t>
    </r>
    <r>
      <rPr>
        <sz val="11"/>
        <rFont val="ＭＳ Ｐゴシック"/>
        <family val="3"/>
        <charset val="128"/>
      </rPr>
      <t>歳未満</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9"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s>
  <fills count="2">
    <fill>
      <patternFill patternType="none"/>
    </fill>
    <fill>
      <patternFill patternType="gray125"/>
    </fill>
  </fills>
  <borders count="102">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style="double">
        <color indexed="64"/>
      </left>
      <right/>
      <top style="medium">
        <color indexed="64"/>
      </top>
      <bottom style="thin">
        <color indexed="64"/>
      </bottom>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left style="double">
        <color indexed="64"/>
      </left>
      <right/>
      <top style="thin">
        <color indexed="64"/>
      </top>
      <bottom style="thin">
        <color indexed="64"/>
      </bottom>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left style="double">
        <color indexed="64"/>
      </left>
      <right/>
      <top style="thin">
        <color indexed="64"/>
      </top>
      <bottom style="medium">
        <color indexed="64"/>
      </bottom>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581">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66" xfId="1" applyNumberFormat="1" applyFont="1" applyBorder="1" applyAlignment="1">
      <alignment vertical="center"/>
    </xf>
    <xf numFmtId="0" fontId="3" fillId="0" borderId="1" xfId="0" applyFont="1" applyBorder="1" applyAlignment="1">
      <alignment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0" xfId="1" applyNumberFormat="1" applyFont="1" applyBorder="1" applyAlignment="1">
      <alignment vertical="center" shrinkToFit="1"/>
    </xf>
    <xf numFmtId="180" fontId="0" fillId="0" borderId="73"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57" xfId="1" applyNumberFormat="1" applyFont="1"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2" fontId="2" fillId="0" borderId="0" xfId="0" applyNumberFormat="1" applyFont="1" applyAlignment="1">
      <alignment horizontal="center" vertical="center"/>
    </xf>
    <xf numFmtId="0" fontId="0" fillId="0" borderId="10" xfId="0" applyFont="1" applyBorder="1" applyAlignment="1">
      <alignment horizontal="center" vertical="center"/>
    </xf>
    <xf numFmtId="0" fontId="0" fillId="0" borderId="0" xfId="0" applyFont="1" applyBorder="1" applyAlignment="1">
      <alignment vertical="center"/>
    </xf>
    <xf numFmtId="0" fontId="0" fillId="0" borderId="0" xfId="0" applyFont="1" applyAlignment="1">
      <alignment vertical="center"/>
    </xf>
    <xf numFmtId="0" fontId="0" fillId="0" borderId="19"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26" xfId="0" applyFont="1" applyBorder="1" applyAlignment="1">
      <alignment horizontal="center" vertical="center" wrapText="1"/>
    </xf>
    <xf numFmtId="0" fontId="0" fillId="0" borderId="30" xfId="0" applyFont="1" applyBorder="1" applyAlignment="1">
      <alignment horizontal="center" vertical="center"/>
    </xf>
    <xf numFmtId="0" fontId="0" fillId="0" borderId="96" xfId="0" applyFont="1" applyBorder="1" applyAlignment="1">
      <alignment horizontal="center" vertical="center"/>
    </xf>
    <xf numFmtId="0" fontId="0" fillId="0" borderId="68" xfId="0" applyFont="1" applyBorder="1" applyAlignment="1">
      <alignment horizontal="center" vertical="center"/>
    </xf>
    <xf numFmtId="0" fontId="0" fillId="0" borderId="71" xfId="0" applyFont="1" applyBorder="1" applyAlignment="1">
      <alignment horizontal="center" vertical="center"/>
    </xf>
    <xf numFmtId="0" fontId="0" fillId="0" borderId="69" xfId="0" applyFont="1" applyBorder="1" applyAlignment="1">
      <alignment horizontal="center" vertical="center" wrapText="1"/>
    </xf>
    <xf numFmtId="0" fontId="0" fillId="0" borderId="84"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left" vertical="center" shrinkToFit="1"/>
    </xf>
    <xf numFmtId="178" fontId="0" fillId="0" borderId="49" xfId="0" applyNumberFormat="1" applyFont="1" applyBorder="1" applyAlignment="1">
      <alignment vertical="center"/>
    </xf>
    <xf numFmtId="178" fontId="0" fillId="0" borderId="42" xfId="0" applyNumberFormat="1" applyFont="1" applyBorder="1" applyAlignment="1">
      <alignment vertical="center"/>
    </xf>
    <xf numFmtId="178" fontId="0" fillId="0" borderId="43" xfId="0" applyNumberFormat="1" applyFont="1" applyBorder="1" applyAlignment="1">
      <alignment vertical="center"/>
    </xf>
    <xf numFmtId="178" fontId="0" fillId="0" borderId="44" xfId="0" applyNumberFormat="1" applyFont="1" applyBorder="1" applyAlignment="1">
      <alignment vertical="center"/>
    </xf>
    <xf numFmtId="178" fontId="0" fillId="0" borderId="45" xfId="0" applyNumberFormat="1" applyFont="1" applyBorder="1" applyAlignment="1">
      <alignment vertical="center"/>
    </xf>
    <xf numFmtId="178" fontId="0" fillId="0" borderId="34" xfId="1" applyNumberFormat="1" applyFont="1" applyBorder="1" applyAlignment="1">
      <alignment vertical="center"/>
    </xf>
    <xf numFmtId="178" fontId="0" fillId="0" borderId="35" xfId="1" applyNumberFormat="1" applyFont="1" applyBorder="1" applyAlignment="1">
      <alignment vertical="center"/>
    </xf>
    <xf numFmtId="178" fontId="0" fillId="0" borderId="36" xfId="1" applyNumberFormat="1" applyFont="1" applyBorder="1" applyAlignment="1">
      <alignment vertical="center"/>
    </xf>
    <xf numFmtId="178" fontId="0" fillId="0" borderId="37" xfId="1" applyNumberFormat="1" applyFont="1" applyBorder="1" applyAlignment="1">
      <alignment vertical="center"/>
    </xf>
    <xf numFmtId="178" fontId="0" fillId="0" borderId="55" xfId="0" applyNumberFormat="1" applyFont="1" applyBorder="1" applyAlignment="1">
      <alignment vertical="center"/>
    </xf>
    <xf numFmtId="0" fontId="0" fillId="0" borderId="7" xfId="0" applyFont="1" applyBorder="1" applyAlignment="1">
      <alignment horizontal="left" vertical="center" shrinkToFit="1"/>
    </xf>
    <xf numFmtId="178" fontId="0" fillId="0" borderId="8" xfId="0" applyNumberFormat="1" applyFont="1" applyBorder="1" applyAlignment="1">
      <alignment vertical="center"/>
    </xf>
    <xf numFmtId="178" fontId="0" fillId="0" borderId="5" xfId="0" applyNumberFormat="1" applyFont="1" applyBorder="1" applyAlignment="1">
      <alignment vertical="center"/>
    </xf>
    <xf numFmtId="178" fontId="0" fillId="0" borderId="46" xfId="0" applyNumberFormat="1" applyFont="1" applyBorder="1" applyAlignment="1">
      <alignment vertical="center"/>
    </xf>
    <xf numFmtId="178" fontId="0" fillId="0" borderId="47" xfId="0" applyNumberFormat="1" applyFont="1" applyBorder="1" applyAlignment="1">
      <alignment vertical="center"/>
    </xf>
    <xf numFmtId="178" fontId="0" fillId="0" borderId="48" xfId="0" applyNumberFormat="1" applyFont="1" applyBorder="1" applyAlignment="1">
      <alignment vertical="center"/>
    </xf>
    <xf numFmtId="178" fontId="0" fillId="0" borderId="8" xfId="1" applyNumberFormat="1" applyFont="1" applyBorder="1" applyAlignment="1">
      <alignment vertical="center"/>
    </xf>
    <xf numFmtId="178" fontId="0" fillId="0" borderId="5" xfId="1" applyNumberFormat="1" applyFont="1" applyBorder="1" applyAlignment="1">
      <alignment vertical="center"/>
    </xf>
    <xf numFmtId="178" fontId="0" fillId="0" borderId="38" xfId="1" applyNumberFormat="1" applyFont="1" applyBorder="1" applyAlignment="1">
      <alignment vertical="center"/>
    </xf>
    <xf numFmtId="178" fontId="0" fillId="0" borderId="39" xfId="1" applyNumberFormat="1" applyFont="1" applyBorder="1" applyAlignment="1">
      <alignment vertical="center"/>
    </xf>
    <xf numFmtId="178" fontId="0" fillId="0" borderId="54" xfId="0" applyNumberFormat="1" applyFont="1" applyBorder="1" applyAlignment="1">
      <alignment vertical="center"/>
    </xf>
    <xf numFmtId="0" fontId="0" fillId="0" borderId="7" xfId="0" applyFont="1" applyBorder="1" applyAlignment="1">
      <alignment horizontal="left" vertical="center"/>
    </xf>
    <xf numFmtId="178" fontId="0" fillId="0" borderId="49" xfId="1" applyNumberFormat="1" applyFont="1" applyBorder="1" applyAlignment="1">
      <alignment vertical="center"/>
    </xf>
    <xf numFmtId="0" fontId="0" fillId="0" borderId="14" xfId="0" applyFont="1" applyBorder="1" applyAlignment="1">
      <alignment horizontal="left" vertical="center"/>
    </xf>
    <xf numFmtId="178" fontId="0" fillId="0" borderId="9" xfId="0" applyNumberFormat="1" applyFont="1" applyBorder="1" applyAlignment="1">
      <alignment vertical="center"/>
    </xf>
    <xf numFmtId="178" fontId="0" fillId="0" borderId="12" xfId="0" applyNumberFormat="1" applyFont="1" applyBorder="1" applyAlignment="1">
      <alignment vertical="center"/>
    </xf>
    <xf numFmtId="178" fontId="0" fillId="0" borderId="13" xfId="0" applyNumberFormat="1" applyFont="1" applyBorder="1" applyAlignment="1">
      <alignment vertical="center"/>
    </xf>
    <xf numFmtId="178" fontId="0" fillId="0" borderId="50" xfId="0" applyNumberFormat="1" applyFont="1" applyBorder="1" applyAlignment="1">
      <alignment vertical="center"/>
    </xf>
    <xf numFmtId="178" fontId="0" fillId="0" borderId="30" xfId="0" applyNumberFormat="1" applyFont="1" applyBorder="1" applyAlignment="1">
      <alignment vertical="center"/>
    </xf>
    <xf numFmtId="178" fontId="0" fillId="0" borderId="9" xfId="1" applyNumberFormat="1" applyFont="1" applyBorder="1" applyAlignment="1">
      <alignment vertical="center"/>
    </xf>
    <xf numFmtId="178" fontId="0" fillId="0" borderId="12" xfId="1" applyNumberFormat="1" applyFont="1" applyBorder="1" applyAlignment="1">
      <alignment vertical="center"/>
    </xf>
    <xf numFmtId="178" fontId="0" fillId="0" borderId="25" xfId="1" applyNumberFormat="1" applyFont="1" applyBorder="1" applyAlignment="1">
      <alignment vertical="center"/>
    </xf>
    <xf numFmtId="178" fontId="0" fillId="0" borderId="40" xfId="1" applyNumberFormat="1" applyFont="1" applyBorder="1" applyAlignment="1">
      <alignment vertical="center"/>
    </xf>
    <xf numFmtId="178" fontId="0" fillId="0" borderId="33" xfId="0" applyNumberFormat="1" applyFont="1" applyBorder="1" applyAlignment="1">
      <alignment vertical="center"/>
    </xf>
    <xf numFmtId="0" fontId="0" fillId="0" borderId="15"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wrapText="1"/>
    </xf>
    <xf numFmtId="176" fontId="0" fillId="0" borderId="34" xfId="1" applyNumberFormat="1" applyFont="1" applyBorder="1" applyAlignment="1">
      <alignment vertical="center"/>
    </xf>
    <xf numFmtId="176" fontId="0" fillId="0" borderId="35" xfId="1" applyNumberFormat="1" applyFont="1" applyBorder="1" applyAlignment="1">
      <alignment vertical="center"/>
    </xf>
    <xf numFmtId="176" fontId="0" fillId="0" borderId="36" xfId="1" applyNumberFormat="1" applyFont="1" applyBorder="1" applyAlignment="1">
      <alignment vertical="center"/>
    </xf>
    <xf numFmtId="176" fontId="0" fillId="0" borderId="51" xfId="1" applyNumberFormat="1" applyFont="1" applyBorder="1" applyAlignment="1">
      <alignment vertical="center"/>
    </xf>
    <xf numFmtId="176" fontId="0" fillId="0" borderId="37" xfId="1" applyNumberFormat="1" applyFont="1" applyBorder="1" applyAlignment="1">
      <alignment vertical="center"/>
    </xf>
    <xf numFmtId="176" fontId="0" fillId="0" borderId="52" xfId="1" applyNumberFormat="1" applyFont="1" applyBorder="1" applyAlignment="1">
      <alignment vertical="center"/>
    </xf>
    <xf numFmtId="176" fontId="0" fillId="0" borderId="8" xfId="1" applyNumberFormat="1" applyFont="1" applyBorder="1" applyAlignment="1">
      <alignment vertical="center"/>
    </xf>
    <xf numFmtId="176" fontId="0" fillId="0" borderId="5" xfId="1" applyNumberFormat="1" applyFont="1" applyBorder="1" applyAlignment="1">
      <alignment vertical="center"/>
    </xf>
    <xf numFmtId="176" fontId="0" fillId="0" borderId="38" xfId="1" applyNumberFormat="1" applyFont="1" applyBorder="1" applyAlignment="1">
      <alignment vertical="center"/>
    </xf>
    <xf numFmtId="176" fontId="0" fillId="0" borderId="53" xfId="1" applyNumberFormat="1" applyFont="1" applyBorder="1" applyAlignment="1">
      <alignment vertical="center"/>
    </xf>
    <xf numFmtId="176" fontId="0" fillId="0" borderId="39" xfId="1" applyNumberFormat="1" applyFont="1" applyBorder="1" applyAlignment="1">
      <alignment vertical="center"/>
    </xf>
    <xf numFmtId="176" fontId="0" fillId="0" borderId="54" xfId="1" applyNumberFormat="1" applyFont="1" applyBorder="1" applyAlignment="1">
      <alignment vertical="center"/>
    </xf>
    <xf numFmtId="176" fontId="0" fillId="0" borderId="9" xfId="1" applyNumberFormat="1" applyFont="1" applyBorder="1" applyAlignment="1">
      <alignment vertical="center"/>
    </xf>
    <xf numFmtId="176" fontId="0" fillId="0" borderId="12" xfId="1" applyNumberFormat="1" applyFont="1" applyBorder="1" applyAlignment="1">
      <alignment vertical="center"/>
    </xf>
    <xf numFmtId="176" fontId="0" fillId="0" borderId="25" xfId="1" applyNumberFormat="1" applyFont="1" applyBorder="1" applyAlignment="1">
      <alignment vertical="center"/>
    </xf>
    <xf numFmtId="176" fontId="0" fillId="0" borderId="26" xfId="1" applyNumberFormat="1" applyFont="1" applyBorder="1" applyAlignment="1">
      <alignment vertical="center"/>
    </xf>
    <xf numFmtId="176" fontId="0" fillId="0" borderId="40" xfId="1" applyNumberFormat="1" applyFont="1" applyBorder="1" applyAlignment="1">
      <alignment vertical="center"/>
    </xf>
    <xf numFmtId="176" fontId="0" fillId="0" borderId="33" xfId="1" applyNumberFormat="1" applyFont="1" applyBorder="1" applyAlignment="1">
      <alignment vertical="center"/>
    </xf>
    <xf numFmtId="0" fontId="5" fillId="0" borderId="0" xfId="3" applyFont="1">
      <alignment vertical="center"/>
    </xf>
    <xf numFmtId="0" fontId="2" fillId="0" borderId="0" xfId="3" applyFont="1">
      <alignment vertical="center"/>
    </xf>
    <xf numFmtId="0" fontId="2" fillId="0" borderId="9" xfId="3" applyFont="1" applyBorder="1" applyAlignment="1">
      <alignment horizontal="center" vertical="center"/>
    </xf>
    <xf numFmtId="0" fontId="2" fillId="0" borderId="12" xfId="3" applyFont="1" applyBorder="1" applyAlignment="1">
      <alignment horizontal="center" vertical="center"/>
    </xf>
    <xf numFmtId="0" fontId="2" fillId="0" borderId="66" xfId="3" applyFont="1" applyBorder="1" applyAlignment="1">
      <alignment horizontal="center" vertical="center"/>
    </xf>
    <xf numFmtId="0" fontId="2" fillId="0" borderId="26" xfId="3" applyFont="1" applyBorder="1" applyAlignment="1">
      <alignment horizontal="center" vertical="center" wrapText="1"/>
    </xf>
    <xf numFmtId="0" fontId="2" fillId="0" borderId="13" xfId="3" applyFont="1" applyBorder="1" applyAlignment="1">
      <alignment horizontal="center" vertical="center"/>
    </xf>
    <xf numFmtId="0" fontId="2" fillId="0" borderId="25" xfId="3" applyFont="1" applyBorder="1" applyAlignment="1">
      <alignment horizontal="center" vertical="center"/>
    </xf>
    <xf numFmtId="0" fontId="2" fillId="0" borderId="3" xfId="0" applyFont="1" applyBorder="1" applyAlignment="1">
      <alignment horizontal="left" vertical="center" shrinkToFit="1"/>
    </xf>
    <xf numFmtId="38" fontId="2" fillId="0" borderId="49" xfId="1" applyFont="1" applyBorder="1" applyAlignment="1">
      <alignment vertical="center"/>
    </xf>
    <xf numFmtId="38" fontId="2" fillId="0" borderId="42" xfId="1" applyFont="1" applyBorder="1" applyAlignment="1">
      <alignment vertical="center"/>
    </xf>
    <xf numFmtId="38" fontId="2" fillId="0" borderId="57" xfId="1" applyFont="1" applyBorder="1" applyAlignment="1">
      <alignment vertical="center"/>
    </xf>
    <xf numFmtId="38" fontId="2" fillId="0" borderId="90" xfId="1" applyFont="1" applyBorder="1" applyAlignment="1">
      <alignment vertical="center"/>
    </xf>
    <xf numFmtId="38" fontId="2" fillId="0" borderId="73" xfId="1" applyFont="1" applyBorder="1" applyAlignment="1">
      <alignment vertical="center"/>
    </xf>
    <xf numFmtId="38" fontId="2" fillId="0" borderId="89" xfId="1" applyFont="1" applyBorder="1" applyAlignment="1">
      <alignment vertical="center"/>
    </xf>
    <xf numFmtId="38" fontId="2" fillId="0" borderId="4" xfId="1" applyFont="1" applyBorder="1" applyAlignment="1">
      <alignment vertical="center"/>
    </xf>
    <xf numFmtId="0" fontId="2" fillId="0" borderId="7" xfId="0" applyFont="1" applyBorder="1" applyAlignment="1">
      <alignment horizontal="left" vertical="center" shrinkToFit="1"/>
    </xf>
    <xf numFmtId="38" fontId="2" fillId="0" borderId="8" xfId="1" applyFont="1" applyBorder="1" applyAlignment="1">
      <alignment vertical="center"/>
    </xf>
    <xf numFmtId="38" fontId="2" fillId="0" borderId="5" xfId="1" applyFont="1" applyBorder="1" applyAlignment="1">
      <alignment vertical="center"/>
    </xf>
    <xf numFmtId="38" fontId="2" fillId="0" borderId="56" xfId="1" applyFont="1" applyBorder="1" applyAlignment="1">
      <alignment vertical="center"/>
    </xf>
    <xf numFmtId="38" fontId="2" fillId="0" borderId="53" xfId="1" applyFont="1" applyBorder="1" applyAlignment="1">
      <alignment vertical="center"/>
    </xf>
    <xf numFmtId="38" fontId="2" fillId="0" borderId="46" xfId="1" applyFont="1" applyBorder="1" applyAlignment="1">
      <alignment vertical="center"/>
    </xf>
    <xf numFmtId="38" fontId="2" fillId="0" borderId="39" xfId="1" applyFont="1" applyBorder="1" applyAlignment="1">
      <alignment vertical="center"/>
    </xf>
    <xf numFmtId="38" fontId="2" fillId="0" borderId="38" xfId="1" applyFont="1" applyBorder="1" applyAlignment="1">
      <alignment vertical="center"/>
    </xf>
    <xf numFmtId="0" fontId="2" fillId="0" borderId="7" xfId="0" applyFont="1" applyBorder="1" applyAlignment="1">
      <alignment horizontal="left" vertical="center"/>
    </xf>
    <xf numFmtId="0" fontId="2" fillId="0" borderId="14" xfId="0" applyFont="1" applyBorder="1" applyAlignment="1">
      <alignment horizontal="left" vertical="center"/>
    </xf>
    <xf numFmtId="38" fontId="2" fillId="0" borderId="9" xfId="1" applyFont="1" applyBorder="1" applyAlignment="1">
      <alignment vertical="center"/>
    </xf>
    <xf numFmtId="38" fontId="2" fillId="0" borderId="12" xfId="1" applyFont="1" applyBorder="1" applyAlignment="1">
      <alignment vertical="center"/>
    </xf>
    <xf numFmtId="38" fontId="2" fillId="0" borderId="66" xfId="1" applyFont="1" applyBorder="1" applyAlignment="1">
      <alignment vertical="center"/>
    </xf>
    <xf numFmtId="38" fontId="2" fillId="0" borderId="26" xfId="1" applyFont="1" applyBorder="1" applyAlignment="1">
      <alignment vertical="center"/>
    </xf>
    <xf numFmtId="38" fontId="2" fillId="0" borderId="13" xfId="1" applyFont="1" applyBorder="1" applyAlignment="1">
      <alignment vertical="center"/>
    </xf>
    <xf numFmtId="38" fontId="2" fillId="0" borderId="40" xfId="1" applyFont="1" applyBorder="1" applyAlignment="1">
      <alignment vertical="center"/>
    </xf>
    <xf numFmtId="38" fontId="2" fillId="0" borderId="25" xfId="1" applyFont="1" applyBorder="1" applyAlignment="1">
      <alignment vertical="center"/>
    </xf>
    <xf numFmtId="0" fontId="0" fillId="0" borderId="0" xfId="3" applyFont="1">
      <alignment vertical="center"/>
    </xf>
    <xf numFmtId="182" fontId="0" fillId="0" borderId="0" xfId="0" applyNumberFormat="1" applyFont="1" applyAlignment="1">
      <alignment horizontal="center" vertical="center"/>
    </xf>
    <xf numFmtId="0" fontId="0" fillId="0" borderId="9" xfId="3" applyFont="1" applyBorder="1" applyAlignment="1">
      <alignment horizontal="center" vertical="center"/>
    </xf>
    <xf numFmtId="0" fontId="0" fillId="0" borderId="12" xfId="3" applyFont="1" applyBorder="1" applyAlignment="1">
      <alignment horizontal="center" vertical="center"/>
    </xf>
    <xf numFmtId="0" fontId="0" fillId="0" borderId="66" xfId="3" applyFont="1" applyBorder="1" applyAlignment="1">
      <alignment horizontal="center" vertical="center"/>
    </xf>
    <xf numFmtId="0" fontId="0" fillId="0" borderId="26" xfId="3" applyFont="1" applyBorder="1" applyAlignment="1">
      <alignment horizontal="center" vertical="center" wrapText="1"/>
    </xf>
    <xf numFmtId="0" fontId="0" fillId="0" borderId="13" xfId="3" applyFont="1" applyBorder="1" applyAlignment="1">
      <alignment horizontal="center" vertical="center"/>
    </xf>
    <xf numFmtId="0" fontId="0" fillId="0" borderId="25" xfId="3" applyFont="1" applyBorder="1" applyAlignment="1">
      <alignment horizontal="center" vertical="center"/>
    </xf>
    <xf numFmtId="38" fontId="0" fillId="0" borderId="49" xfId="1" applyFont="1" applyBorder="1" applyAlignment="1">
      <alignment vertical="center"/>
    </xf>
    <xf numFmtId="38" fontId="0" fillId="0" borderId="42" xfId="1" applyFont="1" applyBorder="1" applyAlignment="1">
      <alignment vertical="center"/>
    </xf>
    <xf numFmtId="38" fontId="0" fillId="0" borderId="57" xfId="1" applyFont="1" applyBorder="1" applyAlignment="1">
      <alignment vertical="center"/>
    </xf>
    <xf numFmtId="38" fontId="0" fillId="0" borderId="90" xfId="1" applyFont="1" applyBorder="1" applyAlignment="1">
      <alignment vertical="center"/>
    </xf>
    <xf numFmtId="38" fontId="0" fillId="0" borderId="73" xfId="1" applyFont="1" applyBorder="1" applyAlignment="1">
      <alignment vertical="center"/>
    </xf>
    <xf numFmtId="38" fontId="0" fillId="0" borderId="89" xfId="1" applyFont="1" applyBorder="1" applyAlignment="1">
      <alignment vertical="center"/>
    </xf>
    <xf numFmtId="38" fontId="0" fillId="0" borderId="4" xfId="1" applyFont="1" applyBorder="1" applyAlignment="1">
      <alignment vertical="center"/>
    </xf>
    <xf numFmtId="38" fontId="0" fillId="0" borderId="8" xfId="1" applyFont="1" applyBorder="1" applyAlignment="1">
      <alignment vertical="center"/>
    </xf>
    <xf numFmtId="38" fontId="0" fillId="0" borderId="5" xfId="1" applyFont="1" applyBorder="1" applyAlignment="1">
      <alignment vertical="center"/>
    </xf>
    <xf numFmtId="38" fontId="0" fillId="0" borderId="56" xfId="1" applyFont="1" applyBorder="1" applyAlignment="1">
      <alignment vertical="center"/>
    </xf>
    <xf numFmtId="38" fontId="0" fillId="0" borderId="53" xfId="1" applyFont="1" applyBorder="1" applyAlignment="1">
      <alignment vertical="center"/>
    </xf>
    <xf numFmtId="38" fontId="0" fillId="0" borderId="46" xfId="1" applyFont="1" applyBorder="1" applyAlignment="1">
      <alignment vertical="center"/>
    </xf>
    <xf numFmtId="38" fontId="0" fillId="0" borderId="39" xfId="1" applyFont="1" applyBorder="1" applyAlignment="1">
      <alignment vertical="center"/>
    </xf>
    <xf numFmtId="38" fontId="0" fillId="0" borderId="38" xfId="1" applyFont="1" applyBorder="1" applyAlignment="1">
      <alignment vertical="center"/>
    </xf>
    <xf numFmtId="38" fontId="0" fillId="0" borderId="9" xfId="1" applyFont="1" applyBorder="1" applyAlignment="1">
      <alignment vertical="center"/>
    </xf>
    <xf numFmtId="38" fontId="0" fillId="0" borderId="12" xfId="1" applyFont="1" applyBorder="1" applyAlignment="1">
      <alignment vertical="center"/>
    </xf>
    <xf numFmtId="38" fontId="0" fillId="0" borderId="66" xfId="1" applyFont="1" applyBorder="1" applyAlignment="1">
      <alignment vertical="center"/>
    </xf>
    <xf numFmtId="38" fontId="0" fillId="0" borderId="26" xfId="1" applyFont="1" applyBorder="1" applyAlignment="1">
      <alignment vertical="center"/>
    </xf>
    <xf numFmtId="38" fontId="0" fillId="0" borderId="13" xfId="1" applyFont="1" applyBorder="1" applyAlignment="1">
      <alignment vertical="center"/>
    </xf>
    <xf numFmtId="38" fontId="0" fillId="0" borderId="40" xfId="1" applyFont="1" applyBorder="1" applyAlignment="1">
      <alignment vertical="center"/>
    </xf>
    <xf numFmtId="38" fontId="0" fillId="0" borderId="25" xfId="1" applyFont="1" applyBorder="1" applyAlignment="1">
      <alignment vertical="center"/>
    </xf>
    <xf numFmtId="0" fontId="0" fillId="0" borderId="33" xfId="3" applyFont="1" applyBorder="1" applyAlignment="1">
      <alignment horizontal="center" vertical="center"/>
    </xf>
    <xf numFmtId="0" fontId="0" fillId="0" borderId="72" xfId="3" applyFont="1" applyBorder="1" applyAlignment="1">
      <alignment horizontal="center" vertical="center"/>
    </xf>
    <xf numFmtId="38" fontId="0" fillId="0" borderId="74" xfId="1" applyFont="1" applyBorder="1" applyAlignment="1">
      <alignment vertical="center"/>
    </xf>
    <xf numFmtId="38" fontId="0" fillId="0" borderId="65" xfId="1" applyFont="1" applyBorder="1" applyAlignment="1">
      <alignment vertical="center"/>
    </xf>
    <xf numFmtId="38" fontId="0" fillId="0" borderId="72" xfId="1"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right" vertical="center"/>
    </xf>
    <xf numFmtId="177" fontId="0" fillId="0" borderId="34" xfId="1" applyNumberFormat="1" applyFont="1" applyBorder="1" applyAlignment="1">
      <alignment vertical="center"/>
    </xf>
    <xf numFmtId="177" fontId="0" fillId="0" borderId="35" xfId="1" applyNumberFormat="1" applyFont="1" applyBorder="1" applyAlignment="1">
      <alignment vertical="center"/>
    </xf>
    <xf numFmtId="177" fontId="0" fillId="0" borderId="36" xfId="1" applyNumberFormat="1" applyFont="1" applyBorder="1" applyAlignment="1">
      <alignment vertical="center"/>
    </xf>
    <xf numFmtId="177" fontId="0" fillId="0" borderId="51" xfId="1" applyNumberFormat="1" applyFont="1" applyBorder="1" applyAlignment="1">
      <alignment vertical="center"/>
    </xf>
    <xf numFmtId="177" fontId="0" fillId="0" borderId="37" xfId="1" applyNumberFormat="1" applyFont="1" applyBorder="1" applyAlignment="1">
      <alignment vertical="center"/>
    </xf>
    <xf numFmtId="177" fontId="0" fillId="0" borderId="52" xfId="1" applyNumberFormat="1" applyFont="1" applyBorder="1" applyAlignment="1">
      <alignment vertical="center"/>
    </xf>
    <xf numFmtId="177" fontId="0" fillId="0" borderId="8" xfId="1" applyNumberFormat="1" applyFont="1" applyBorder="1" applyAlignment="1">
      <alignment vertical="center"/>
    </xf>
    <xf numFmtId="177" fontId="0" fillId="0" borderId="5" xfId="1" applyNumberFormat="1" applyFont="1" applyBorder="1" applyAlignment="1">
      <alignment vertical="center"/>
    </xf>
    <xf numFmtId="177" fontId="0" fillId="0" borderId="38" xfId="1" applyNumberFormat="1" applyFont="1" applyBorder="1" applyAlignment="1">
      <alignment vertical="center"/>
    </xf>
    <xf numFmtId="177" fontId="0" fillId="0" borderId="53" xfId="1" applyNumberFormat="1" applyFont="1" applyBorder="1" applyAlignment="1">
      <alignment vertical="center"/>
    </xf>
    <xf numFmtId="177" fontId="0" fillId="0" borderId="39" xfId="1" applyNumberFormat="1" applyFont="1" applyBorder="1" applyAlignment="1">
      <alignment vertical="center"/>
    </xf>
    <xf numFmtId="177" fontId="0" fillId="0" borderId="54" xfId="1" applyNumberFormat="1" applyFont="1" applyBorder="1" applyAlignment="1">
      <alignment vertical="center"/>
    </xf>
    <xf numFmtId="177" fontId="0" fillId="0" borderId="9" xfId="1" applyNumberFormat="1" applyFont="1" applyBorder="1" applyAlignment="1">
      <alignment vertical="center"/>
    </xf>
    <xf numFmtId="177" fontId="0" fillId="0" borderId="12" xfId="1" applyNumberFormat="1" applyFont="1" applyBorder="1" applyAlignment="1">
      <alignment vertical="center"/>
    </xf>
    <xf numFmtId="177" fontId="0" fillId="0" borderId="25" xfId="1" applyNumberFormat="1" applyFont="1" applyBorder="1" applyAlignment="1">
      <alignment vertical="center"/>
    </xf>
    <xf numFmtId="177" fontId="0" fillId="0" borderId="26" xfId="1" applyNumberFormat="1" applyFont="1" applyBorder="1" applyAlignment="1">
      <alignment vertical="center"/>
    </xf>
    <xf numFmtId="177" fontId="0" fillId="0" borderId="40" xfId="1" applyNumberFormat="1" applyFont="1" applyBorder="1" applyAlignment="1">
      <alignment vertical="center"/>
    </xf>
    <xf numFmtId="177" fontId="0" fillId="0" borderId="33" xfId="1" applyNumberFormat="1" applyFont="1" applyBorder="1" applyAlignment="1">
      <alignment vertical="center"/>
    </xf>
    <xf numFmtId="0" fontId="0" fillId="0" borderId="20" xfId="0" applyFont="1" applyBorder="1" applyAlignment="1">
      <alignment horizontal="center" vertical="center" wrapText="1"/>
    </xf>
    <xf numFmtId="38" fontId="0" fillId="0" borderId="21" xfId="1" applyFont="1" applyBorder="1" applyAlignment="1">
      <alignment horizontal="center" vertical="center" wrapText="1"/>
    </xf>
    <xf numFmtId="0" fontId="0" fillId="0" borderId="22" xfId="0" applyFont="1" applyBorder="1" applyAlignment="1">
      <alignment horizontal="center" vertical="center" wrapText="1"/>
    </xf>
    <xf numFmtId="38" fontId="0" fillId="0" borderId="23" xfId="1" applyFont="1" applyBorder="1" applyAlignment="1">
      <alignment horizontal="center" vertical="center" wrapText="1"/>
    </xf>
    <xf numFmtId="0" fontId="0" fillId="0" borderId="23" xfId="0" applyFont="1" applyBorder="1" applyAlignment="1">
      <alignment horizontal="center" vertical="center" wrapText="1"/>
    </xf>
    <xf numFmtId="38" fontId="0" fillId="0" borderId="24" xfId="1" applyFont="1" applyBorder="1" applyAlignment="1">
      <alignment horizontal="center" vertical="center" wrapText="1"/>
    </xf>
    <xf numFmtId="0" fontId="0" fillId="0" borderId="11" xfId="0" applyFont="1" applyBorder="1" applyAlignment="1">
      <alignment horizontal="center" vertical="center" wrapText="1"/>
    </xf>
    <xf numFmtId="177" fontId="0" fillId="0" borderId="43" xfId="1" applyNumberFormat="1" applyFont="1" applyBorder="1" applyAlignment="1">
      <alignment vertical="center"/>
    </xf>
    <xf numFmtId="177" fontId="0" fillId="0" borderId="58" xfId="1" applyNumberFormat="1" applyFont="1" applyBorder="1" applyAlignment="1">
      <alignment vertical="center"/>
    </xf>
    <xf numFmtId="177" fontId="0" fillId="0" borderId="45" xfId="1" applyNumberFormat="1" applyFont="1" applyBorder="1" applyAlignment="1">
      <alignment vertical="center"/>
    </xf>
    <xf numFmtId="38" fontId="0" fillId="0" borderId="0" xfId="1" applyFont="1" applyAlignment="1">
      <alignment vertical="center"/>
    </xf>
    <xf numFmtId="177" fontId="0" fillId="0" borderId="46" xfId="1" applyNumberFormat="1" applyFont="1" applyBorder="1" applyAlignment="1">
      <alignment vertical="center"/>
    </xf>
    <xf numFmtId="177" fontId="0" fillId="0" borderId="56" xfId="1" applyNumberFormat="1" applyFont="1" applyBorder="1" applyAlignment="1">
      <alignment vertical="center"/>
    </xf>
    <xf numFmtId="177" fontId="0" fillId="0" borderId="48" xfId="1" applyNumberFormat="1" applyFont="1" applyBorder="1" applyAlignment="1">
      <alignment vertical="center"/>
    </xf>
    <xf numFmtId="177" fontId="0" fillId="0" borderId="13" xfId="1" applyNumberFormat="1" applyFont="1" applyBorder="1" applyAlignment="1">
      <alignment vertical="center"/>
    </xf>
    <xf numFmtId="177" fontId="0" fillId="0" borderId="66" xfId="1" applyNumberFormat="1" applyFont="1" applyBorder="1" applyAlignment="1">
      <alignment vertical="center"/>
    </xf>
    <xf numFmtId="177" fontId="0" fillId="0" borderId="30" xfId="1" applyNumberFormat="1" applyFont="1" applyBorder="1" applyAlignment="1">
      <alignment vertical="center"/>
    </xf>
    <xf numFmtId="38" fontId="0" fillId="0" borderId="0" xfId="1" applyFont="1" applyBorder="1" applyAlignment="1">
      <alignment vertical="center"/>
    </xf>
    <xf numFmtId="0" fontId="0" fillId="0" borderId="0" xfId="0" applyFont="1" applyFill="1" applyAlignment="1">
      <alignment vertical="center"/>
    </xf>
    <xf numFmtId="182" fontId="0" fillId="0" borderId="0" xfId="0" applyNumberFormat="1" applyFont="1" applyBorder="1" applyAlignment="1">
      <alignment horizontal="center" vertical="center"/>
    </xf>
    <xf numFmtId="0" fontId="0" fillId="0" borderId="33" xfId="0" applyFont="1" applyBorder="1" applyAlignment="1">
      <alignment horizontal="center" vertical="center"/>
    </xf>
    <xf numFmtId="0" fontId="0" fillId="0" borderId="25" xfId="0" applyFont="1" applyBorder="1" applyAlignment="1">
      <alignment horizontal="center" vertical="center"/>
    </xf>
    <xf numFmtId="0" fontId="0" fillId="0" borderId="20" xfId="0" applyFont="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21" xfId="0" applyFont="1" applyBorder="1" applyAlignment="1">
      <alignment horizontal="center" vertical="center"/>
    </xf>
    <xf numFmtId="179" fontId="0" fillId="0" borderId="55" xfId="0" applyNumberFormat="1" applyFont="1" applyBorder="1" applyAlignment="1">
      <alignment shrinkToFit="1"/>
    </xf>
    <xf numFmtId="179" fontId="0" fillId="0" borderId="42" xfId="0" applyNumberFormat="1" applyFont="1" applyBorder="1" applyAlignment="1">
      <alignment shrinkToFit="1"/>
    </xf>
    <xf numFmtId="179" fontId="0" fillId="0" borderId="73" xfId="0" applyNumberFormat="1" applyFont="1" applyBorder="1" applyAlignment="1">
      <alignment shrinkToFit="1"/>
    </xf>
    <xf numFmtId="179" fontId="0" fillId="0" borderId="74" xfId="0" applyNumberFormat="1" applyFont="1" applyBorder="1" applyAlignment="1">
      <alignment shrinkToFit="1"/>
    </xf>
    <xf numFmtId="179" fontId="0" fillId="0" borderId="57" xfId="0" applyNumberFormat="1" applyFont="1" applyBorder="1" applyAlignment="1">
      <alignment shrinkToFit="1"/>
    </xf>
    <xf numFmtId="179" fontId="0" fillId="0" borderId="37" xfId="0" applyNumberFormat="1" applyFont="1" applyBorder="1" applyAlignment="1">
      <alignment shrinkToFit="1"/>
    </xf>
    <xf numFmtId="179" fontId="0" fillId="0" borderId="43" xfId="0" applyNumberFormat="1" applyFont="1" applyBorder="1" applyAlignment="1">
      <alignment shrinkToFit="1"/>
    </xf>
    <xf numFmtId="179" fontId="0" fillId="0" borderId="51" xfId="0" applyNumberFormat="1" applyFont="1" applyBorder="1" applyAlignment="1">
      <alignment shrinkToFit="1"/>
    </xf>
    <xf numFmtId="179" fontId="0" fillId="0" borderId="35" xfId="0" applyNumberFormat="1" applyFont="1" applyBorder="1" applyAlignment="1">
      <alignment shrinkToFit="1"/>
    </xf>
    <xf numFmtId="179" fontId="0" fillId="0" borderId="34" xfId="0" applyNumberFormat="1" applyFont="1" applyBorder="1" applyAlignment="1">
      <alignment shrinkToFit="1"/>
    </xf>
    <xf numFmtId="179" fontId="0" fillId="0" borderId="60" xfId="0" applyNumberFormat="1" applyFont="1" applyBorder="1" applyAlignment="1">
      <alignment shrinkToFit="1"/>
    </xf>
    <xf numFmtId="179" fontId="0" fillId="0" borderId="36" xfId="0" applyNumberFormat="1" applyFont="1" applyBorder="1" applyAlignment="1">
      <alignment shrinkToFit="1"/>
    </xf>
    <xf numFmtId="179" fontId="0" fillId="0" borderId="52" xfId="0" applyNumberFormat="1" applyFont="1" applyBorder="1" applyAlignment="1">
      <alignment shrinkToFit="1"/>
    </xf>
    <xf numFmtId="179" fontId="0" fillId="0" borderId="44" xfId="0" applyNumberFormat="1" applyFont="1" applyBorder="1" applyAlignment="1">
      <alignment shrinkToFit="1"/>
    </xf>
    <xf numFmtId="179" fontId="0" fillId="0" borderId="75" xfId="0" applyNumberFormat="1" applyFont="1" applyBorder="1" applyAlignment="1">
      <alignment shrinkToFit="1"/>
    </xf>
    <xf numFmtId="179" fontId="0" fillId="0" borderId="58" xfId="0" applyNumberFormat="1" applyFont="1" applyBorder="1" applyAlignment="1">
      <alignment shrinkToFit="1"/>
    </xf>
    <xf numFmtId="179" fontId="0" fillId="0" borderId="59" xfId="0" applyNumberFormat="1" applyFont="1" applyBorder="1" applyAlignment="1">
      <alignment shrinkToFit="1"/>
    </xf>
    <xf numFmtId="179" fontId="0" fillId="0" borderId="27" xfId="0" applyNumberFormat="1" applyFont="1" applyBorder="1" applyAlignment="1">
      <alignment shrinkToFit="1"/>
    </xf>
    <xf numFmtId="180" fontId="0" fillId="0" borderId="3" xfId="2" applyNumberFormat="1" applyFont="1" applyBorder="1" applyAlignment="1">
      <alignment vertical="center" shrinkToFit="1"/>
    </xf>
    <xf numFmtId="180" fontId="0" fillId="0" borderId="35" xfId="2" applyNumberFormat="1" applyFont="1" applyBorder="1" applyAlignment="1">
      <alignment vertical="center" shrinkToFit="1"/>
    </xf>
    <xf numFmtId="180" fontId="0" fillId="0" borderId="57" xfId="2" applyNumberFormat="1" applyFont="1" applyBorder="1" applyAlignment="1">
      <alignment vertical="center" shrinkToFit="1"/>
    </xf>
    <xf numFmtId="180" fontId="0" fillId="0" borderId="51" xfId="2" applyNumberFormat="1" applyFont="1" applyBorder="1" applyAlignment="1">
      <alignment vertical="center" shrinkToFit="1"/>
    </xf>
    <xf numFmtId="180" fontId="0" fillId="0" borderId="52" xfId="2" applyNumberFormat="1" applyFont="1" applyBorder="1" applyAlignment="1">
      <alignment vertical="center" shrinkToFit="1"/>
    </xf>
    <xf numFmtId="180" fontId="0" fillId="0" borderId="58" xfId="2" applyNumberFormat="1" applyFont="1" applyBorder="1" applyAlignment="1">
      <alignment vertical="center" shrinkToFit="1"/>
    </xf>
    <xf numFmtId="180" fontId="0" fillId="0" borderId="43" xfId="2" applyNumberFormat="1" applyFont="1" applyBorder="1" applyAlignment="1">
      <alignment vertical="center" shrinkToFit="1"/>
    </xf>
    <xf numFmtId="180" fontId="0" fillId="0" borderId="59" xfId="2" applyNumberFormat="1" applyFont="1" applyBorder="1" applyAlignment="1">
      <alignment vertical="center" shrinkToFit="1"/>
    </xf>
    <xf numFmtId="180" fontId="0" fillId="0" borderId="34" xfId="1" applyNumberFormat="1" applyFont="1" applyFill="1" applyBorder="1" applyAlignment="1">
      <alignment vertical="center" shrinkToFit="1"/>
    </xf>
    <xf numFmtId="180" fontId="0" fillId="0" borderId="35" xfId="1" applyNumberFormat="1" applyFont="1" applyFill="1" applyBorder="1" applyAlignment="1">
      <alignment vertical="center" shrinkToFit="1"/>
    </xf>
    <xf numFmtId="180" fontId="0" fillId="0" borderId="43" xfId="1" applyNumberFormat="1" applyFont="1" applyFill="1" applyBorder="1" applyAlignment="1">
      <alignment vertical="center" shrinkToFit="1"/>
    </xf>
    <xf numFmtId="180" fontId="0" fillId="0" borderId="35" xfId="0" applyNumberFormat="1" applyFont="1" applyBorder="1" applyAlignment="1">
      <alignment shrinkToFit="1"/>
    </xf>
    <xf numFmtId="180" fontId="0" fillId="0" borderId="36" xfId="0" applyNumberFormat="1" applyFont="1" applyBorder="1" applyAlignment="1">
      <alignment shrinkToFit="1"/>
    </xf>
    <xf numFmtId="180" fontId="0" fillId="0" borderId="37" xfId="0" applyNumberFormat="1" applyFont="1" applyBorder="1" applyAlignment="1">
      <alignment shrinkToFit="1"/>
    </xf>
    <xf numFmtId="180" fontId="0" fillId="0" borderId="34" xfId="0" applyNumberFormat="1" applyFont="1" applyBorder="1" applyAlignment="1">
      <alignment shrinkToFit="1"/>
    </xf>
    <xf numFmtId="180" fontId="0" fillId="0" borderId="43" xfId="0" applyNumberFormat="1" applyFont="1" applyBorder="1" applyAlignment="1">
      <alignment shrinkToFit="1"/>
    </xf>
    <xf numFmtId="180" fontId="0" fillId="0" borderId="58" xfId="0" applyNumberFormat="1" applyFont="1" applyBorder="1" applyAlignment="1">
      <alignment shrinkToFit="1"/>
    </xf>
    <xf numFmtId="180" fontId="0" fillId="0" borderId="51" xfId="0" applyNumberFormat="1" applyFont="1" applyBorder="1" applyAlignment="1">
      <alignment shrinkToFit="1"/>
    </xf>
    <xf numFmtId="180" fontId="0" fillId="0" borderId="34" xfId="1" applyNumberFormat="1" applyFont="1" applyFill="1" applyBorder="1" applyAlignment="1">
      <alignment shrinkToFit="1"/>
    </xf>
    <xf numFmtId="180" fontId="0" fillId="0" borderId="52" xfId="0" applyNumberFormat="1" applyFont="1" applyBorder="1" applyAlignment="1">
      <alignment shrinkToFit="1"/>
    </xf>
    <xf numFmtId="180" fontId="0" fillId="0" borderId="45" xfId="0" applyNumberFormat="1" applyFont="1" applyBorder="1" applyAlignment="1">
      <alignment shrinkToFit="1"/>
    </xf>
    <xf numFmtId="0" fontId="0" fillId="0" borderId="0" xfId="0" applyFont="1" applyAlignment="1">
      <alignment vertical="center" shrinkToFit="1"/>
    </xf>
    <xf numFmtId="179" fontId="0" fillId="0" borderId="54" xfId="0" applyNumberFormat="1" applyFont="1" applyBorder="1" applyAlignment="1">
      <alignment shrinkToFit="1"/>
    </xf>
    <xf numFmtId="179" fontId="0" fillId="0" borderId="5" xfId="0" applyNumberFormat="1" applyFont="1" applyBorder="1" applyAlignment="1">
      <alignment shrinkToFit="1"/>
    </xf>
    <xf numFmtId="179" fontId="0" fillId="0" borderId="46" xfId="0" applyNumberFormat="1" applyFont="1" applyBorder="1" applyAlignment="1">
      <alignment shrinkToFit="1"/>
    </xf>
    <xf numFmtId="179" fontId="0" fillId="0" borderId="56" xfId="0" applyNumberFormat="1" applyFont="1" applyBorder="1" applyAlignment="1">
      <alignment shrinkToFit="1"/>
    </xf>
    <xf numFmtId="179" fontId="0" fillId="0" borderId="39" xfId="0" applyNumberFormat="1" applyFont="1" applyBorder="1" applyAlignment="1">
      <alignment shrinkToFit="1"/>
    </xf>
    <xf numFmtId="179" fontId="0" fillId="0" borderId="38" xfId="0" applyNumberFormat="1" applyFont="1" applyBorder="1" applyAlignment="1">
      <alignment shrinkToFit="1"/>
    </xf>
    <xf numFmtId="179" fontId="0" fillId="0" borderId="53" xfId="0" applyNumberFormat="1" applyFont="1" applyBorder="1" applyAlignment="1">
      <alignment shrinkToFit="1"/>
    </xf>
    <xf numFmtId="179" fontId="0" fillId="0" borderId="8" xfId="0" applyNumberFormat="1" applyFont="1" applyBorder="1" applyAlignment="1">
      <alignment shrinkToFit="1"/>
    </xf>
    <xf numFmtId="179" fontId="0" fillId="0" borderId="48" xfId="0" applyNumberFormat="1" applyFont="1" applyBorder="1" applyAlignment="1">
      <alignment shrinkToFit="1"/>
    </xf>
    <xf numFmtId="180" fontId="0" fillId="0" borderId="7" xfId="2" applyNumberFormat="1" applyFont="1" applyBorder="1" applyAlignment="1">
      <alignment vertical="center" shrinkToFit="1"/>
    </xf>
    <xf numFmtId="180" fontId="0" fillId="0" borderId="5" xfId="2" applyNumberFormat="1" applyFont="1" applyBorder="1" applyAlignment="1">
      <alignment vertical="center" shrinkToFit="1"/>
    </xf>
    <xf numFmtId="180" fontId="0" fillId="0" borderId="56" xfId="2" applyNumberFormat="1" applyFont="1" applyBorder="1" applyAlignment="1">
      <alignment vertical="center" shrinkToFit="1"/>
    </xf>
    <xf numFmtId="180" fontId="0" fillId="0" borderId="61" xfId="2" applyNumberFormat="1" applyFont="1" applyBorder="1" applyAlignment="1">
      <alignment vertical="center" shrinkToFit="1"/>
    </xf>
    <xf numFmtId="180" fontId="0" fillId="0" borderId="62" xfId="2" applyNumberFormat="1" applyFont="1" applyBorder="1" applyAlignment="1">
      <alignment vertical="center" shrinkToFit="1"/>
    </xf>
    <xf numFmtId="180" fontId="0" fillId="0" borderId="63" xfId="2" applyNumberFormat="1" applyFont="1" applyBorder="1" applyAlignment="1">
      <alignment vertical="center" shrinkToFit="1"/>
    </xf>
    <xf numFmtId="180" fontId="0" fillId="0" borderId="0" xfId="2" applyNumberFormat="1" applyFont="1" applyBorder="1" applyAlignment="1">
      <alignment vertical="center" shrinkToFit="1"/>
    </xf>
    <xf numFmtId="180" fontId="0" fillId="0" borderId="64" xfId="2" applyNumberFormat="1" applyFont="1" applyBorder="1" applyAlignment="1">
      <alignment vertical="center" shrinkToFit="1"/>
    </xf>
    <xf numFmtId="180" fontId="0" fillId="0" borderId="48" xfId="2" applyNumberFormat="1" applyFont="1" applyBorder="1" applyAlignment="1">
      <alignment vertical="center" shrinkToFit="1"/>
    </xf>
    <xf numFmtId="180" fontId="0" fillId="0" borderId="8" xfId="1" applyNumberFormat="1" applyFont="1" applyFill="1" applyBorder="1" applyAlignment="1">
      <alignment vertical="center" shrinkToFit="1"/>
    </xf>
    <xf numFmtId="180" fontId="0" fillId="0" borderId="5" xfId="1" applyNumberFormat="1" applyFont="1" applyFill="1" applyBorder="1" applyAlignment="1">
      <alignment vertical="center" shrinkToFit="1"/>
    </xf>
    <xf numFmtId="180" fontId="0" fillId="0" borderId="46" xfId="1" applyNumberFormat="1" applyFont="1" applyFill="1" applyBorder="1" applyAlignment="1">
      <alignment vertical="center" shrinkToFit="1"/>
    </xf>
    <xf numFmtId="180" fontId="0" fillId="0" borderId="5" xfId="0" applyNumberFormat="1" applyFont="1" applyBorder="1" applyAlignment="1">
      <alignment shrinkToFit="1"/>
    </xf>
    <xf numFmtId="180" fontId="0" fillId="0" borderId="38" xfId="0" applyNumberFormat="1" applyFont="1" applyBorder="1" applyAlignment="1">
      <alignment shrinkToFit="1"/>
    </xf>
    <xf numFmtId="180" fontId="0" fillId="0" borderId="39" xfId="0" applyNumberFormat="1" applyFont="1" applyBorder="1" applyAlignment="1">
      <alignment shrinkToFit="1"/>
    </xf>
    <xf numFmtId="180" fontId="0" fillId="0" borderId="8" xfId="0" applyNumberFormat="1" applyFont="1" applyBorder="1" applyAlignment="1">
      <alignment shrinkToFit="1"/>
    </xf>
    <xf numFmtId="180" fontId="0" fillId="0" borderId="46" xfId="0" applyNumberFormat="1" applyFont="1" applyBorder="1" applyAlignment="1">
      <alignment shrinkToFit="1"/>
    </xf>
    <xf numFmtId="180" fontId="0" fillId="0" borderId="56" xfId="0" applyNumberFormat="1" applyFont="1" applyBorder="1" applyAlignment="1">
      <alignment shrinkToFit="1"/>
    </xf>
    <xf numFmtId="180" fontId="0" fillId="0" borderId="53" xfId="0" applyNumberFormat="1" applyFont="1" applyBorder="1" applyAlignment="1">
      <alignment shrinkToFit="1"/>
    </xf>
    <xf numFmtId="180" fontId="0" fillId="0" borderId="8" xfId="1" applyNumberFormat="1" applyFont="1" applyFill="1" applyBorder="1" applyAlignment="1">
      <alignment shrinkToFit="1"/>
    </xf>
    <xf numFmtId="180" fontId="0" fillId="0" borderId="54" xfId="0" applyNumberFormat="1" applyFont="1" applyBorder="1" applyAlignment="1">
      <alignment shrinkToFit="1"/>
    </xf>
    <xf numFmtId="180" fontId="0" fillId="0" borderId="48" xfId="0" applyNumberFormat="1" applyFont="1" applyBorder="1" applyAlignment="1">
      <alignment shrinkToFit="1"/>
    </xf>
    <xf numFmtId="179" fontId="0" fillId="0" borderId="54" xfId="0" applyNumberFormat="1" applyFont="1" applyBorder="1"/>
    <xf numFmtId="179" fontId="0" fillId="0" borderId="5" xfId="0" applyNumberFormat="1" applyFont="1" applyBorder="1"/>
    <xf numFmtId="179" fontId="0" fillId="0" borderId="46" xfId="0" applyNumberFormat="1" applyFont="1" applyBorder="1"/>
    <xf numFmtId="179" fontId="0" fillId="0" borderId="56" xfId="0" applyNumberFormat="1" applyFont="1" applyBorder="1"/>
    <xf numFmtId="179" fontId="0" fillId="0" borderId="39" xfId="0" applyNumberFormat="1" applyFont="1" applyBorder="1"/>
    <xf numFmtId="179" fontId="0" fillId="0" borderId="38" xfId="0" applyNumberFormat="1" applyFont="1" applyBorder="1"/>
    <xf numFmtId="179" fontId="0" fillId="0" borderId="53" xfId="0" applyNumberFormat="1" applyFont="1" applyBorder="1"/>
    <xf numFmtId="179" fontId="0" fillId="0" borderId="8" xfId="0" applyNumberFormat="1" applyFont="1" applyBorder="1"/>
    <xf numFmtId="179" fontId="0" fillId="0" borderId="48" xfId="0" applyNumberFormat="1" applyFont="1" applyBorder="1"/>
    <xf numFmtId="180" fontId="0" fillId="0" borderId="7" xfId="2" applyNumberFormat="1" applyFont="1" applyBorder="1">
      <alignment vertical="center"/>
    </xf>
    <xf numFmtId="180" fontId="0" fillId="0" borderId="5" xfId="2" applyNumberFormat="1" applyFont="1" applyBorder="1">
      <alignment vertical="center"/>
    </xf>
    <xf numFmtId="180" fontId="0" fillId="0" borderId="56" xfId="2" applyNumberFormat="1" applyFont="1" applyBorder="1">
      <alignment vertical="center"/>
    </xf>
    <xf numFmtId="180" fontId="0" fillId="0" borderId="53" xfId="2" applyNumberFormat="1" applyFont="1" applyBorder="1">
      <alignment vertical="center"/>
    </xf>
    <xf numFmtId="180" fontId="0" fillId="0" borderId="54" xfId="2" applyNumberFormat="1" applyFont="1" applyBorder="1">
      <alignment vertical="center"/>
    </xf>
    <xf numFmtId="180" fontId="0" fillId="0" borderId="46" xfId="2" applyNumberFormat="1" applyFont="1" applyBorder="1">
      <alignment vertical="center"/>
    </xf>
    <xf numFmtId="180" fontId="0" fillId="0" borderId="48" xfId="2" applyNumberFormat="1" applyFont="1" applyBorder="1">
      <alignment vertical="center"/>
    </xf>
    <xf numFmtId="180" fontId="0" fillId="0" borderId="8" xfId="1" applyNumberFormat="1" applyFont="1" applyFill="1" applyBorder="1" applyAlignment="1">
      <alignment vertical="center"/>
    </xf>
    <xf numFmtId="180" fontId="0" fillId="0" borderId="5" xfId="1" applyNumberFormat="1" applyFont="1" applyFill="1" applyBorder="1" applyAlignment="1">
      <alignment vertical="center"/>
    </xf>
    <xf numFmtId="180" fontId="0" fillId="0" borderId="46" xfId="1" applyNumberFormat="1" applyFont="1" applyFill="1" applyBorder="1" applyAlignment="1">
      <alignment vertical="center"/>
    </xf>
    <xf numFmtId="180" fontId="0" fillId="0" borderId="5" xfId="0" applyNumberFormat="1" applyFont="1" applyBorder="1"/>
    <xf numFmtId="180" fontId="0" fillId="0" borderId="38" xfId="0" applyNumberFormat="1" applyFont="1" applyBorder="1"/>
    <xf numFmtId="180" fontId="0" fillId="0" borderId="39" xfId="0" applyNumberFormat="1" applyFont="1" applyBorder="1"/>
    <xf numFmtId="180" fontId="0" fillId="0" borderId="8" xfId="0" applyNumberFormat="1" applyFont="1" applyBorder="1"/>
    <xf numFmtId="180" fontId="0" fillId="0" borderId="46" xfId="0" applyNumberFormat="1" applyFont="1" applyBorder="1"/>
    <xf numFmtId="180" fontId="0" fillId="0" borderId="56" xfId="0" applyNumberFormat="1" applyFont="1" applyBorder="1"/>
    <xf numFmtId="180" fontId="0" fillId="0" borderId="53" xfId="0" applyNumberFormat="1" applyFont="1" applyBorder="1"/>
    <xf numFmtId="180" fontId="0" fillId="0" borderId="8" xfId="1" applyNumberFormat="1" applyFont="1" applyFill="1" applyBorder="1" applyAlignment="1"/>
    <xf numFmtId="180" fontId="0" fillId="0" borderId="54" xfId="0" applyNumberFormat="1" applyFont="1" applyBorder="1"/>
    <xf numFmtId="180" fontId="0" fillId="0" borderId="48" xfId="0" applyNumberFormat="1" applyFont="1" applyBorder="1"/>
    <xf numFmtId="180" fontId="0" fillId="0" borderId="61" xfId="2" applyNumberFormat="1" applyFont="1" applyBorder="1">
      <alignment vertical="center"/>
    </xf>
    <xf numFmtId="180" fontId="0" fillId="0" borderId="62" xfId="2" applyNumberFormat="1" applyFont="1" applyBorder="1">
      <alignment vertical="center"/>
    </xf>
    <xf numFmtId="180" fontId="0" fillId="0" borderId="63" xfId="2" applyNumberFormat="1" applyFont="1" applyBorder="1">
      <alignment vertical="center"/>
    </xf>
    <xf numFmtId="180" fontId="0" fillId="0" borderId="0" xfId="2" applyNumberFormat="1" applyFont="1" applyBorder="1">
      <alignment vertical="center"/>
    </xf>
    <xf numFmtId="180" fontId="0" fillId="0" borderId="64" xfId="2" applyNumberFormat="1" applyFont="1" applyBorder="1">
      <alignment vertical="center"/>
    </xf>
    <xf numFmtId="180" fontId="0" fillId="0" borderId="3" xfId="2" applyNumberFormat="1" applyFont="1" applyBorder="1">
      <alignment vertical="center"/>
    </xf>
    <xf numFmtId="180" fontId="0" fillId="0" borderId="42" xfId="2" applyNumberFormat="1" applyFont="1" applyBorder="1">
      <alignment vertical="center"/>
    </xf>
    <xf numFmtId="180" fontId="0" fillId="0" borderId="57" xfId="2" applyNumberFormat="1" applyFont="1" applyBorder="1">
      <alignment vertical="center"/>
    </xf>
    <xf numFmtId="180" fontId="0" fillId="0" borderId="59" xfId="2" applyNumberFormat="1" applyFont="1" applyBorder="1">
      <alignment vertical="center"/>
    </xf>
    <xf numFmtId="179" fontId="0" fillId="0" borderId="57" xfId="0" applyNumberFormat="1" applyFont="1" applyBorder="1"/>
    <xf numFmtId="179" fontId="0" fillId="0" borderId="73" xfId="0" applyNumberFormat="1" applyFont="1" applyBorder="1"/>
    <xf numFmtId="179" fontId="0" fillId="0" borderId="42" xfId="0" applyNumberFormat="1" applyFont="1" applyBorder="1"/>
    <xf numFmtId="179" fontId="0" fillId="0" borderId="47" xfId="0" applyNumberFormat="1" applyFont="1" applyBorder="1"/>
    <xf numFmtId="179" fontId="0" fillId="0" borderId="64" xfId="0" applyNumberFormat="1" applyFont="1" applyBorder="1"/>
    <xf numFmtId="179" fontId="0" fillId="0" borderId="62" xfId="0" applyNumberFormat="1" applyFont="1" applyBorder="1"/>
    <xf numFmtId="179" fontId="0" fillId="0" borderId="0" xfId="0" applyNumberFormat="1" applyFont="1" applyBorder="1"/>
    <xf numFmtId="179" fontId="0" fillId="0" borderId="33" xfId="0" applyNumberFormat="1" applyFont="1" applyBorder="1"/>
    <xf numFmtId="179" fontId="0" fillId="0" borderId="12" xfId="0" applyNumberFormat="1" applyFont="1" applyBorder="1"/>
    <xf numFmtId="179" fontId="0" fillId="0" borderId="13" xfId="0" applyNumberFormat="1" applyFont="1" applyBorder="1"/>
    <xf numFmtId="179" fontId="0" fillId="0" borderId="66" xfId="0" applyNumberFormat="1" applyFont="1" applyBorder="1"/>
    <xf numFmtId="179" fontId="0" fillId="0" borderId="40" xfId="0" applyNumberFormat="1" applyFont="1" applyBorder="1"/>
    <xf numFmtId="179" fontId="0" fillId="0" borderId="25" xfId="0" applyNumberFormat="1" applyFont="1" applyBorder="1"/>
    <xf numFmtId="179" fontId="0" fillId="0" borderId="26" xfId="0" applyNumberFormat="1" applyFont="1" applyBorder="1"/>
    <xf numFmtId="179" fontId="0" fillId="0" borderId="9" xfId="0" applyNumberFormat="1" applyFont="1" applyBorder="1"/>
    <xf numFmtId="179" fontId="0" fillId="0" borderId="30" xfId="0" applyNumberFormat="1" applyFont="1" applyBorder="1"/>
    <xf numFmtId="180" fontId="0" fillId="0" borderId="14" xfId="2" applyNumberFormat="1" applyFont="1" applyBorder="1">
      <alignment vertical="center"/>
    </xf>
    <xf numFmtId="180" fontId="0" fillId="0" borderId="12" xfId="2" applyNumberFormat="1" applyFont="1" applyBorder="1">
      <alignment vertical="center"/>
    </xf>
    <xf numFmtId="180" fontId="0" fillId="0" borderId="66" xfId="2" applyNumberFormat="1" applyFont="1" applyBorder="1">
      <alignment vertical="center"/>
    </xf>
    <xf numFmtId="180" fontId="0" fillId="0" borderId="67" xfId="2" applyNumberFormat="1" applyFont="1" applyBorder="1">
      <alignment vertical="center"/>
    </xf>
    <xf numFmtId="180" fontId="0" fillId="0" borderId="68" xfId="2" applyNumberFormat="1" applyFont="1" applyBorder="1">
      <alignment vertical="center"/>
    </xf>
    <xf numFmtId="180" fontId="0" fillId="0" borderId="69" xfId="2" applyNumberFormat="1" applyFont="1" applyBorder="1">
      <alignment vertical="center"/>
    </xf>
    <xf numFmtId="180" fontId="0" fillId="0" borderId="70" xfId="2" applyNumberFormat="1" applyFont="1" applyBorder="1">
      <alignment vertical="center"/>
    </xf>
    <xf numFmtId="180" fontId="0" fillId="0" borderId="71" xfId="2" applyNumberFormat="1" applyFont="1" applyBorder="1">
      <alignment vertical="center"/>
    </xf>
    <xf numFmtId="180" fontId="0" fillId="0" borderId="30" xfId="2" applyNumberFormat="1" applyFont="1" applyBorder="1">
      <alignment vertical="center"/>
    </xf>
    <xf numFmtId="180" fontId="0" fillId="0" borderId="9" xfId="1" applyNumberFormat="1" applyFont="1" applyFill="1" applyBorder="1" applyAlignment="1">
      <alignment vertical="center"/>
    </xf>
    <xf numFmtId="180" fontId="0" fillId="0" borderId="12" xfId="1" applyNumberFormat="1" applyFont="1" applyFill="1" applyBorder="1" applyAlignment="1">
      <alignment vertical="center"/>
    </xf>
    <xf numFmtId="180" fontId="0" fillId="0" borderId="13" xfId="1" applyNumberFormat="1" applyFont="1" applyFill="1" applyBorder="1" applyAlignment="1">
      <alignment vertical="center"/>
    </xf>
    <xf numFmtId="180" fontId="0" fillId="0" borderId="12" xfId="0" applyNumberFormat="1" applyFont="1" applyBorder="1"/>
    <xf numFmtId="180" fontId="0" fillId="0" borderId="25" xfId="0" applyNumberFormat="1" applyFont="1" applyBorder="1"/>
    <xf numFmtId="180" fontId="0" fillId="0" borderId="40" xfId="0" applyNumberFormat="1" applyFont="1" applyBorder="1"/>
    <xf numFmtId="180" fontId="0" fillId="0" borderId="9" xfId="0" applyNumberFormat="1" applyFont="1" applyBorder="1"/>
    <xf numFmtId="180" fontId="0" fillId="0" borderId="13" xfId="0" applyNumberFormat="1" applyFont="1" applyBorder="1"/>
    <xf numFmtId="180" fontId="0" fillId="0" borderId="66" xfId="0" applyNumberFormat="1" applyFont="1" applyBorder="1"/>
    <xf numFmtId="180" fontId="0" fillId="0" borderId="26" xfId="0" applyNumberFormat="1" applyFont="1" applyBorder="1"/>
    <xf numFmtId="180" fontId="0" fillId="0" borderId="9" xfId="1" applyNumberFormat="1" applyFont="1" applyFill="1" applyBorder="1" applyAlignment="1"/>
    <xf numFmtId="180" fontId="0" fillId="0" borderId="33" xfId="0" applyNumberFormat="1" applyFont="1" applyBorder="1"/>
    <xf numFmtId="180" fontId="0" fillId="0" borderId="30" xfId="0" applyNumberFormat="1" applyFont="1" applyBorder="1"/>
    <xf numFmtId="180" fontId="0" fillId="0" borderId="51" xfId="1" applyNumberFormat="1" applyFont="1" applyFill="1" applyBorder="1" applyAlignment="1">
      <alignment vertical="center" shrinkToFit="1"/>
    </xf>
    <xf numFmtId="180" fontId="0" fillId="0" borderId="53" xfId="1" applyNumberFormat="1" applyFont="1" applyFill="1" applyBorder="1" applyAlignment="1">
      <alignment vertical="center" shrinkToFit="1"/>
    </xf>
    <xf numFmtId="180" fontId="0" fillId="0" borderId="53" xfId="1" applyNumberFormat="1" applyFont="1" applyFill="1" applyBorder="1" applyAlignment="1">
      <alignment vertical="center"/>
    </xf>
    <xf numFmtId="180" fontId="0" fillId="0" borderId="26" xfId="1" applyNumberFormat="1" applyFont="1" applyFill="1" applyBorder="1" applyAlignment="1">
      <alignment vertical="center"/>
    </xf>
    <xf numFmtId="180" fontId="0" fillId="0" borderId="90" xfId="1" applyNumberFormat="1" applyFont="1" applyFill="1" applyBorder="1" applyAlignment="1">
      <alignment vertical="center" shrinkToFit="1"/>
    </xf>
    <xf numFmtId="0" fontId="0" fillId="0" borderId="0" xfId="0" applyFont="1" applyBorder="1" applyAlignment="1">
      <alignment vertical="center" shrinkToFit="1"/>
    </xf>
    <xf numFmtId="0" fontId="0" fillId="0" borderId="78" xfId="0" applyFont="1" applyBorder="1" applyAlignment="1">
      <alignment horizontal="left" vertical="center" shrinkToFit="1"/>
    </xf>
    <xf numFmtId="0" fontId="0" fillId="0" borderId="32" xfId="0" applyFont="1" applyBorder="1" applyAlignment="1">
      <alignment horizontal="left" vertical="center" shrinkToFit="1"/>
    </xf>
    <xf numFmtId="0" fontId="0" fillId="0" borderId="32" xfId="0" applyFont="1" applyBorder="1" applyAlignment="1">
      <alignment horizontal="left" vertical="center"/>
    </xf>
    <xf numFmtId="0" fontId="0" fillId="0" borderId="19" xfId="0" applyFont="1" applyBorder="1" applyAlignment="1">
      <alignment horizontal="left" vertical="center"/>
    </xf>
    <xf numFmtId="178" fontId="0" fillId="0" borderId="51" xfId="0" applyNumberFormat="1" applyFont="1" applyBorder="1" applyAlignment="1">
      <alignment vertical="center"/>
    </xf>
    <xf numFmtId="178" fontId="0" fillId="0" borderId="53" xfId="0" applyNumberFormat="1" applyFont="1" applyBorder="1" applyAlignment="1">
      <alignment vertical="center"/>
    </xf>
    <xf numFmtId="178" fontId="0" fillId="0" borderId="26" xfId="0" applyNumberFormat="1" applyFont="1" applyBorder="1" applyAlignment="1">
      <alignment vertical="center"/>
    </xf>
    <xf numFmtId="178" fontId="0" fillId="0" borderId="51" xfId="1" applyNumberFormat="1" applyFont="1" applyBorder="1" applyAlignment="1">
      <alignment vertical="center"/>
    </xf>
    <xf numFmtId="178" fontId="0" fillId="0" borderId="53" xfId="1" applyNumberFormat="1" applyFont="1" applyBorder="1" applyAlignment="1">
      <alignment vertical="center"/>
    </xf>
    <xf numFmtId="178" fontId="0" fillId="0" borderId="26" xfId="1" applyNumberFormat="1" applyFont="1" applyBorder="1" applyAlignment="1">
      <alignment vertical="center"/>
    </xf>
    <xf numFmtId="183" fontId="5" fillId="0" borderId="0" xfId="0" applyNumberFormat="1" applyFont="1" applyBorder="1" applyAlignment="1">
      <alignment horizontal="left" vertical="center" shrinkToFit="1"/>
    </xf>
    <xf numFmtId="183" fontId="5" fillId="0" borderId="0" xfId="0" applyNumberFormat="1" applyFont="1" applyAlignment="1">
      <alignment horizontal="left" vertical="center" shrinkToFit="1"/>
    </xf>
    <xf numFmtId="0" fontId="5" fillId="0" borderId="0" xfId="0" applyFont="1" applyAlignment="1">
      <alignment horizontal="center" vertical="center"/>
    </xf>
    <xf numFmtId="0" fontId="3" fillId="0" borderId="95" xfId="0" applyFont="1" applyBorder="1" applyAlignment="1">
      <alignment horizontal="center" vertical="center"/>
    </xf>
    <xf numFmtId="0" fontId="3" fillId="0" borderId="77" xfId="0" applyFont="1" applyBorder="1" applyAlignment="1">
      <alignment horizontal="center" vertical="center"/>
    </xf>
    <xf numFmtId="0" fontId="3" fillId="0" borderId="10" xfId="0" applyFont="1" applyBorder="1" applyAlignment="1">
      <alignment horizontal="center" vertical="center"/>
    </xf>
    <xf numFmtId="185" fontId="0"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77" xfId="0" applyFont="1" applyBorder="1" applyAlignment="1">
      <alignment horizontal="center" vertical="center"/>
    </xf>
    <xf numFmtId="0" fontId="0" fillId="0" borderId="10" xfId="0" applyFont="1" applyBorder="1" applyAlignment="1">
      <alignment horizontal="center" vertical="center"/>
    </xf>
    <xf numFmtId="0" fontId="0" fillId="0" borderId="85" xfId="0" applyFont="1" applyBorder="1" applyAlignment="1">
      <alignment horizontal="center" vertical="center"/>
    </xf>
    <xf numFmtId="0" fontId="0" fillId="0" borderId="70" xfId="0" applyFont="1" applyBorder="1" applyAlignment="1">
      <alignment horizontal="center" vertical="center"/>
    </xf>
    <xf numFmtId="0" fontId="0" fillId="0" borderId="86"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0" fillId="0" borderId="92" xfId="0" applyFont="1" applyBorder="1" applyAlignment="1">
      <alignment horizontal="center" vertical="center"/>
    </xf>
    <xf numFmtId="0" fontId="0" fillId="0" borderId="87" xfId="0" applyFont="1" applyBorder="1" applyAlignment="1">
      <alignment horizontal="center" vertical="center"/>
    </xf>
    <xf numFmtId="0" fontId="0" fillId="0" borderId="88" xfId="0" applyFont="1" applyBorder="1" applyAlignment="1">
      <alignment horizontal="center" vertical="center"/>
    </xf>
    <xf numFmtId="0" fontId="0" fillId="0" borderId="87" xfId="0" applyFont="1" applyBorder="1" applyAlignment="1">
      <alignment horizontal="left" vertical="center"/>
    </xf>
    <xf numFmtId="0" fontId="0" fillId="0" borderId="88" xfId="0" applyFont="1" applyBorder="1" applyAlignment="1">
      <alignment horizontal="left" vertical="center"/>
    </xf>
    <xf numFmtId="0" fontId="0" fillId="0" borderId="1" xfId="0" applyFont="1" applyBorder="1" applyAlignment="1">
      <alignment horizontal="left" vertical="center"/>
    </xf>
    <xf numFmtId="0" fontId="0" fillId="0" borderId="77" xfId="0" applyFont="1" applyBorder="1" applyAlignment="1">
      <alignment horizontal="left" vertical="center"/>
    </xf>
    <xf numFmtId="0" fontId="0" fillId="0" borderId="10" xfId="0" applyFont="1" applyBorder="1" applyAlignment="1">
      <alignment horizontal="left" vertical="center"/>
    </xf>
    <xf numFmtId="186" fontId="5" fillId="0" borderId="0" xfId="0" applyNumberFormat="1" applyFont="1" applyBorder="1" applyAlignment="1">
      <alignment horizontal="right" vertical="center"/>
    </xf>
    <xf numFmtId="0" fontId="0" fillId="0" borderId="28" xfId="0" applyFont="1" applyBorder="1" applyAlignment="1">
      <alignment horizontal="center" vertical="center"/>
    </xf>
    <xf numFmtId="0" fontId="0" fillId="0" borderId="16" xfId="0" applyFont="1" applyBorder="1" applyAlignment="1">
      <alignment horizontal="center" vertical="center"/>
    </xf>
    <xf numFmtId="0" fontId="0" fillId="0" borderId="2" xfId="0" applyFont="1" applyBorder="1" applyAlignment="1">
      <alignment horizontal="center" vertical="center"/>
    </xf>
    <xf numFmtId="0" fontId="0" fillId="0" borderId="80" xfId="0" applyFont="1" applyBorder="1" applyAlignment="1">
      <alignment horizontal="center" vertical="center"/>
    </xf>
    <xf numFmtId="182" fontId="0" fillId="0" borderId="0" xfId="0" applyNumberFormat="1" applyFont="1" applyAlignment="1">
      <alignment horizontal="center" vertical="center"/>
    </xf>
    <xf numFmtId="0" fontId="2" fillId="0" borderId="37" xfId="3" applyFont="1" applyBorder="1" applyAlignment="1">
      <alignment horizontal="center" vertical="center"/>
    </xf>
    <xf numFmtId="0" fontId="2" fillId="0" borderId="40" xfId="3" applyFont="1" applyBorder="1" applyAlignment="1">
      <alignment horizontal="center" vertical="center"/>
    </xf>
    <xf numFmtId="0" fontId="2" fillId="0" borderId="34" xfId="3" applyFont="1" applyBorder="1" applyAlignment="1">
      <alignment horizontal="center" vertical="center"/>
    </xf>
    <xf numFmtId="0" fontId="2" fillId="0" borderId="35" xfId="3" applyFont="1" applyBorder="1" applyAlignment="1">
      <alignment horizontal="center" vertical="center"/>
    </xf>
    <xf numFmtId="0" fontId="2" fillId="0" borderId="36" xfId="3" applyFont="1" applyBorder="1" applyAlignment="1">
      <alignment horizontal="center" vertical="center"/>
    </xf>
    <xf numFmtId="0" fontId="2" fillId="0" borderId="51" xfId="3" applyFont="1" applyBorder="1" applyAlignment="1">
      <alignment horizontal="center" vertical="center"/>
    </xf>
    <xf numFmtId="0" fontId="2" fillId="0" borderId="43" xfId="3" applyFont="1" applyBorder="1" applyAlignment="1">
      <alignment horizontal="center" vertical="center"/>
    </xf>
    <xf numFmtId="0" fontId="2" fillId="0" borderId="1" xfId="3" applyFont="1" applyBorder="1" applyAlignment="1">
      <alignment horizontal="center" vertical="center"/>
    </xf>
    <xf numFmtId="0" fontId="2" fillId="0" borderId="28" xfId="3" applyFont="1" applyBorder="1" applyAlignment="1">
      <alignment horizontal="center" vertical="center"/>
    </xf>
    <xf numFmtId="0" fontId="2" fillId="0" borderId="85" xfId="3" applyFont="1" applyBorder="1" applyAlignment="1">
      <alignment horizontal="center" vertical="center"/>
    </xf>
    <xf numFmtId="0" fontId="2" fillId="0" borderId="97" xfId="3" applyFont="1" applyBorder="1" applyAlignment="1">
      <alignment horizontal="center" vertical="center"/>
    </xf>
    <xf numFmtId="0" fontId="2" fillId="0" borderId="98" xfId="3" applyFont="1" applyBorder="1" applyAlignment="1">
      <alignment horizontal="center" vertical="center"/>
    </xf>
    <xf numFmtId="0" fontId="2" fillId="0" borderId="99" xfId="3" applyFont="1" applyBorder="1" applyAlignment="1">
      <alignment horizontal="center" vertical="center"/>
    </xf>
    <xf numFmtId="182" fontId="2" fillId="0" borderId="0" xfId="0" applyNumberFormat="1" applyFont="1" applyAlignment="1">
      <alignment horizontal="center" vertical="center"/>
    </xf>
    <xf numFmtId="0" fontId="2" fillId="0" borderId="18" xfId="3" applyFont="1" applyBorder="1" applyAlignment="1">
      <alignment horizontal="center" vertical="center"/>
    </xf>
    <xf numFmtId="0" fontId="2" fillId="0" borderId="2" xfId="3" applyFont="1" applyBorder="1" applyAlignment="1">
      <alignment horizontal="center" vertical="center"/>
    </xf>
    <xf numFmtId="0" fontId="2" fillId="0" borderId="80" xfId="3" applyFont="1" applyBorder="1" applyAlignment="1">
      <alignment horizontal="center" vertical="center"/>
    </xf>
    <xf numFmtId="0" fontId="0" fillId="0" borderId="34" xfId="3" applyFont="1" applyBorder="1" applyAlignment="1">
      <alignment horizontal="center" vertical="center"/>
    </xf>
    <xf numFmtId="0" fontId="0" fillId="0" borderId="35" xfId="3" applyFont="1" applyBorder="1" applyAlignment="1">
      <alignment horizontal="center" vertical="center"/>
    </xf>
    <xf numFmtId="0" fontId="0" fillId="0" borderId="36" xfId="3" applyFont="1" applyBorder="1" applyAlignment="1">
      <alignment horizontal="center" vertical="center"/>
    </xf>
    <xf numFmtId="0" fontId="0" fillId="0" borderId="51" xfId="3" applyFont="1" applyBorder="1" applyAlignment="1">
      <alignment horizontal="center" vertical="center"/>
    </xf>
    <xf numFmtId="0" fontId="0" fillId="0" borderId="37" xfId="3" applyFont="1" applyBorder="1" applyAlignment="1">
      <alignment horizontal="center" vertical="center"/>
    </xf>
    <xf numFmtId="0" fontId="0" fillId="0" borderId="40" xfId="3" applyFont="1" applyBorder="1" applyAlignment="1">
      <alignment horizontal="center" vertical="center"/>
    </xf>
    <xf numFmtId="0" fontId="0" fillId="0" borderId="43" xfId="3" applyFont="1" applyBorder="1" applyAlignment="1">
      <alignment horizontal="center" vertical="center"/>
    </xf>
    <xf numFmtId="0" fontId="0" fillId="0" borderId="97" xfId="3" applyFont="1" applyBorder="1" applyAlignment="1">
      <alignment horizontal="center" vertical="center"/>
    </xf>
    <xf numFmtId="0" fontId="0" fillId="0" borderId="98" xfId="3" applyFont="1" applyBorder="1" applyAlignment="1">
      <alignment horizontal="center" vertical="center"/>
    </xf>
    <xf numFmtId="0" fontId="0" fillId="0" borderId="99" xfId="3" applyFont="1" applyBorder="1" applyAlignment="1">
      <alignment horizontal="center" vertical="center"/>
    </xf>
    <xf numFmtId="0" fontId="0" fillId="0" borderId="18" xfId="3" applyFont="1" applyBorder="1" applyAlignment="1">
      <alignment horizontal="center" vertical="center"/>
    </xf>
    <xf numFmtId="0" fontId="0" fillId="0" borderId="2" xfId="3" applyFont="1" applyBorder="1" applyAlignment="1">
      <alignment horizontal="center" vertical="center"/>
    </xf>
    <xf numFmtId="0" fontId="0" fillId="0" borderId="80" xfId="3" applyFont="1" applyBorder="1" applyAlignment="1">
      <alignment horizontal="center" vertical="center"/>
    </xf>
    <xf numFmtId="0" fontId="0" fillId="0" borderId="1" xfId="3" applyFont="1" applyBorder="1" applyAlignment="1">
      <alignment horizontal="center" vertical="center"/>
    </xf>
    <xf numFmtId="0" fontId="0" fillId="0" borderId="28" xfId="3" applyFont="1" applyBorder="1" applyAlignment="1">
      <alignment horizontal="center" vertical="center"/>
    </xf>
    <xf numFmtId="0" fontId="0" fillId="0" borderId="85" xfId="3" applyFont="1" applyBorder="1" applyAlignment="1">
      <alignment horizontal="center" vertical="center"/>
    </xf>
    <xf numFmtId="0" fontId="0" fillId="0" borderId="92" xfId="3" applyFont="1" applyBorder="1" applyAlignment="1">
      <alignment horizontal="center" vertical="center"/>
    </xf>
    <xf numFmtId="0" fontId="0" fillId="0" borderId="87" xfId="3" applyFont="1" applyBorder="1" applyAlignment="1">
      <alignment horizontal="center" vertical="center"/>
    </xf>
    <xf numFmtId="0" fontId="0" fillId="0" borderId="88" xfId="3" applyFont="1" applyBorder="1" applyAlignment="1">
      <alignment horizontal="center" vertical="center"/>
    </xf>
    <xf numFmtId="0" fontId="0" fillId="0" borderId="81" xfId="3" applyFont="1" applyBorder="1" applyAlignment="1">
      <alignment horizontal="center" vertical="center"/>
    </xf>
    <xf numFmtId="0" fontId="0" fillId="0" borderId="82" xfId="3" applyFont="1" applyBorder="1" applyAlignment="1">
      <alignment horizontal="center" vertical="center"/>
    </xf>
    <xf numFmtId="0" fontId="0" fillId="0" borderId="91" xfId="3" applyFont="1" applyBorder="1" applyAlignment="1">
      <alignment horizontal="center" vertical="center"/>
    </xf>
    <xf numFmtId="0" fontId="0" fillId="0" borderId="77" xfId="3" applyFont="1" applyBorder="1" applyAlignment="1">
      <alignment horizontal="center" vertical="center"/>
    </xf>
    <xf numFmtId="0" fontId="0" fillId="0" borderId="10" xfId="3" applyFont="1" applyBorder="1" applyAlignment="1">
      <alignment horizontal="center" vertical="center"/>
    </xf>
    <xf numFmtId="0" fontId="0" fillId="0" borderId="52" xfId="3" applyFont="1" applyBorder="1" applyAlignment="1">
      <alignment horizontal="center" vertical="center"/>
    </xf>
    <xf numFmtId="0" fontId="0" fillId="0" borderId="60" xfId="3" applyFont="1" applyBorder="1" applyAlignment="1">
      <alignment horizontal="center" vertical="center"/>
    </xf>
    <xf numFmtId="0" fontId="0" fillId="0" borderId="58" xfId="3" applyFont="1" applyBorder="1" applyAlignment="1">
      <alignment horizontal="center" vertical="center"/>
    </xf>
    <xf numFmtId="0" fontId="0" fillId="0" borderId="44" xfId="3" applyFont="1" applyBorder="1" applyAlignment="1">
      <alignment horizontal="center" vertical="center"/>
    </xf>
    <xf numFmtId="0" fontId="0" fillId="0" borderId="27" xfId="3" applyFont="1" applyBorder="1" applyAlignment="1">
      <alignment horizontal="center" vertical="center"/>
    </xf>
    <xf numFmtId="0" fontId="0" fillId="0" borderId="93" xfId="3" applyFont="1" applyBorder="1" applyAlignment="1">
      <alignment horizontal="center" vertical="center"/>
    </xf>
    <xf numFmtId="0" fontId="0" fillId="0" borderId="84" xfId="3" applyFont="1" applyBorder="1" applyAlignment="1">
      <alignment horizontal="center" vertical="center"/>
    </xf>
    <xf numFmtId="0" fontId="0" fillId="0" borderId="79" xfId="3" applyFont="1" applyBorder="1" applyAlignment="1">
      <alignment horizontal="center" vertical="center"/>
    </xf>
    <xf numFmtId="0" fontId="0" fillId="0" borderId="5" xfId="3" applyFont="1" applyBorder="1" applyAlignment="1">
      <alignment horizontal="center" vertical="center"/>
    </xf>
    <xf numFmtId="0" fontId="0" fillId="0" borderId="46" xfId="3" applyFont="1" applyBorder="1" applyAlignment="1">
      <alignment horizontal="center" vertical="center"/>
    </xf>
    <xf numFmtId="0" fontId="0" fillId="0" borderId="54" xfId="3" applyFont="1" applyBorder="1" applyAlignment="1">
      <alignment horizontal="center" vertical="center"/>
    </xf>
    <xf numFmtId="0" fontId="0" fillId="0" borderId="38" xfId="3" applyFont="1" applyBorder="1" applyAlignment="1">
      <alignment horizontal="center" vertical="center"/>
    </xf>
    <xf numFmtId="0" fontId="0" fillId="0" borderId="39" xfId="3" applyFont="1" applyBorder="1" applyAlignment="1">
      <alignment horizontal="center" vertical="center"/>
    </xf>
    <xf numFmtId="0" fontId="0" fillId="0" borderId="8" xfId="3" applyFont="1" applyBorder="1" applyAlignment="1">
      <alignment horizontal="center" vertical="center"/>
    </xf>
    <xf numFmtId="0" fontId="0" fillId="0" borderId="9" xfId="3" applyFont="1" applyBorder="1" applyAlignment="1">
      <alignment horizontal="center" vertical="center"/>
    </xf>
    <xf numFmtId="0" fontId="0" fillId="0" borderId="81" xfId="0" applyFont="1" applyBorder="1" applyAlignment="1">
      <alignment horizontal="center" vertical="center"/>
    </xf>
    <xf numFmtId="0" fontId="0" fillId="0" borderId="82" xfId="0" applyFont="1" applyBorder="1" applyAlignment="1">
      <alignment horizontal="center" vertical="center"/>
    </xf>
    <xf numFmtId="0" fontId="0" fillId="0" borderId="78" xfId="0" applyFont="1" applyBorder="1" applyAlignment="1">
      <alignment horizontal="center" vertical="center"/>
    </xf>
    <xf numFmtId="0" fontId="0" fillId="0" borderId="1" xfId="0" applyFont="1" applyBorder="1" applyAlignment="1">
      <alignment vertical="center"/>
    </xf>
    <xf numFmtId="0" fontId="0" fillId="0" borderId="77" xfId="0" applyFont="1" applyBorder="1" applyAlignment="1">
      <alignment vertical="center"/>
    </xf>
    <xf numFmtId="0" fontId="0" fillId="0" borderId="10" xfId="0" applyFont="1" applyBorder="1" applyAlignment="1">
      <alignment vertical="center"/>
    </xf>
    <xf numFmtId="0" fontId="0" fillId="0" borderId="77" xfId="0" applyFont="1" applyBorder="1" applyAlignment="1"/>
    <xf numFmtId="0" fontId="0" fillId="0" borderId="10" xfId="0" applyFont="1" applyBorder="1" applyAlignment="1"/>
    <xf numFmtId="0" fontId="0" fillId="0" borderId="8" xfId="0" applyFont="1" applyBorder="1" applyAlignment="1">
      <alignment horizontal="center" vertical="center"/>
    </xf>
    <xf numFmtId="0" fontId="0" fillId="0" borderId="5" xfId="0" applyFont="1" applyBorder="1" applyAlignment="1">
      <alignment horizontal="center" vertical="center"/>
    </xf>
    <xf numFmtId="0" fontId="0" fillId="0" borderId="38" xfId="0" applyFont="1" applyBorder="1" applyAlignment="1">
      <alignment horizontal="center" vertical="center"/>
    </xf>
    <xf numFmtId="0" fontId="0" fillId="0" borderId="65" xfId="0" applyFont="1" applyBorder="1" applyAlignment="1">
      <alignment horizontal="center" vertical="center"/>
    </xf>
    <xf numFmtId="0" fontId="0" fillId="0" borderId="56" xfId="0" applyFont="1" applyBorder="1" applyAlignment="1">
      <alignment horizontal="center" vertical="center"/>
    </xf>
    <xf numFmtId="0" fontId="0" fillId="0" borderId="47" xfId="0" applyFont="1" applyBorder="1" applyAlignment="1">
      <alignment horizontal="center" vertical="center"/>
    </xf>
    <xf numFmtId="0" fontId="0" fillId="0" borderId="48" xfId="0" applyFont="1" applyBorder="1" applyAlignment="1">
      <alignment horizontal="center" vertical="center" wrapText="1"/>
    </xf>
    <xf numFmtId="0" fontId="0" fillId="0" borderId="29" xfId="0" applyFont="1" applyBorder="1" applyAlignment="1">
      <alignment horizontal="center" vertical="center" wrapText="1"/>
    </xf>
    <xf numFmtId="0" fontId="0" fillId="0" borderId="49" xfId="0" applyFont="1" applyBorder="1" applyAlignment="1">
      <alignment horizontal="center" vertical="center"/>
    </xf>
    <xf numFmtId="0" fontId="0" fillId="0" borderId="42" xfId="0" applyFont="1" applyBorder="1" applyAlignment="1">
      <alignment horizontal="center" vertical="center"/>
    </xf>
    <xf numFmtId="0" fontId="0" fillId="0" borderId="4" xfId="0" applyFont="1" applyBorder="1" applyAlignment="1">
      <alignment horizontal="center" vertical="center"/>
    </xf>
    <xf numFmtId="0" fontId="0" fillId="0" borderId="74" xfId="0" applyFont="1" applyBorder="1" applyAlignment="1">
      <alignment horizontal="center" vertical="center"/>
    </xf>
    <xf numFmtId="0" fontId="0" fillId="0" borderId="75" xfId="0" applyFont="1" applyBorder="1" applyAlignment="1">
      <alignment horizontal="center" vertical="center"/>
    </xf>
    <xf numFmtId="0" fontId="0" fillId="0" borderId="57" xfId="0" applyFont="1" applyBorder="1" applyAlignment="1">
      <alignment horizontal="center" vertical="center" wrapText="1"/>
    </xf>
    <xf numFmtId="0" fontId="0" fillId="0" borderId="76" xfId="0" applyFont="1" applyBorder="1" applyAlignment="1">
      <alignment horizontal="center" vertical="center" wrapText="1"/>
    </xf>
    <xf numFmtId="0" fontId="0" fillId="0" borderId="56" xfId="0" applyFont="1" applyBorder="1" applyAlignment="1">
      <alignment horizontal="center" vertical="center" wrapText="1"/>
    </xf>
    <xf numFmtId="0" fontId="0" fillId="0" borderId="59" xfId="0" applyFont="1" applyBorder="1" applyAlignment="1">
      <alignment horizontal="center" vertical="center" wrapText="1"/>
    </xf>
    <xf numFmtId="0" fontId="0" fillId="0" borderId="55" xfId="0" applyFont="1" applyBorder="1" applyAlignment="1">
      <alignment horizontal="center" vertical="center"/>
    </xf>
    <xf numFmtId="182" fontId="0" fillId="0" borderId="0" xfId="0" applyNumberFormat="1" applyFont="1" applyAlignment="1">
      <alignment horizontal="left" vertical="center"/>
    </xf>
    <xf numFmtId="182" fontId="0" fillId="0" borderId="0" xfId="0" applyNumberFormat="1" applyFont="1" applyBorder="1" applyAlignment="1">
      <alignment horizontal="left" vertical="center"/>
    </xf>
    <xf numFmtId="0" fontId="0" fillId="0" borderId="30" xfId="0" applyFont="1" applyBorder="1" applyAlignment="1">
      <alignment horizontal="center" vertical="center"/>
    </xf>
    <xf numFmtId="0" fontId="0" fillId="0" borderId="3"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97" xfId="0" applyFont="1" applyBorder="1" applyAlignment="1">
      <alignment horizontal="center" vertical="center"/>
    </xf>
    <xf numFmtId="0" fontId="0" fillId="0" borderId="98" xfId="0" applyFont="1" applyBorder="1" applyAlignment="1">
      <alignment horizontal="center" vertical="center"/>
    </xf>
    <xf numFmtId="0" fontId="0" fillId="0" borderId="99" xfId="0" applyFont="1" applyBorder="1" applyAlignment="1">
      <alignment horizontal="center"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0" fillId="0" borderId="79" xfId="0" applyFont="1" applyBorder="1" applyAlignment="1">
      <alignment horizontal="center" vertical="center"/>
    </xf>
    <xf numFmtId="182" fontId="0" fillId="0" borderId="0" xfId="0" applyNumberFormat="1" applyFont="1" applyBorder="1" applyAlignment="1">
      <alignment horizontal="center" vertical="center"/>
    </xf>
    <xf numFmtId="0" fontId="0" fillId="0" borderId="90" xfId="0" applyFont="1" applyBorder="1" applyAlignment="1">
      <alignment horizontal="center" vertical="center"/>
    </xf>
    <xf numFmtId="0" fontId="0" fillId="0" borderId="73" xfId="0" applyFont="1" applyBorder="1" applyAlignment="1">
      <alignment horizontal="center" vertical="center"/>
    </xf>
    <xf numFmtId="0" fontId="0" fillId="0" borderId="39" xfId="0" applyFont="1" applyBorder="1" applyAlignment="1">
      <alignment horizontal="center" vertical="center"/>
    </xf>
    <xf numFmtId="0" fontId="0" fillId="0" borderId="40" xfId="0" applyFont="1" applyBorder="1" applyAlignment="1">
      <alignment horizontal="center" vertical="center"/>
    </xf>
    <xf numFmtId="0" fontId="0" fillId="0" borderId="31" xfId="0" applyFont="1" applyBorder="1" applyAlignment="1">
      <alignment horizontal="center" vertical="center"/>
    </xf>
    <xf numFmtId="0" fontId="0" fillId="0" borderId="32" xfId="0" applyFont="1" applyBorder="1" applyAlignment="1">
      <alignment horizontal="center" vertical="center"/>
    </xf>
    <xf numFmtId="0" fontId="0" fillId="0" borderId="19" xfId="0" applyFont="1" applyBorder="1" applyAlignment="1">
      <alignment horizontal="center" vertical="center"/>
    </xf>
    <xf numFmtId="0" fontId="0" fillId="0" borderId="77" xfId="0" applyFont="1" applyBorder="1" applyAlignment="1">
      <alignment vertical="top"/>
    </xf>
    <xf numFmtId="0" fontId="0" fillId="0" borderId="0" xfId="0" applyFont="1" applyBorder="1" applyAlignment="1">
      <alignment vertical="top"/>
    </xf>
    <xf numFmtId="0" fontId="0" fillId="0" borderId="57" xfId="0" applyFont="1" applyBorder="1" applyAlignment="1">
      <alignment vertical="top"/>
    </xf>
    <xf numFmtId="0" fontId="0" fillId="0" borderId="16" xfId="0" applyFont="1" applyBorder="1" applyAlignment="1">
      <alignment vertical="center"/>
    </xf>
    <xf numFmtId="0" fontId="0" fillId="0" borderId="2" xfId="0" applyFont="1" applyBorder="1" applyAlignment="1">
      <alignment vertical="center"/>
    </xf>
    <xf numFmtId="0" fontId="0" fillId="0" borderId="80" xfId="0" applyFont="1" applyBorder="1" applyAlignment="1">
      <alignment vertical="center"/>
    </xf>
    <xf numFmtId="0" fontId="0" fillId="0" borderId="9" xfId="0" applyFont="1" applyBorder="1" applyAlignment="1">
      <alignment horizontal="center" vertical="center"/>
    </xf>
    <xf numFmtId="0" fontId="0" fillId="0" borderId="12" xfId="0" applyFont="1" applyBorder="1" applyAlignment="1">
      <alignment horizontal="center" vertical="center"/>
    </xf>
    <xf numFmtId="0" fontId="0" fillId="0" borderId="41" xfId="0" applyFont="1" applyBorder="1" applyAlignment="1">
      <alignment horizontal="center" vertical="center"/>
    </xf>
    <xf numFmtId="0" fontId="0" fillId="0" borderId="72" xfId="0" applyFont="1" applyBorder="1" applyAlignment="1">
      <alignment horizontal="center" vertical="center"/>
    </xf>
    <xf numFmtId="0" fontId="0" fillId="0" borderId="7" xfId="0" applyFont="1" applyBorder="1" applyAlignment="1">
      <alignment horizontal="center" vertical="center"/>
    </xf>
    <xf numFmtId="0" fontId="0" fillId="0" borderId="53" xfId="0" applyFont="1" applyBorder="1" applyAlignment="1">
      <alignment horizontal="center" vertical="center"/>
    </xf>
    <xf numFmtId="0" fontId="0" fillId="0" borderId="46" xfId="0" applyFont="1" applyBorder="1" applyAlignment="1">
      <alignment horizontal="center" vertical="center"/>
    </xf>
    <xf numFmtId="0" fontId="0" fillId="0" borderId="48" xfId="0" applyFont="1" applyBorder="1" applyAlignment="1">
      <alignment horizontal="center" vertical="center"/>
    </xf>
    <xf numFmtId="0" fontId="0" fillId="0" borderId="94" xfId="0" applyFont="1" applyBorder="1" applyAlignment="1">
      <alignment horizontal="center" vertical="center"/>
    </xf>
    <xf numFmtId="0" fontId="0" fillId="0" borderId="84" xfId="0" applyFont="1" applyBorder="1" applyAlignment="1">
      <alignment horizontal="center" vertical="center"/>
    </xf>
    <xf numFmtId="0" fontId="0" fillId="0" borderId="66" xfId="0" applyFont="1" applyBorder="1" applyAlignment="1">
      <alignment horizontal="center" vertical="center"/>
    </xf>
    <xf numFmtId="0" fontId="0" fillId="0" borderId="89" xfId="0" applyFont="1" applyBorder="1" applyAlignment="1">
      <alignment horizontal="center" vertical="center"/>
    </xf>
    <xf numFmtId="0" fontId="0" fillId="0" borderId="83" xfId="0" applyFont="1" applyBorder="1" applyAlignment="1">
      <alignment horizontal="center" vertical="center"/>
    </xf>
    <xf numFmtId="0" fontId="0" fillId="0" borderId="29" xfId="0" applyFont="1" applyBorder="1" applyAlignment="1">
      <alignment horizontal="center" vertical="center"/>
    </xf>
    <xf numFmtId="0" fontId="0" fillId="0" borderId="0" xfId="0" applyFont="1" applyBorder="1" applyAlignment="1">
      <alignment horizontal="center" vertical="center"/>
    </xf>
    <xf numFmtId="0" fontId="0" fillId="0" borderId="101" xfId="0" applyFont="1" applyBorder="1" applyAlignment="1">
      <alignment horizontal="center" vertical="center"/>
    </xf>
    <xf numFmtId="0" fontId="0"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01"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7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00" xfId="0" applyFont="1" applyBorder="1" applyAlignment="1">
      <alignment horizontal="center" vertical="center"/>
    </xf>
    <xf numFmtId="0" fontId="0" fillId="0" borderId="27" xfId="0" applyFont="1" applyBorder="1" applyAlignment="1">
      <alignment horizontal="center" vertical="center"/>
    </xf>
    <xf numFmtId="0" fontId="0" fillId="0" borderId="14" xfId="0" applyFont="1"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20" t="s">
        <v>0</v>
      </c>
      <c r="F1" s="420"/>
      <c r="G1" s="420"/>
      <c r="H1" s="420"/>
      <c r="I1" s="2"/>
      <c r="J1" s="2"/>
      <c r="K1" s="2"/>
      <c r="L1" s="2"/>
    </row>
    <row r="2" spans="1:13" ht="24" customHeight="1" x14ac:dyDescent="0.2">
      <c r="A2" s="2"/>
      <c r="B2" s="2"/>
      <c r="C2" s="2"/>
      <c r="D2" s="2"/>
      <c r="E2" s="2"/>
      <c r="F2" s="41">
        <v>6</v>
      </c>
      <c r="G2" s="16">
        <v>11</v>
      </c>
      <c r="H2" s="2"/>
      <c r="I2" s="2"/>
      <c r="J2" s="2"/>
      <c r="K2" s="2"/>
      <c r="L2" s="2"/>
      <c r="M2" s="2"/>
    </row>
    <row r="3" spans="1:13" ht="24" customHeight="1" x14ac:dyDescent="0.2"/>
    <row r="4" spans="1:13" ht="20.25" customHeight="1" x14ac:dyDescent="0.2">
      <c r="D4" s="3"/>
      <c r="E4" s="4" t="s">
        <v>1</v>
      </c>
      <c r="F4" s="3"/>
      <c r="H4" s="23">
        <f>G2</f>
        <v>11</v>
      </c>
    </row>
    <row r="5" spans="1:13" ht="10.5" customHeight="1" thickBot="1" x14ac:dyDescent="0.25">
      <c r="E5" s="5"/>
    </row>
    <row r="6" spans="1:13" ht="21" customHeight="1" x14ac:dyDescent="0.2">
      <c r="E6" s="38"/>
      <c r="F6" s="421" t="s">
        <v>2</v>
      </c>
      <c r="G6" s="422"/>
      <c r="H6" s="422"/>
      <c r="I6" s="423"/>
    </row>
    <row r="7" spans="1:13" ht="21" customHeight="1" x14ac:dyDescent="0.2">
      <c r="E7" s="6"/>
      <c r="F7" s="7"/>
      <c r="G7" s="8" t="s">
        <v>3</v>
      </c>
      <c r="H7" s="39" t="s">
        <v>147</v>
      </c>
      <c r="I7" s="40" t="s">
        <v>146</v>
      </c>
    </row>
    <row r="8" spans="1:13" ht="21" customHeight="1" x14ac:dyDescent="0.2">
      <c r="E8" s="65" t="s">
        <v>4</v>
      </c>
      <c r="F8" s="43">
        <v>2357515</v>
      </c>
      <c r="G8" s="43">
        <v>978869</v>
      </c>
      <c r="H8" s="43">
        <v>959210</v>
      </c>
      <c r="I8" s="44">
        <v>419436</v>
      </c>
    </row>
    <row r="9" spans="1:13" ht="21" customHeight="1" x14ac:dyDescent="0.2">
      <c r="E9" s="66" t="s">
        <v>5</v>
      </c>
      <c r="F9" s="45">
        <v>942129</v>
      </c>
      <c r="G9" s="45">
        <v>391705</v>
      </c>
      <c r="H9" s="45">
        <v>377128</v>
      </c>
      <c r="I9" s="46">
        <v>173296</v>
      </c>
    </row>
    <row r="10" spans="1:13" ht="21" customHeight="1" x14ac:dyDescent="0.2">
      <c r="E10" s="66" t="s">
        <v>6</v>
      </c>
      <c r="F10" s="45">
        <v>311256</v>
      </c>
      <c r="G10" s="45">
        <v>136393</v>
      </c>
      <c r="H10" s="45">
        <v>120535</v>
      </c>
      <c r="I10" s="46">
        <v>54328</v>
      </c>
    </row>
    <row r="11" spans="1:13" ht="21" customHeight="1" x14ac:dyDescent="0.2">
      <c r="E11" s="66" t="s">
        <v>14</v>
      </c>
      <c r="F11" s="45">
        <v>189545</v>
      </c>
      <c r="G11" s="45">
        <v>78976</v>
      </c>
      <c r="H11" s="45">
        <v>79721</v>
      </c>
      <c r="I11" s="46">
        <v>30848</v>
      </c>
    </row>
    <row r="12" spans="1:13" ht="21" customHeight="1" x14ac:dyDescent="0.2">
      <c r="E12" s="66" t="s">
        <v>7</v>
      </c>
      <c r="F12" s="45">
        <v>124560</v>
      </c>
      <c r="G12" s="45">
        <v>48470</v>
      </c>
      <c r="H12" s="45">
        <v>52725</v>
      </c>
      <c r="I12" s="46">
        <v>23365</v>
      </c>
    </row>
    <row r="13" spans="1:13" ht="21" customHeight="1" x14ac:dyDescent="0.2">
      <c r="E13" s="66" t="s">
        <v>8</v>
      </c>
      <c r="F13" s="45">
        <v>74030</v>
      </c>
      <c r="G13" s="45">
        <v>31099</v>
      </c>
      <c r="H13" s="45">
        <v>30547</v>
      </c>
      <c r="I13" s="46">
        <v>12384</v>
      </c>
    </row>
    <row r="14" spans="1:13" ht="21" customHeight="1" x14ac:dyDescent="0.2">
      <c r="E14" s="66" t="s">
        <v>9</v>
      </c>
      <c r="F14" s="45">
        <v>53312</v>
      </c>
      <c r="G14" s="45">
        <v>19388</v>
      </c>
      <c r="H14" s="45">
        <v>21897</v>
      </c>
      <c r="I14" s="46">
        <v>12027</v>
      </c>
    </row>
    <row r="15" spans="1:13" ht="21" customHeight="1" x14ac:dyDescent="0.2">
      <c r="E15" s="66" t="s">
        <v>10</v>
      </c>
      <c r="F15" s="45">
        <v>109223</v>
      </c>
      <c r="G15" s="45">
        <v>44333</v>
      </c>
      <c r="H15" s="45">
        <v>44800</v>
      </c>
      <c r="I15" s="46">
        <v>20090</v>
      </c>
    </row>
    <row r="16" spans="1:13" ht="21" customHeight="1" x14ac:dyDescent="0.2">
      <c r="E16" s="66" t="s">
        <v>11</v>
      </c>
      <c r="F16" s="45">
        <v>57666</v>
      </c>
      <c r="G16" s="45">
        <v>24147</v>
      </c>
      <c r="H16" s="45">
        <v>23143</v>
      </c>
      <c r="I16" s="46">
        <v>10376</v>
      </c>
    </row>
    <row r="17" spans="5:13" ht="21" customHeight="1" x14ac:dyDescent="0.2">
      <c r="E17" s="66" t="s">
        <v>12</v>
      </c>
      <c r="F17" s="45">
        <v>66321</v>
      </c>
      <c r="G17" s="45">
        <v>26912</v>
      </c>
      <c r="H17" s="45">
        <v>27145</v>
      </c>
      <c r="I17" s="46">
        <v>12264</v>
      </c>
    </row>
    <row r="18" spans="5:13" ht="21" customHeight="1" x14ac:dyDescent="0.2">
      <c r="E18" s="66" t="s">
        <v>13</v>
      </c>
      <c r="F18" s="45">
        <v>18427</v>
      </c>
      <c r="G18" s="45">
        <v>6687</v>
      </c>
      <c r="H18" s="45">
        <v>7606</v>
      </c>
      <c r="I18" s="46">
        <v>4134</v>
      </c>
      <c r="M18" s="1" t="s">
        <v>87</v>
      </c>
    </row>
    <row r="19" spans="5:13" ht="21" customHeight="1" x14ac:dyDescent="0.2">
      <c r="E19" s="66" t="s">
        <v>15</v>
      </c>
      <c r="F19" s="45">
        <v>15814</v>
      </c>
      <c r="G19" s="45">
        <v>6481</v>
      </c>
      <c r="H19" s="45">
        <v>6500</v>
      </c>
      <c r="I19" s="46">
        <v>2833</v>
      </c>
    </row>
    <row r="20" spans="5:13" ht="21" customHeight="1" x14ac:dyDescent="0.2">
      <c r="E20" s="66" t="s">
        <v>16</v>
      </c>
      <c r="F20" s="45">
        <v>49739</v>
      </c>
      <c r="G20" s="45">
        <v>21260</v>
      </c>
      <c r="H20" s="45">
        <v>21112</v>
      </c>
      <c r="I20" s="46">
        <v>7367</v>
      </c>
    </row>
    <row r="21" spans="5:13" ht="21" customHeight="1" x14ac:dyDescent="0.2">
      <c r="E21" s="66" t="s">
        <v>17</v>
      </c>
      <c r="F21" s="45">
        <v>59104</v>
      </c>
      <c r="G21" s="45">
        <v>25275</v>
      </c>
      <c r="H21" s="45">
        <v>25093</v>
      </c>
      <c r="I21" s="46">
        <v>8736</v>
      </c>
    </row>
    <row r="22" spans="5:13" ht="21" customHeight="1" x14ac:dyDescent="0.2">
      <c r="E22" s="66" t="s">
        <v>18</v>
      </c>
      <c r="F22" s="45">
        <v>58630</v>
      </c>
      <c r="G22" s="45">
        <v>24455</v>
      </c>
      <c r="H22" s="45">
        <v>24613</v>
      </c>
      <c r="I22" s="46">
        <v>9562</v>
      </c>
    </row>
    <row r="23" spans="5:13" ht="21" customHeight="1" x14ac:dyDescent="0.2">
      <c r="E23" s="66" t="s">
        <v>19</v>
      </c>
      <c r="F23" s="45">
        <v>26790</v>
      </c>
      <c r="G23" s="45">
        <v>11114</v>
      </c>
      <c r="H23" s="45">
        <v>11306</v>
      </c>
      <c r="I23" s="46">
        <v>4370</v>
      </c>
    </row>
    <row r="24" spans="5:13" ht="21" customHeight="1" x14ac:dyDescent="0.2">
      <c r="E24" s="66" t="s">
        <v>20</v>
      </c>
      <c r="F24" s="45">
        <v>34417</v>
      </c>
      <c r="G24" s="45">
        <v>14532</v>
      </c>
      <c r="H24" s="45">
        <v>14542</v>
      </c>
      <c r="I24" s="46">
        <v>5343</v>
      </c>
    </row>
    <row r="25" spans="5:13" ht="21" customHeight="1" x14ac:dyDescent="0.2">
      <c r="E25" s="66" t="s">
        <v>21</v>
      </c>
      <c r="F25" s="45">
        <v>34739</v>
      </c>
      <c r="G25" s="45">
        <v>14677</v>
      </c>
      <c r="H25" s="45">
        <v>14567</v>
      </c>
      <c r="I25" s="46">
        <v>5495</v>
      </c>
    </row>
    <row r="26" spans="5:13" ht="21" customHeight="1" x14ac:dyDescent="0.2">
      <c r="E26" s="66" t="s">
        <v>22</v>
      </c>
      <c r="F26" s="45">
        <v>13631</v>
      </c>
      <c r="G26" s="45">
        <v>5390</v>
      </c>
      <c r="H26" s="45">
        <v>5720</v>
      </c>
      <c r="I26" s="46">
        <v>2521</v>
      </c>
    </row>
    <row r="27" spans="5:13" ht="21" customHeight="1" x14ac:dyDescent="0.2">
      <c r="E27" s="66" t="s">
        <v>23</v>
      </c>
      <c r="F27" s="45">
        <v>22646</v>
      </c>
      <c r="G27" s="45">
        <v>8702</v>
      </c>
      <c r="H27" s="45">
        <v>10371</v>
      </c>
      <c r="I27" s="46">
        <v>3573</v>
      </c>
    </row>
    <row r="28" spans="5:13" ht="21" customHeight="1" x14ac:dyDescent="0.2">
      <c r="E28" s="66" t="s">
        <v>24</v>
      </c>
      <c r="F28" s="45">
        <v>10106</v>
      </c>
      <c r="G28" s="45">
        <v>3620</v>
      </c>
      <c r="H28" s="45">
        <v>4358</v>
      </c>
      <c r="I28" s="46">
        <v>2128</v>
      </c>
    </row>
    <row r="29" spans="5:13" ht="21" customHeight="1" x14ac:dyDescent="0.2">
      <c r="E29" s="66" t="s">
        <v>25</v>
      </c>
      <c r="F29" s="45">
        <v>13518</v>
      </c>
      <c r="G29" s="45">
        <v>5819</v>
      </c>
      <c r="H29" s="45">
        <v>5697</v>
      </c>
      <c r="I29" s="46">
        <v>2002</v>
      </c>
    </row>
    <row r="30" spans="5:13" ht="21" customHeight="1" x14ac:dyDescent="0.2">
      <c r="E30" s="66" t="s">
        <v>26</v>
      </c>
      <c r="F30" s="45">
        <v>11079</v>
      </c>
      <c r="G30" s="45">
        <v>4316</v>
      </c>
      <c r="H30" s="45">
        <v>4773</v>
      </c>
      <c r="I30" s="46">
        <v>1990</v>
      </c>
    </row>
    <row r="31" spans="5:13" ht="21" customHeight="1" x14ac:dyDescent="0.2">
      <c r="E31" s="66" t="s">
        <v>27</v>
      </c>
      <c r="F31" s="45">
        <v>9817</v>
      </c>
      <c r="G31" s="45">
        <v>3682</v>
      </c>
      <c r="H31" s="45">
        <v>4177</v>
      </c>
      <c r="I31" s="46">
        <v>1958</v>
      </c>
    </row>
    <row r="32" spans="5:13" ht="21" customHeight="1" x14ac:dyDescent="0.2">
      <c r="E32" s="66" t="s">
        <v>28</v>
      </c>
      <c r="F32" s="45">
        <v>3217</v>
      </c>
      <c r="G32" s="45">
        <v>1350</v>
      </c>
      <c r="H32" s="45">
        <v>1399</v>
      </c>
      <c r="I32" s="46">
        <v>468</v>
      </c>
    </row>
    <row r="33" spans="5:9" ht="21" customHeight="1" x14ac:dyDescent="0.2">
      <c r="E33" s="66" t="s">
        <v>29</v>
      </c>
      <c r="F33" s="45">
        <v>4980</v>
      </c>
      <c r="G33" s="45">
        <v>2054</v>
      </c>
      <c r="H33" s="45">
        <v>2152</v>
      </c>
      <c r="I33" s="46">
        <v>774</v>
      </c>
    </row>
    <row r="34" spans="5:9" ht="21" customHeight="1" x14ac:dyDescent="0.2">
      <c r="E34" s="66" t="s">
        <v>30</v>
      </c>
      <c r="F34" s="45">
        <v>3726</v>
      </c>
      <c r="G34" s="45">
        <v>1500</v>
      </c>
      <c r="H34" s="45">
        <v>1515</v>
      </c>
      <c r="I34" s="46">
        <v>711</v>
      </c>
    </row>
    <row r="35" spans="5:9" ht="21" customHeight="1" x14ac:dyDescent="0.2">
      <c r="E35" s="66" t="s">
        <v>31</v>
      </c>
      <c r="F35" s="45">
        <v>3995</v>
      </c>
      <c r="G35" s="45">
        <v>1761</v>
      </c>
      <c r="H35" s="45">
        <v>1513</v>
      </c>
      <c r="I35" s="46">
        <v>721</v>
      </c>
    </row>
    <row r="36" spans="5:9" ht="21" customHeight="1" x14ac:dyDescent="0.2">
      <c r="E36" s="66" t="s">
        <v>32</v>
      </c>
      <c r="F36" s="45">
        <v>4703</v>
      </c>
      <c r="G36" s="45">
        <v>1964</v>
      </c>
      <c r="H36" s="45">
        <v>1936</v>
      </c>
      <c r="I36" s="46">
        <v>803</v>
      </c>
    </row>
    <row r="37" spans="5:9" ht="21" customHeight="1" x14ac:dyDescent="0.2">
      <c r="E37" s="66" t="s">
        <v>33</v>
      </c>
      <c r="F37" s="45">
        <v>4075</v>
      </c>
      <c r="G37" s="45">
        <v>1662</v>
      </c>
      <c r="H37" s="45">
        <v>1683</v>
      </c>
      <c r="I37" s="46">
        <v>730</v>
      </c>
    </row>
    <row r="38" spans="5:9" ht="21" customHeight="1" x14ac:dyDescent="0.2">
      <c r="E38" s="66" t="s">
        <v>34</v>
      </c>
      <c r="F38" s="45">
        <v>3013</v>
      </c>
      <c r="G38" s="45">
        <v>1217</v>
      </c>
      <c r="H38" s="45">
        <v>1247</v>
      </c>
      <c r="I38" s="46">
        <v>549</v>
      </c>
    </row>
    <row r="39" spans="5:9" ht="21" customHeight="1" x14ac:dyDescent="0.2">
      <c r="E39" s="66" t="s">
        <v>35</v>
      </c>
      <c r="F39" s="45">
        <v>9810</v>
      </c>
      <c r="G39" s="45">
        <v>3848</v>
      </c>
      <c r="H39" s="45">
        <v>4109</v>
      </c>
      <c r="I39" s="46">
        <v>1853</v>
      </c>
    </row>
    <row r="40" spans="5:9" ht="21" customHeight="1" x14ac:dyDescent="0.2">
      <c r="E40" s="66" t="s">
        <v>36</v>
      </c>
      <c r="F40" s="45">
        <v>12418</v>
      </c>
      <c r="G40" s="45">
        <v>5575</v>
      </c>
      <c r="H40" s="45">
        <v>5168</v>
      </c>
      <c r="I40" s="46">
        <v>1675</v>
      </c>
    </row>
    <row r="41" spans="5:9" ht="21" customHeight="1" thickBot="1" x14ac:dyDescent="0.25">
      <c r="E41" s="67" t="s">
        <v>37</v>
      </c>
      <c r="F41" s="47">
        <v>1079</v>
      </c>
      <c r="G41" s="47">
        <v>505</v>
      </c>
      <c r="H41" s="47">
        <v>412</v>
      </c>
      <c r="I41" s="48">
        <v>162</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6.777343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1</v>
      </c>
      <c r="M1" s="447">
        <f>IF(L1&lt;3,L1+12-2,L1-2)</f>
        <v>9</v>
      </c>
      <c r="N1" s="447"/>
    </row>
    <row r="2" spans="2:112" ht="24" customHeight="1" thickBot="1" x14ac:dyDescent="0.25">
      <c r="B2" s="142" t="s">
        <v>128</v>
      </c>
    </row>
    <row r="3" spans="2:112" ht="21" customHeight="1" thickBot="1" x14ac:dyDescent="0.25">
      <c r="B3" s="484"/>
      <c r="C3" s="487" t="s">
        <v>111</v>
      </c>
      <c r="D3" s="487"/>
      <c r="E3" s="487"/>
      <c r="F3" s="487"/>
      <c r="G3" s="487"/>
      <c r="H3" s="487"/>
      <c r="I3" s="487"/>
      <c r="J3" s="487"/>
      <c r="K3" s="487"/>
      <c r="L3" s="487"/>
      <c r="M3" s="488"/>
      <c r="N3" s="482" t="s">
        <v>110</v>
      </c>
      <c r="O3" s="482"/>
      <c r="P3" s="482"/>
      <c r="Q3" s="482"/>
      <c r="R3" s="482"/>
      <c r="S3" s="482"/>
      <c r="T3" s="482"/>
      <c r="U3" s="482"/>
      <c r="V3" s="482"/>
      <c r="W3" s="482"/>
      <c r="X3" s="483"/>
      <c r="Y3" s="481" t="s">
        <v>109</v>
      </c>
      <c r="Z3" s="482"/>
      <c r="AA3" s="482"/>
      <c r="AB3" s="482"/>
      <c r="AC3" s="482"/>
      <c r="AD3" s="482"/>
      <c r="AE3" s="482"/>
      <c r="AF3" s="482"/>
      <c r="AG3" s="482"/>
      <c r="AH3" s="482"/>
      <c r="AI3" s="483"/>
      <c r="AJ3" s="481" t="s">
        <v>108</v>
      </c>
      <c r="AK3" s="482"/>
      <c r="AL3" s="482"/>
      <c r="AM3" s="482"/>
      <c r="AN3" s="482"/>
      <c r="AO3" s="482"/>
      <c r="AP3" s="482"/>
      <c r="AQ3" s="482"/>
      <c r="AR3" s="482"/>
      <c r="AS3" s="482"/>
      <c r="AT3" s="483"/>
      <c r="AU3" s="481" t="s">
        <v>107</v>
      </c>
      <c r="AV3" s="482"/>
      <c r="AW3" s="482"/>
      <c r="AX3" s="482"/>
      <c r="AY3" s="482"/>
      <c r="AZ3" s="482"/>
      <c r="BA3" s="482"/>
      <c r="BB3" s="482"/>
      <c r="BC3" s="482"/>
      <c r="BD3" s="482"/>
      <c r="BE3" s="483"/>
      <c r="BF3" s="481" t="s">
        <v>106</v>
      </c>
      <c r="BG3" s="482"/>
      <c r="BH3" s="482"/>
      <c r="BI3" s="482"/>
      <c r="BJ3" s="482"/>
      <c r="BK3" s="482"/>
      <c r="BL3" s="482"/>
      <c r="BM3" s="482"/>
      <c r="BN3" s="482"/>
      <c r="BO3" s="482"/>
      <c r="BP3" s="483"/>
      <c r="BQ3" s="481" t="s">
        <v>105</v>
      </c>
      <c r="BR3" s="482"/>
      <c r="BS3" s="482"/>
      <c r="BT3" s="482"/>
      <c r="BU3" s="482"/>
      <c r="BV3" s="482"/>
      <c r="BW3" s="482"/>
      <c r="BX3" s="482"/>
      <c r="BY3" s="482"/>
      <c r="BZ3" s="482"/>
      <c r="CA3" s="483"/>
      <c r="CB3" s="481" t="s">
        <v>125</v>
      </c>
      <c r="CC3" s="482"/>
      <c r="CD3" s="482"/>
      <c r="CE3" s="482"/>
      <c r="CF3" s="482"/>
      <c r="CG3" s="482"/>
      <c r="CH3" s="482"/>
      <c r="CI3" s="482"/>
      <c r="CJ3" s="482"/>
      <c r="CK3" s="482"/>
      <c r="CL3" s="483"/>
      <c r="CM3" s="481" t="s">
        <v>158</v>
      </c>
      <c r="CN3" s="482"/>
      <c r="CO3" s="482"/>
      <c r="CP3" s="482"/>
      <c r="CQ3" s="482"/>
      <c r="CR3" s="482"/>
      <c r="CS3" s="482"/>
      <c r="CT3" s="482"/>
      <c r="CU3" s="482"/>
      <c r="CV3" s="482"/>
      <c r="CW3" s="483"/>
      <c r="CX3" s="481" t="s">
        <v>154</v>
      </c>
      <c r="CY3" s="482"/>
      <c r="CZ3" s="482"/>
      <c r="DA3" s="482"/>
      <c r="DB3" s="482"/>
      <c r="DC3" s="482"/>
      <c r="DD3" s="482"/>
      <c r="DE3" s="482"/>
      <c r="DF3" s="482"/>
      <c r="DG3" s="482"/>
      <c r="DH3" s="483"/>
    </row>
    <row r="4" spans="2:112" ht="21" customHeight="1" x14ac:dyDescent="0.2">
      <c r="B4" s="485"/>
      <c r="C4" s="489" t="s">
        <v>61</v>
      </c>
      <c r="D4" s="466"/>
      <c r="E4" s="467"/>
      <c r="F4" s="468" t="s">
        <v>62</v>
      </c>
      <c r="G4" s="466"/>
      <c r="H4" s="466"/>
      <c r="I4" s="466"/>
      <c r="J4" s="466"/>
      <c r="K4" s="466"/>
      <c r="L4" s="471"/>
      <c r="M4" s="469" t="s">
        <v>52</v>
      </c>
      <c r="N4" s="489" t="s">
        <v>61</v>
      </c>
      <c r="O4" s="466"/>
      <c r="P4" s="467"/>
      <c r="Q4" s="468" t="s">
        <v>62</v>
      </c>
      <c r="R4" s="466"/>
      <c r="S4" s="466"/>
      <c r="T4" s="466"/>
      <c r="U4" s="466"/>
      <c r="V4" s="466"/>
      <c r="W4" s="467"/>
      <c r="X4" s="469" t="s">
        <v>52</v>
      </c>
      <c r="Y4" s="465" t="s">
        <v>61</v>
      </c>
      <c r="Z4" s="466"/>
      <c r="AA4" s="471"/>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65" t="s">
        <v>61</v>
      </c>
      <c r="AV4" s="466"/>
      <c r="AW4" s="471"/>
      <c r="AX4" s="468" t="s">
        <v>62</v>
      </c>
      <c r="AY4" s="466"/>
      <c r="AZ4" s="466"/>
      <c r="BA4" s="466"/>
      <c r="BB4" s="466"/>
      <c r="BC4" s="466"/>
      <c r="BD4" s="471"/>
      <c r="BE4" s="469" t="s">
        <v>52</v>
      </c>
      <c r="BF4" s="465" t="s">
        <v>61</v>
      </c>
      <c r="BG4" s="466"/>
      <c r="BH4" s="467"/>
      <c r="BI4" s="468" t="s">
        <v>62</v>
      </c>
      <c r="BJ4" s="466"/>
      <c r="BK4" s="466"/>
      <c r="BL4" s="466"/>
      <c r="BM4" s="466"/>
      <c r="BN4" s="466"/>
      <c r="BO4" s="467"/>
      <c r="BP4" s="469" t="s">
        <v>52</v>
      </c>
      <c r="BQ4" s="465" t="s">
        <v>61</v>
      </c>
      <c r="BR4" s="466"/>
      <c r="BS4" s="467"/>
      <c r="BT4" s="468" t="s">
        <v>62</v>
      </c>
      <c r="BU4" s="466"/>
      <c r="BV4" s="466"/>
      <c r="BW4" s="466"/>
      <c r="BX4" s="466"/>
      <c r="BY4" s="466"/>
      <c r="BZ4" s="467"/>
      <c r="CA4" s="469" t="s">
        <v>52</v>
      </c>
      <c r="CB4" s="465" t="s">
        <v>61</v>
      </c>
      <c r="CC4" s="466"/>
      <c r="CD4" s="467"/>
      <c r="CE4" s="468" t="s">
        <v>62</v>
      </c>
      <c r="CF4" s="466"/>
      <c r="CG4" s="466"/>
      <c r="CH4" s="466"/>
      <c r="CI4" s="466"/>
      <c r="CJ4" s="466"/>
      <c r="CK4" s="467"/>
      <c r="CL4" s="469" t="s">
        <v>52</v>
      </c>
      <c r="CM4" s="465" t="s">
        <v>61</v>
      </c>
      <c r="CN4" s="466"/>
      <c r="CO4" s="467"/>
      <c r="CP4" s="468" t="s">
        <v>62</v>
      </c>
      <c r="CQ4" s="466"/>
      <c r="CR4" s="466"/>
      <c r="CS4" s="466"/>
      <c r="CT4" s="466"/>
      <c r="CU4" s="466"/>
      <c r="CV4" s="467"/>
      <c r="CW4" s="469" t="s">
        <v>52</v>
      </c>
      <c r="CX4" s="465" t="s">
        <v>61</v>
      </c>
      <c r="CY4" s="466"/>
      <c r="CZ4" s="467"/>
      <c r="DA4" s="468" t="s">
        <v>62</v>
      </c>
      <c r="DB4" s="466"/>
      <c r="DC4" s="466"/>
      <c r="DD4" s="466"/>
      <c r="DE4" s="466"/>
      <c r="DF4" s="466"/>
      <c r="DG4" s="467"/>
      <c r="DH4" s="469" t="s">
        <v>52</v>
      </c>
    </row>
    <row r="5" spans="2:112" ht="30" customHeight="1" thickBot="1" x14ac:dyDescent="0.25">
      <c r="B5" s="486"/>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13807</v>
      </c>
      <c r="H6" s="184">
        <v>20309</v>
      </c>
      <c r="I6" s="184">
        <v>21972</v>
      </c>
      <c r="J6" s="184">
        <v>26241</v>
      </c>
      <c r="K6" s="184">
        <v>22745</v>
      </c>
      <c r="L6" s="187">
        <v>105074</v>
      </c>
      <c r="M6" s="188">
        <v>105074</v>
      </c>
      <c r="N6" s="183">
        <v>0</v>
      </c>
      <c r="O6" s="184">
        <v>10</v>
      </c>
      <c r="P6" s="189">
        <v>10</v>
      </c>
      <c r="Q6" s="186">
        <v>0</v>
      </c>
      <c r="R6" s="184">
        <v>34</v>
      </c>
      <c r="S6" s="184">
        <v>100</v>
      </c>
      <c r="T6" s="184">
        <v>237</v>
      </c>
      <c r="U6" s="184">
        <v>631</v>
      </c>
      <c r="V6" s="184">
        <v>942</v>
      </c>
      <c r="W6" s="189">
        <v>1944</v>
      </c>
      <c r="X6" s="188">
        <v>1954</v>
      </c>
      <c r="Y6" s="183">
        <v>1204</v>
      </c>
      <c r="Z6" s="184">
        <v>3459</v>
      </c>
      <c r="AA6" s="189">
        <v>4663</v>
      </c>
      <c r="AB6" s="186">
        <v>0</v>
      </c>
      <c r="AC6" s="184">
        <v>8651</v>
      </c>
      <c r="AD6" s="184">
        <v>14221</v>
      </c>
      <c r="AE6" s="184">
        <v>8591</v>
      </c>
      <c r="AF6" s="184">
        <v>6413</v>
      </c>
      <c r="AG6" s="184">
        <v>4552</v>
      </c>
      <c r="AH6" s="189">
        <v>42428</v>
      </c>
      <c r="AI6" s="188">
        <v>47091</v>
      </c>
      <c r="AJ6" s="183">
        <v>194</v>
      </c>
      <c r="AK6" s="184">
        <v>533</v>
      </c>
      <c r="AL6" s="189">
        <v>727</v>
      </c>
      <c r="AM6" s="186">
        <v>0</v>
      </c>
      <c r="AN6" s="184">
        <v>1081</v>
      </c>
      <c r="AO6" s="184">
        <v>1285</v>
      </c>
      <c r="AP6" s="184">
        <v>1058</v>
      </c>
      <c r="AQ6" s="184">
        <v>942</v>
      </c>
      <c r="AR6" s="184">
        <v>365</v>
      </c>
      <c r="AS6" s="189">
        <v>4731</v>
      </c>
      <c r="AT6" s="188">
        <v>5458</v>
      </c>
      <c r="AU6" s="183">
        <v>0</v>
      </c>
      <c r="AV6" s="184">
        <v>0</v>
      </c>
      <c r="AW6" s="189">
        <v>0</v>
      </c>
      <c r="AX6" s="186">
        <v>0</v>
      </c>
      <c r="AY6" s="184">
        <v>13360</v>
      </c>
      <c r="AZ6" s="184">
        <v>13078</v>
      </c>
      <c r="BA6" s="184">
        <v>7331</v>
      </c>
      <c r="BB6" s="184">
        <v>3421</v>
      </c>
      <c r="BC6" s="184">
        <v>1464</v>
      </c>
      <c r="BD6" s="187">
        <v>38654</v>
      </c>
      <c r="BE6" s="188">
        <v>38654</v>
      </c>
      <c r="BF6" s="183">
        <v>0</v>
      </c>
      <c r="BG6" s="184">
        <v>0</v>
      </c>
      <c r="BH6" s="189">
        <v>0</v>
      </c>
      <c r="BI6" s="186">
        <v>0</v>
      </c>
      <c r="BJ6" s="184">
        <v>2624</v>
      </c>
      <c r="BK6" s="184">
        <v>3878</v>
      </c>
      <c r="BL6" s="184">
        <v>2222</v>
      </c>
      <c r="BM6" s="184">
        <v>1331</v>
      </c>
      <c r="BN6" s="184">
        <v>360</v>
      </c>
      <c r="BO6" s="189">
        <v>10415</v>
      </c>
      <c r="BP6" s="188">
        <v>10415</v>
      </c>
      <c r="BQ6" s="183">
        <v>22</v>
      </c>
      <c r="BR6" s="184">
        <v>94</v>
      </c>
      <c r="BS6" s="189">
        <v>116</v>
      </c>
      <c r="BT6" s="186">
        <v>0</v>
      </c>
      <c r="BU6" s="184">
        <v>1414</v>
      </c>
      <c r="BV6" s="184">
        <v>2357</v>
      </c>
      <c r="BW6" s="184">
        <v>3308</v>
      </c>
      <c r="BX6" s="184">
        <v>2319</v>
      </c>
      <c r="BY6" s="184">
        <v>1185</v>
      </c>
      <c r="BZ6" s="189">
        <v>10583</v>
      </c>
      <c r="CA6" s="188">
        <v>10699</v>
      </c>
      <c r="CB6" s="183">
        <v>0</v>
      </c>
      <c r="CC6" s="184">
        <v>23</v>
      </c>
      <c r="CD6" s="189">
        <v>23</v>
      </c>
      <c r="CE6" s="186">
        <v>0</v>
      </c>
      <c r="CF6" s="184">
        <v>112</v>
      </c>
      <c r="CG6" s="184">
        <v>235</v>
      </c>
      <c r="CH6" s="184">
        <v>468</v>
      </c>
      <c r="CI6" s="184">
        <v>240</v>
      </c>
      <c r="CJ6" s="184">
        <v>149</v>
      </c>
      <c r="CK6" s="189">
        <v>1204</v>
      </c>
      <c r="CL6" s="188">
        <v>1227</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5014</v>
      </c>
      <c r="H7" s="191">
        <v>9191</v>
      </c>
      <c r="I7" s="191">
        <v>9510</v>
      </c>
      <c r="J7" s="191">
        <v>10453</v>
      </c>
      <c r="K7" s="191">
        <v>8540</v>
      </c>
      <c r="L7" s="194">
        <v>42708</v>
      </c>
      <c r="M7" s="195">
        <v>42708</v>
      </c>
      <c r="N7" s="190">
        <v>0</v>
      </c>
      <c r="O7" s="191">
        <v>10</v>
      </c>
      <c r="P7" s="196">
        <v>10</v>
      </c>
      <c r="Q7" s="193">
        <v>0</v>
      </c>
      <c r="R7" s="191">
        <v>21</v>
      </c>
      <c r="S7" s="191">
        <v>38</v>
      </c>
      <c r="T7" s="191">
        <v>97</v>
      </c>
      <c r="U7" s="191">
        <v>319</v>
      </c>
      <c r="V7" s="191">
        <v>453</v>
      </c>
      <c r="W7" s="196">
        <v>928</v>
      </c>
      <c r="X7" s="195">
        <v>938</v>
      </c>
      <c r="Y7" s="190">
        <v>505</v>
      </c>
      <c r="Z7" s="191">
        <v>2051</v>
      </c>
      <c r="AA7" s="196">
        <v>2556</v>
      </c>
      <c r="AB7" s="193">
        <v>0</v>
      </c>
      <c r="AC7" s="191">
        <v>3482</v>
      </c>
      <c r="AD7" s="191">
        <v>8055</v>
      </c>
      <c r="AE7" s="191">
        <v>4801</v>
      </c>
      <c r="AF7" s="191">
        <v>3549</v>
      </c>
      <c r="AG7" s="191">
        <v>1893</v>
      </c>
      <c r="AH7" s="196">
        <v>21780</v>
      </c>
      <c r="AI7" s="195">
        <v>24336</v>
      </c>
      <c r="AJ7" s="190">
        <v>51</v>
      </c>
      <c r="AK7" s="191">
        <v>295</v>
      </c>
      <c r="AL7" s="196">
        <v>346</v>
      </c>
      <c r="AM7" s="193">
        <v>0</v>
      </c>
      <c r="AN7" s="191">
        <v>295</v>
      </c>
      <c r="AO7" s="191">
        <v>521</v>
      </c>
      <c r="AP7" s="191">
        <v>486</v>
      </c>
      <c r="AQ7" s="191">
        <v>515</v>
      </c>
      <c r="AR7" s="191">
        <v>134</v>
      </c>
      <c r="AS7" s="196">
        <v>1951</v>
      </c>
      <c r="AT7" s="195">
        <v>2297</v>
      </c>
      <c r="AU7" s="190">
        <v>0</v>
      </c>
      <c r="AV7" s="191">
        <v>0</v>
      </c>
      <c r="AW7" s="196">
        <v>0</v>
      </c>
      <c r="AX7" s="193">
        <v>0</v>
      </c>
      <c r="AY7" s="191">
        <v>4334</v>
      </c>
      <c r="AZ7" s="191">
        <v>5488</v>
      </c>
      <c r="BA7" s="191">
        <v>2883</v>
      </c>
      <c r="BB7" s="191">
        <v>1319</v>
      </c>
      <c r="BC7" s="191">
        <v>726</v>
      </c>
      <c r="BD7" s="194">
        <v>14750</v>
      </c>
      <c r="BE7" s="195">
        <v>14750</v>
      </c>
      <c r="BF7" s="190">
        <v>0</v>
      </c>
      <c r="BG7" s="191">
        <v>0</v>
      </c>
      <c r="BH7" s="196">
        <v>0</v>
      </c>
      <c r="BI7" s="193">
        <v>0</v>
      </c>
      <c r="BJ7" s="191">
        <v>892</v>
      </c>
      <c r="BK7" s="191">
        <v>1738</v>
      </c>
      <c r="BL7" s="191">
        <v>1093</v>
      </c>
      <c r="BM7" s="191">
        <v>651</v>
      </c>
      <c r="BN7" s="191">
        <v>127</v>
      </c>
      <c r="BO7" s="196">
        <v>4501</v>
      </c>
      <c r="BP7" s="195">
        <v>4501</v>
      </c>
      <c r="BQ7" s="190">
        <v>9</v>
      </c>
      <c r="BR7" s="191">
        <v>34</v>
      </c>
      <c r="BS7" s="196">
        <v>43</v>
      </c>
      <c r="BT7" s="193">
        <v>0</v>
      </c>
      <c r="BU7" s="191">
        <v>535</v>
      </c>
      <c r="BV7" s="191">
        <v>905</v>
      </c>
      <c r="BW7" s="191">
        <v>1403</v>
      </c>
      <c r="BX7" s="191">
        <v>906</v>
      </c>
      <c r="BY7" s="191">
        <v>526</v>
      </c>
      <c r="BZ7" s="196">
        <v>4275</v>
      </c>
      <c r="CA7" s="195">
        <v>4318</v>
      </c>
      <c r="CB7" s="190">
        <v>0</v>
      </c>
      <c r="CC7" s="191">
        <v>16</v>
      </c>
      <c r="CD7" s="196">
        <v>16</v>
      </c>
      <c r="CE7" s="193">
        <v>0</v>
      </c>
      <c r="CF7" s="191">
        <v>57</v>
      </c>
      <c r="CG7" s="191">
        <v>109</v>
      </c>
      <c r="CH7" s="191">
        <v>324</v>
      </c>
      <c r="CI7" s="191">
        <v>129</v>
      </c>
      <c r="CJ7" s="191">
        <v>113</v>
      </c>
      <c r="CK7" s="196">
        <v>732</v>
      </c>
      <c r="CL7" s="195">
        <v>748</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1797</v>
      </c>
      <c r="H8" s="191">
        <v>2544</v>
      </c>
      <c r="I8" s="191">
        <v>2241</v>
      </c>
      <c r="J8" s="191">
        <v>2758</v>
      </c>
      <c r="K8" s="191">
        <v>2852</v>
      </c>
      <c r="L8" s="194">
        <v>12192</v>
      </c>
      <c r="M8" s="195">
        <v>12192</v>
      </c>
      <c r="N8" s="190">
        <v>0</v>
      </c>
      <c r="O8" s="191">
        <v>0</v>
      </c>
      <c r="P8" s="196">
        <v>0</v>
      </c>
      <c r="Q8" s="193">
        <v>0</v>
      </c>
      <c r="R8" s="191">
        <v>8</v>
      </c>
      <c r="S8" s="191">
        <v>4</v>
      </c>
      <c r="T8" s="191">
        <v>4</v>
      </c>
      <c r="U8" s="191">
        <v>51</v>
      </c>
      <c r="V8" s="191">
        <v>107</v>
      </c>
      <c r="W8" s="196">
        <v>174</v>
      </c>
      <c r="X8" s="195">
        <v>174</v>
      </c>
      <c r="Y8" s="190">
        <v>180</v>
      </c>
      <c r="Z8" s="191">
        <v>382</v>
      </c>
      <c r="AA8" s="196">
        <v>562</v>
      </c>
      <c r="AB8" s="193">
        <v>0</v>
      </c>
      <c r="AC8" s="191">
        <v>1441</v>
      </c>
      <c r="AD8" s="191">
        <v>1783</v>
      </c>
      <c r="AE8" s="191">
        <v>991</v>
      </c>
      <c r="AF8" s="191">
        <v>825</v>
      </c>
      <c r="AG8" s="191">
        <v>646</v>
      </c>
      <c r="AH8" s="196">
        <v>5686</v>
      </c>
      <c r="AI8" s="195">
        <v>6248</v>
      </c>
      <c r="AJ8" s="190">
        <v>16</v>
      </c>
      <c r="AK8" s="191">
        <v>10</v>
      </c>
      <c r="AL8" s="196">
        <v>26</v>
      </c>
      <c r="AM8" s="193">
        <v>0</v>
      </c>
      <c r="AN8" s="191">
        <v>147</v>
      </c>
      <c r="AO8" s="191">
        <v>179</v>
      </c>
      <c r="AP8" s="191">
        <v>53</v>
      </c>
      <c r="AQ8" s="191">
        <v>50</v>
      </c>
      <c r="AR8" s="191">
        <v>40</v>
      </c>
      <c r="AS8" s="196">
        <v>469</v>
      </c>
      <c r="AT8" s="195">
        <v>495</v>
      </c>
      <c r="AU8" s="190">
        <v>0</v>
      </c>
      <c r="AV8" s="191">
        <v>0</v>
      </c>
      <c r="AW8" s="196">
        <v>0</v>
      </c>
      <c r="AX8" s="193">
        <v>0</v>
      </c>
      <c r="AY8" s="191">
        <v>1910</v>
      </c>
      <c r="AZ8" s="191">
        <v>1837</v>
      </c>
      <c r="BA8" s="191">
        <v>899</v>
      </c>
      <c r="BB8" s="191">
        <v>466</v>
      </c>
      <c r="BC8" s="191">
        <v>151</v>
      </c>
      <c r="BD8" s="194">
        <v>5263</v>
      </c>
      <c r="BE8" s="195">
        <v>5263</v>
      </c>
      <c r="BF8" s="190">
        <v>0</v>
      </c>
      <c r="BG8" s="191">
        <v>0</v>
      </c>
      <c r="BH8" s="196">
        <v>0</v>
      </c>
      <c r="BI8" s="193">
        <v>0</v>
      </c>
      <c r="BJ8" s="191">
        <v>290</v>
      </c>
      <c r="BK8" s="191">
        <v>426</v>
      </c>
      <c r="BL8" s="191">
        <v>234</v>
      </c>
      <c r="BM8" s="191">
        <v>179</v>
      </c>
      <c r="BN8" s="191">
        <v>56</v>
      </c>
      <c r="BO8" s="196">
        <v>1185</v>
      </c>
      <c r="BP8" s="195">
        <v>1185</v>
      </c>
      <c r="BQ8" s="190">
        <v>7</v>
      </c>
      <c r="BR8" s="191">
        <v>0</v>
      </c>
      <c r="BS8" s="196">
        <v>7</v>
      </c>
      <c r="BT8" s="193">
        <v>0</v>
      </c>
      <c r="BU8" s="191">
        <v>130</v>
      </c>
      <c r="BV8" s="191">
        <v>275</v>
      </c>
      <c r="BW8" s="191">
        <v>261</v>
      </c>
      <c r="BX8" s="191">
        <v>219</v>
      </c>
      <c r="BY8" s="191">
        <v>118</v>
      </c>
      <c r="BZ8" s="196">
        <v>1003</v>
      </c>
      <c r="CA8" s="195">
        <v>1010</v>
      </c>
      <c r="CB8" s="190">
        <v>0</v>
      </c>
      <c r="CC8" s="191">
        <v>0</v>
      </c>
      <c r="CD8" s="196">
        <v>0</v>
      </c>
      <c r="CE8" s="193">
        <v>0</v>
      </c>
      <c r="CF8" s="191">
        <v>6</v>
      </c>
      <c r="CG8" s="191">
        <v>34</v>
      </c>
      <c r="CH8" s="191">
        <v>28</v>
      </c>
      <c r="CI8" s="191">
        <v>57</v>
      </c>
      <c r="CJ8" s="191">
        <v>13</v>
      </c>
      <c r="CK8" s="196">
        <v>138</v>
      </c>
      <c r="CL8" s="195">
        <v>138</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584</v>
      </c>
      <c r="H9" s="191">
        <v>1536</v>
      </c>
      <c r="I9" s="191">
        <v>1694</v>
      </c>
      <c r="J9" s="191">
        <v>1489</v>
      </c>
      <c r="K9" s="191">
        <v>2639</v>
      </c>
      <c r="L9" s="194">
        <v>7942</v>
      </c>
      <c r="M9" s="195">
        <v>7942</v>
      </c>
      <c r="N9" s="190">
        <v>0</v>
      </c>
      <c r="O9" s="191">
        <v>0</v>
      </c>
      <c r="P9" s="196">
        <v>0</v>
      </c>
      <c r="Q9" s="193">
        <v>0</v>
      </c>
      <c r="R9" s="191">
        <v>0</v>
      </c>
      <c r="S9" s="191">
        <v>5</v>
      </c>
      <c r="T9" s="191">
        <v>17</v>
      </c>
      <c r="U9" s="191">
        <v>43</v>
      </c>
      <c r="V9" s="191">
        <v>36</v>
      </c>
      <c r="W9" s="196">
        <v>101</v>
      </c>
      <c r="X9" s="195">
        <v>101</v>
      </c>
      <c r="Y9" s="190">
        <v>81</v>
      </c>
      <c r="Z9" s="191">
        <v>279</v>
      </c>
      <c r="AA9" s="196">
        <v>360</v>
      </c>
      <c r="AB9" s="193">
        <v>0</v>
      </c>
      <c r="AC9" s="191">
        <v>423</v>
      </c>
      <c r="AD9" s="191">
        <v>873</v>
      </c>
      <c r="AE9" s="191">
        <v>569</v>
      </c>
      <c r="AF9" s="191">
        <v>366</v>
      </c>
      <c r="AG9" s="191">
        <v>367</v>
      </c>
      <c r="AH9" s="196">
        <v>2598</v>
      </c>
      <c r="AI9" s="195">
        <v>2958</v>
      </c>
      <c r="AJ9" s="190">
        <v>12</v>
      </c>
      <c r="AK9" s="191">
        <v>10</v>
      </c>
      <c r="AL9" s="196">
        <v>22</v>
      </c>
      <c r="AM9" s="193">
        <v>0</v>
      </c>
      <c r="AN9" s="191">
        <v>16</v>
      </c>
      <c r="AO9" s="191">
        <v>26</v>
      </c>
      <c r="AP9" s="191">
        <v>15</v>
      </c>
      <c r="AQ9" s="191">
        <v>52</v>
      </c>
      <c r="AR9" s="191">
        <v>0</v>
      </c>
      <c r="AS9" s="196">
        <v>109</v>
      </c>
      <c r="AT9" s="195">
        <v>131</v>
      </c>
      <c r="AU9" s="190">
        <v>0</v>
      </c>
      <c r="AV9" s="191">
        <v>0</v>
      </c>
      <c r="AW9" s="196">
        <v>0</v>
      </c>
      <c r="AX9" s="193">
        <v>0</v>
      </c>
      <c r="AY9" s="191">
        <v>760</v>
      </c>
      <c r="AZ9" s="191">
        <v>1102</v>
      </c>
      <c r="BA9" s="191">
        <v>825</v>
      </c>
      <c r="BB9" s="191">
        <v>394</v>
      </c>
      <c r="BC9" s="191">
        <v>107</v>
      </c>
      <c r="BD9" s="194">
        <v>3188</v>
      </c>
      <c r="BE9" s="195">
        <v>3188</v>
      </c>
      <c r="BF9" s="190">
        <v>0</v>
      </c>
      <c r="BG9" s="191">
        <v>0</v>
      </c>
      <c r="BH9" s="196">
        <v>0</v>
      </c>
      <c r="BI9" s="193">
        <v>0</v>
      </c>
      <c r="BJ9" s="191">
        <v>60</v>
      </c>
      <c r="BK9" s="191">
        <v>202</v>
      </c>
      <c r="BL9" s="191">
        <v>106</v>
      </c>
      <c r="BM9" s="191">
        <v>86</v>
      </c>
      <c r="BN9" s="191">
        <v>8</v>
      </c>
      <c r="BO9" s="196">
        <v>462</v>
      </c>
      <c r="BP9" s="195">
        <v>462</v>
      </c>
      <c r="BQ9" s="190">
        <v>0</v>
      </c>
      <c r="BR9" s="191">
        <v>4</v>
      </c>
      <c r="BS9" s="196">
        <v>4</v>
      </c>
      <c r="BT9" s="193">
        <v>0</v>
      </c>
      <c r="BU9" s="191">
        <v>34</v>
      </c>
      <c r="BV9" s="191">
        <v>192</v>
      </c>
      <c r="BW9" s="191">
        <v>410</v>
      </c>
      <c r="BX9" s="191">
        <v>277</v>
      </c>
      <c r="BY9" s="191">
        <v>98</v>
      </c>
      <c r="BZ9" s="196">
        <v>1011</v>
      </c>
      <c r="CA9" s="195">
        <v>1015</v>
      </c>
      <c r="CB9" s="190">
        <v>0</v>
      </c>
      <c r="CC9" s="191">
        <v>0</v>
      </c>
      <c r="CD9" s="196">
        <v>0</v>
      </c>
      <c r="CE9" s="193">
        <v>0</v>
      </c>
      <c r="CF9" s="191">
        <v>0</v>
      </c>
      <c r="CG9" s="191">
        <v>5</v>
      </c>
      <c r="CH9" s="191">
        <v>3</v>
      </c>
      <c r="CI9" s="191">
        <v>0</v>
      </c>
      <c r="CJ9" s="191">
        <v>5</v>
      </c>
      <c r="CK9" s="196">
        <v>13</v>
      </c>
      <c r="CL9" s="195">
        <v>13</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192</v>
      </c>
      <c r="H10" s="191">
        <v>1472</v>
      </c>
      <c r="I10" s="191">
        <v>1667</v>
      </c>
      <c r="J10" s="191">
        <v>2647</v>
      </c>
      <c r="K10" s="191">
        <v>1335</v>
      </c>
      <c r="L10" s="194">
        <v>8313</v>
      </c>
      <c r="M10" s="195">
        <v>8313</v>
      </c>
      <c r="N10" s="190">
        <v>0</v>
      </c>
      <c r="O10" s="191">
        <v>0</v>
      </c>
      <c r="P10" s="196">
        <v>0</v>
      </c>
      <c r="Q10" s="193">
        <v>0</v>
      </c>
      <c r="R10" s="191">
        <v>3</v>
      </c>
      <c r="S10" s="191">
        <v>16</v>
      </c>
      <c r="T10" s="191">
        <v>15</v>
      </c>
      <c r="U10" s="191">
        <v>37</v>
      </c>
      <c r="V10" s="191">
        <v>54</v>
      </c>
      <c r="W10" s="196">
        <v>125</v>
      </c>
      <c r="X10" s="195">
        <v>125</v>
      </c>
      <c r="Y10" s="190">
        <v>17</v>
      </c>
      <c r="Z10" s="191">
        <v>9</v>
      </c>
      <c r="AA10" s="196">
        <v>26</v>
      </c>
      <c r="AB10" s="193">
        <v>0</v>
      </c>
      <c r="AC10" s="191">
        <v>418</v>
      </c>
      <c r="AD10" s="191">
        <v>379</v>
      </c>
      <c r="AE10" s="191">
        <v>236</v>
      </c>
      <c r="AF10" s="191">
        <v>290</v>
      </c>
      <c r="AG10" s="191">
        <v>230</v>
      </c>
      <c r="AH10" s="196">
        <v>1553</v>
      </c>
      <c r="AI10" s="195">
        <v>1579</v>
      </c>
      <c r="AJ10" s="190">
        <v>0</v>
      </c>
      <c r="AK10" s="191">
        <v>16</v>
      </c>
      <c r="AL10" s="196">
        <v>16</v>
      </c>
      <c r="AM10" s="193">
        <v>0</v>
      </c>
      <c r="AN10" s="191">
        <v>122</v>
      </c>
      <c r="AO10" s="191">
        <v>58</v>
      </c>
      <c r="AP10" s="191">
        <v>45</v>
      </c>
      <c r="AQ10" s="191">
        <v>45</v>
      </c>
      <c r="AR10" s="191">
        <v>23</v>
      </c>
      <c r="AS10" s="196">
        <v>293</v>
      </c>
      <c r="AT10" s="195">
        <v>309</v>
      </c>
      <c r="AU10" s="190">
        <v>0</v>
      </c>
      <c r="AV10" s="191">
        <v>0</v>
      </c>
      <c r="AW10" s="196">
        <v>0</v>
      </c>
      <c r="AX10" s="193">
        <v>0</v>
      </c>
      <c r="AY10" s="191">
        <v>1228</v>
      </c>
      <c r="AZ10" s="191">
        <v>732</v>
      </c>
      <c r="BA10" s="191">
        <v>407</v>
      </c>
      <c r="BB10" s="191">
        <v>202</v>
      </c>
      <c r="BC10" s="191">
        <v>99</v>
      </c>
      <c r="BD10" s="194">
        <v>2668</v>
      </c>
      <c r="BE10" s="195">
        <v>2668</v>
      </c>
      <c r="BF10" s="190">
        <v>0</v>
      </c>
      <c r="BG10" s="191">
        <v>0</v>
      </c>
      <c r="BH10" s="196">
        <v>0</v>
      </c>
      <c r="BI10" s="193">
        <v>0</v>
      </c>
      <c r="BJ10" s="191">
        <v>205</v>
      </c>
      <c r="BK10" s="191">
        <v>193</v>
      </c>
      <c r="BL10" s="191">
        <v>70</v>
      </c>
      <c r="BM10" s="191">
        <v>36</v>
      </c>
      <c r="BN10" s="191">
        <v>31</v>
      </c>
      <c r="BO10" s="196">
        <v>535</v>
      </c>
      <c r="BP10" s="195">
        <v>535</v>
      </c>
      <c r="BQ10" s="190">
        <v>3</v>
      </c>
      <c r="BR10" s="191">
        <v>5</v>
      </c>
      <c r="BS10" s="196">
        <v>8</v>
      </c>
      <c r="BT10" s="193">
        <v>0</v>
      </c>
      <c r="BU10" s="191">
        <v>154</v>
      </c>
      <c r="BV10" s="191">
        <v>298</v>
      </c>
      <c r="BW10" s="191">
        <v>371</v>
      </c>
      <c r="BX10" s="191">
        <v>244</v>
      </c>
      <c r="BY10" s="191">
        <v>84</v>
      </c>
      <c r="BZ10" s="196">
        <v>1151</v>
      </c>
      <c r="CA10" s="195">
        <v>1159</v>
      </c>
      <c r="CB10" s="190">
        <v>0</v>
      </c>
      <c r="CC10" s="191">
        <v>0</v>
      </c>
      <c r="CD10" s="196">
        <v>0</v>
      </c>
      <c r="CE10" s="193">
        <v>0</v>
      </c>
      <c r="CF10" s="191">
        <v>0</v>
      </c>
      <c r="CG10" s="191">
        <v>22</v>
      </c>
      <c r="CH10" s="191">
        <v>0</v>
      </c>
      <c r="CI10" s="191">
        <v>3</v>
      </c>
      <c r="CJ10" s="191">
        <v>12</v>
      </c>
      <c r="CK10" s="196">
        <v>37</v>
      </c>
      <c r="CL10" s="195">
        <v>37</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282</v>
      </c>
      <c r="H11" s="191">
        <v>548</v>
      </c>
      <c r="I11" s="191">
        <v>595</v>
      </c>
      <c r="J11" s="191">
        <v>461</v>
      </c>
      <c r="K11" s="191">
        <v>729</v>
      </c>
      <c r="L11" s="194">
        <v>2615</v>
      </c>
      <c r="M11" s="195">
        <v>2615</v>
      </c>
      <c r="N11" s="190">
        <v>0</v>
      </c>
      <c r="O11" s="191">
        <v>0</v>
      </c>
      <c r="P11" s="196">
        <v>0</v>
      </c>
      <c r="Q11" s="193">
        <v>0</v>
      </c>
      <c r="R11" s="191">
        <v>2</v>
      </c>
      <c r="S11" s="191">
        <v>8</v>
      </c>
      <c r="T11" s="191">
        <v>18</v>
      </c>
      <c r="U11" s="191">
        <v>3</v>
      </c>
      <c r="V11" s="191">
        <v>31</v>
      </c>
      <c r="W11" s="196">
        <v>62</v>
      </c>
      <c r="X11" s="195">
        <v>62</v>
      </c>
      <c r="Y11" s="190">
        <v>9</v>
      </c>
      <c r="Z11" s="191">
        <v>23</v>
      </c>
      <c r="AA11" s="196">
        <v>32</v>
      </c>
      <c r="AB11" s="193">
        <v>0</v>
      </c>
      <c r="AC11" s="191">
        <v>134</v>
      </c>
      <c r="AD11" s="191">
        <v>241</v>
      </c>
      <c r="AE11" s="191">
        <v>164</v>
      </c>
      <c r="AF11" s="191">
        <v>119</v>
      </c>
      <c r="AG11" s="191">
        <v>107</v>
      </c>
      <c r="AH11" s="196">
        <v>765</v>
      </c>
      <c r="AI11" s="195">
        <v>797</v>
      </c>
      <c r="AJ11" s="190">
        <v>12</v>
      </c>
      <c r="AK11" s="191">
        <v>18</v>
      </c>
      <c r="AL11" s="196">
        <v>30</v>
      </c>
      <c r="AM11" s="193">
        <v>0</v>
      </c>
      <c r="AN11" s="191">
        <v>70</v>
      </c>
      <c r="AO11" s="191">
        <v>36</v>
      </c>
      <c r="AP11" s="191">
        <v>51</v>
      </c>
      <c r="AQ11" s="191">
        <v>35</v>
      </c>
      <c r="AR11" s="191">
        <v>8</v>
      </c>
      <c r="AS11" s="196">
        <v>200</v>
      </c>
      <c r="AT11" s="195">
        <v>230</v>
      </c>
      <c r="AU11" s="190">
        <v>0</v>
      </c>
      <c r="AV11" s="191">
        <v>0</v>
      </c>
      <c r="AW11" s="196">
        <v>0</v>
      </c>
      <c r="AX11" s="193">
        <v>0</v>
      </c>
      <c r="AY11" s="191">
        <v>360</v>
      </c>
      <c r="AZ11" s="191">
        <v>367</v>
      </c>
      <c r="BA11" s="191">
        <v>156</v>
      </c>
      <c r="BB11" s="191">
        <v>191</v>
      </c>
      <c r="BC11" s="191">
        <v>76</v>
      </c>
      <c r="BD11" s="194">
        <v>1150</v>
      </c>
      <c r="BE11" s="195">
        <v>1150</v>
      </c>
      <c r="BF11" s="190">
        <v>0</v>
      </c>
      <c r="BG11" s="191">
        <v>0</v>
      </c>
      <c r="BH11" s="196">
        <v>0</v>
      </c>
      <c r="BI11" s="193">
        <v>0</v>
      </c>
      <c r="BJ11" s="191">
        <v>83</v>
      </c>
      <c r="BK11" s="191">
        <v>94</v>
      </c>
      <c r="BL11" s="191">
        <v>40</v>
      </c>
      <c r="BM11" s="191">
        <v>7</v>
      </c>
      <c r="BN11" s="191">
        <v>11</v>
      </c>
      <c r="BO11" s="196">
        <v>235</v>
      </c>
      <c r="BP11" s="195">
        <v>235</v>
      </c>
      <c r="BQ11" s="190">
        <v>0</v>
      </c>
      <c r="BR11" s="191">
        <v>10</v>
      </c>
      <c r="BS11" s="196">
        <v>10</v>
      </c>
      <c r="BT11" s="193">
        <v>0</v>
      </c>
      <c r="BU11" s="191">
        <v>3</v>
      </c>
      <c r="BV11" s="191">
        <v>25</v>
      </c>
      <c r="BW11" s="191">
        <v>133</v>
      </c>
      <c r="BX11" s="191">
        <v>74</v>
      </c>
      <c r="BY11" s="191">
        <v>27</v>
      </c>
      <c r="BZ11" s="196">
        <v>262</v>
      </c>
      <c r="CA11" s="195">
        <v>272</v>
      </c>
      <c r="CB11" s="190">
        <v>0</v>
      </c>
      <c r="CC11" s="191">
        <v>0</v>
      </c>
      <c r="CD11" s="196">
        <v>0</v>
      </c>
      <c r="CE11" s="193">
        <v>0</v>
      </c>
      <c r="CF11" s="191">
        <v>0</v>
      </c>
      <c r="CG11" s="191">
        <v>0</v>
      </c>
      <c r="CH11" s="191">
        <v>10</v>
      </c>
      <c r="CI11" s="191">
        <v>0</v>
      </c>
      <c r="CJ11" s="191">
        <v>0</v>
      </c>
      <c r="CK11" s="196">
        <v>10</v>
      </c>
      <c r="CL11" s="195">
        <v>10</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96</v>
      </c>
      <c r="H12" s="191">
        <v>517</v>
      </c>
      <c r="I12" s="191">
        <v>942</v>
      </c>
      <c r="J12" s="191">
        <v>1386</v>
      </c>
      <c r="K12" s="191">
        <v>937</v>
      </c>
      <c r="L12" s="194">
        <v>4378</v>
      </c>
      <c r="M12" s="195">
        <v>4378</v>
      </c>
      <c r="N12" s="190">
        <v>0</v>
      </c>
      <c r="O12" s="191">
        <v>0</v>
      </c>
      <c r="P12" s="196">
        <v>0</v>
      </c>
      <c r="Q12" s="193">
        <v>0</v>
      </c>
      <c r="R12" s="191">
        <v>0</v>
      </c>
      <c r="S12" s="191">
        <v>6</v>
      </c>
      <c r="T12" s="191">
        <v>0</v>
      </c>
      <c r="U12" s="191">
        <v>10</v>
      </c>
      <c r="V12" s="191">
        <v>37</v>
      </c>
      <c r="W12" s="196">
        <v>53</v>
      </c>
      <c r="X12" s="195">
        <v>53</v>
      </c>
      <c r="Y12" s="190">
        <v>40</v>
      </c>
      <c r="Z12" s="191">
        <v>66</v>
      </c>
      <c r="AA12" s="196">
        <v>106</v>
      </c>
      <c r="AB12" s="193">
        <v>0</v>
      </c>
      <c r="AC12" s="191">
        <v>436</v>
      </c>
      <c r="AD12" s="191">
        <v>157</v>
      </c>
      <c r="AE12" s="191">
        <v>203</v>
      </c>
      <c r="AF12" s="191">
        <v>241</v>
      </c>
      <c r="AG12" s="191">
        <v>315</v>
      </c>
      <c r="AH12" s="196">
        <v>1352</v>
      </c>
      <c r="AI12" s="195">
        <v>1458</v>
      </c>
      <c r="AJ12" s="190">
        <v>0</v>
      </c>
      <c r="AK12" s="191">
        <v>10</v>
      </c>
      <c r="AL12" s="196">
        <v>10</v>
      </c>
      <c r="AM12" s="193">
        <v>0</v>
      </c>
      <c r="AN12" s="191">
        <v>34</v>
      </c>
      <c r="AO12" s="191">
        <v>29</v>
      </c>
      <c r="AP12" s="191">
        <v>0</v>
      </c>
      <c r="AQ12" s="191">
        <v>31</v>
      </c>
      <c r="AR12" s="191">
        <v>29</v>
      </c>
      <c r="AS12" s="196">
        <v>123</v>
      </c>
      <c r="AT12" s="195">
        <v>133</v>
      </c>
      <c r="AU12" s="190">
        <v>0</v>
      </c>
      <c r="AV12" s="191">
        <v>0</v>
      </c>
      <c r="AW12" s="196">
        <v>0</v>
      </c>
      <c r="AX12" s="193">
        <v>0</v>
      </c>
      <c r="AY12" s="191">
        <v>359</v>
      </c>
      <c r="AZ12" s="191">
        <v>225</v>
      </c>
      <c r="BA12" s="191">
        <v>272</v>
      </c>
      <c r="BB12" s="191">
        <v>82</v>
      </c>
      <c r="BC12" s="191">
        <v>22</v>
      </c>
      <c r="BD12" s="194">
        <v>960</v>
      </c>
      <c r="BE12" s="195">
        <v>960</v>
      </c>
      <c r="BF12" s="190">
        <v>0</v>
      </c>
      <c r="BG12" s="191">
        <v>0</v>
      </c>
      <c r="BH12" s="196">
        <v>0</v>
      </c>
      <c r="BI12" s="193">
        <v>0</v>
      </c>
      <c r="BJ12" s="191">
        <v>93</v>
      </c>
      <c r="BK12" s="191">
        <v>138</v>
      </c>
      <c r="BL12" s="191">
        <v>106</v>
      </c>
      <c r="BM12" s="191">
        <v>133</v>
      </c>
      <c r="BN12" s="191">
        <v>4</v>
      </c>
      <c r="BO12" s="196">
        <v>474</v>
      </c>
      <c r="BP12" s="195">
        <v>474</v>
      </c>
      <c r="BQ12" s="190">
        <v>0</v>
      </c>
      <c r="BR12" s="191">
        <v>0</v>
      </c>
      <c r="BS12" s="196">
        <v>0</v>
      </c>
      <c r="BT12" s="193">
        <v>0</v>
      </c>
      <c r="BU12" s="191">
        <v>56</v>
      </c>
      <c r="BV12" s="191">
        <v>34</v>
      </c>
      <c r="BW12" s="191">
        <v>114</v>
      </c>
      <c r="BX12" s="191">
        <v>34</v>
      </c>
      <c r="BY12" s="191">
        <v>16</v>
      </c>
      <c r="BZ12" s="196">
        <v>254</v>
      </c>
      <c r="CA12" s="195">
        <v>254</v>
      </c>
      <c r="CB12" s="190">
        <v>0</v>
      </c>
      <c r="CC12" s="191">
        <v>0</v>
      </c>
      <c r="CD12" s="196">
        <v>0</v>
      </c>
      <c r="CE12" s="193">
        <v>0</v>
      </c>
      <c r="CF12" s="191">
        <v>0</v>
      </c>
      <c r="CG12" s="191">
        <v>0</v>
      </c>
      <c r="CH12" s="191">
        <v>6</v>
      </c>
      <c r="CI12" s="191">
        <v>2</v>
      </c>
      <c r="CJ12" s="191">
        <v>6</v>
      </c>
      <c r="CK12" s="196">
        <v>14</v>
      </c>
      <c r="CL12" s="195">
        <v>14</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166</v>
      </c>
      <c r="H13" s="191">
        <v>941</v>
      </c>
      <c r="I13" s="191">
        <v>1141</v>
      </c>
      <c r="J13" s="191">
        <v>2338</v>
      </c>
      <c r="K13" s="191">
        <v>1504</v>
      </c>
      <c r="L13" s="194">
        <v>7090</v>
      </c>
      <c r="M13" s="195">
        <v>7090</v>
      </c>
      <c r="N13" s="190">
        <v>0</v>
      </c>
      <c r="O13" s="191">
        <v>0</v>
      </c>
      <c r="P13" s="196">
        <v>0</v>
      </c>
      <c r="Q13" s="193">
        <v>0</v>
      </c>
      <c r="R13" s="191">
        <v>0</v>
      </c>
      <c r="S13" s="191">
        <v>4</v>
      </c>
      <c r="T13" s="191">
        <v>13</v>
      </c>
      <c r="U13" s="191">
        <v>26</v>
      </c>
      <c r="V13" s="191">
        <v>60</v>
      </c>
      <c r="W13" s="196">
        <v>103</v>
      </c>
      <c r="X13" s="195">
        <v>103</v>
      </c>
      <c r="Y13" s="190">
        <v>109</v>
      </c>
      <c r="Z13" s="191">
        <v>147</v>
      </c>
      <c r="AA13" s="196">
        <v>256</v>
      </c>
      <c r="AB13" s="193">
        <v>0</v>
      </c>
      <c r="AC13" s="191">
        <v>622</v>
      </c>
      <c r="AD13" s="191">
        <v>257</v>
      </c>
      <c r="AE13" s="191">
        <v>285</v>
      </c>
      <c r="AF13" s="191">
        <v>244</v>
      </c>
      <c r="AG13" s="191">
        <v>216</v>
      </c>
      <c r="AH13" s="196">
        <v>1624</v>
      </c>
      <c r="AI13" s="195">
        <v>1880</v>
      </c>
      <c r="AJ13" s="190">
        <v>8</v>
      </c>
      <c r="AK13" s="191">
        <v>13</v>
      </c>
      <c r="AL13" s="196">
        <v>21</v>
      </c>
      <c r="AM13" s="193">
        <v>0</v>
      </c>
      <c r="AN13" s="191">
        <v>59</v>
      </c>
      <c r="AO13" s="191">
        <v>-33</v>
      </c>
      <c r="AP13" s="191">
        <v>35</v>
      </c>
      <c r="AQ13" s="191">
        <v>61</v>
      </c>
      <c r="AR13" s="191">
        <v>71</v>
      </c>
      <c r="AS13" s="196">
        <v>193</v>
      </c>
      <c r="AT13" s="195">
        <v>214</v>
      </c>
      <c r="AU13" s="190">
        <v>0</v>
      </c>
      <c r="AV13" s="191">
        <v>0</v>
      </c>
      <c r="AW13" s="196">
        <v>0</v>
      </c>
      <c r="AX13" s="193">
        <v>0</v>
      </c>
      <c r="AY13" s="191">
        <v>1096</v>
      </c>
      <c r="AZ13" s="191">
        <v>555</v>
      </c>
      <c r="BA13" s="191">
        <v>242</v>
      </c>
      <c r="BB13" s="191">
        <v>162</v>
      </c>
      <c r="BC13" s="191">
        <v>82</v>
      </c>
      <c r="BD13" s="194">
        <v>2137</v>
      </c>
      <c r="BE13" s="195">
        <v>2137</v>
      </c>
      <c r="BF13" s="190">
        <v>0</v>
      </c>
      <c r="BG13" s="191">
        <v>0</v>
      </c>
      <c r="BH13" s="196">
        <v>0</v>
      </c>
      <c r="BI13" s="193">
        <v>0</v>
      </c>
      <c r="BJ13" s="191">
        <v>185</v>
      </c>
      <c r="BK13" s="191">
        <v>103</v>
      </c>
      <c r="BL13" s="191">
        <v>79</v>
      </c>
      <c r="BM13" s="191">
        <v>15</v>
      </c>
      <c r="BN13" s="191">
        <v>19</v>
      </c>
      <c r="BO13" s="196">
        <v>401</v>
      </c>
      <c r="BP13" s="195">
        <v>401</v>
      </c>
      <c r="BQ13" s="190">
        <v>0</v>
      </c>
      <c r="BR13" s="191">
        <v>21</v>
      </c>
      <c r="BS13" s="196">
        <v>21</v>
      </c>
      <c r="BT13" s="193">
        <v>0</v>
      </c>
      <c r="BU13" s="191">
        <v>114</v>
      </c>
      <c r="BV13" s="191">
        <v>48</v>
      </c>
      <c r="BW13" s="191">
        <v>126</v>
      </c>
      <c r="BX13" s="191">
        <v>129</v>
      </c>
      <c r="BY13" s="191">
        <v>58</v>
      </c>
      <c r="BZ13" s="196">
        <v>475</v>
      </c>
      <c r="CA13" s="195">
        <v>496</v>
      </c>
      <c r="CB13" s="190">
        <v>0</v>
      </c>
      <c r="CC13" s="191">
        <v>0</v>
      </c>
      <c r="CD13" s="196">
        <v>0</v>
      </c>
      <c r="CE13" s="193">
        <v>0</v>
      </c>
      <c r="CF13" s="191">
        <v>6</v>
      </c>
      <c r="CG13" s="191">
        <v>4</v>
      </c>
      <c r="CH13" s="191">
        <v>16</v>
      </c>
      <c r="CI13" s="191">
        <v>3</v>
      </c>
      <c r="CJ13" s="191">
        <v>0</v>
      </c>
      <c r="CK13" s="196">
        <v>29</v>
      </c>
      <c r="CL13" s="195">
        <v>29</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342</v>
      </c>
      <c r="H14" s="191">
        <v>175</v>
      </c>
      <c r="I14" s="191">
        <v>310</v>
      </c>
      <c r="J14" s="191">
        <v>526</v>
      </c>
      <c r="K14" s="191">
        <v>289</v>
      </c>
      <c r="L14" s="194">
        <v>1642</v>
      </c>
      <c r="M14" s="195">
        <v>1642</v>
      </c>
      <c r="N14" s="190">
        <v>0</v>
      </c>
      <c r="O14" s="191">
        <v>0</v>
      </c>
      <c r="P14" s="196">
        <v>0</v>
      </c>
      <c r="Q14" s="193">
        <v>0</v>
      </c>
      <c r="R14" s="191">
        <v>0</v>
      </c>
      <c r="S14" s="191">
        <v>9</v>
      </c>
      <c r="T14" s="191">
        <v>0</v>
      </c>
      <c r="U14" s="191">
        <v>19</v>
      </c>
      <c r="V14" s="191">
        <v>29</v>
      </c>
      <c r="W14" s="196">
        <v>57</v>
      </c>
      <c r="X14" s="195">
        <v>57</v>
      </c>
      <c r="Y14" s="190">
        <v>10</v>
      </c>
      <c r="Z14" s="191">
        <v>12</v>
      </c>
      <c r="AA14" s="196">
        <v>22</v>
      </c>
      <c r="AB14" s="193">
        <v>0</v>
      </c>
      <c r="AC14" s="191">
        <v>169</v>
      </c>
      <c r="AD14" s="191">
        <v>157</v>
      </c>
      <c r="AE14" s="191">
        <v>143</v>
      </c>
      <c r="AF14" s="191">
        <v>123</v>
      </c>
      <c r="AG14" s="191">
        <v>51</v>
      </c>
      <c r="AH14" s="196">
        <v>643</v>
      </c>
      <c r="AI14" s="195">
        <v>665</v>
      </c>
      <c r="AJ14" s="190">
        <v>0</v>
      </c>
      <c r="AK14" s="191">
        <v>12</v>
      </c>
      <c r="AL14" s="196">
        <v>12</v>
      </c>
      <c r="AM14" s="193">
        <v>0</v>
      </c>
      <c r="AN14" s="191">
        <v>30</v>
      </c>
      <c r="AO14" s="191">
        <v>9</v>
      </c>
      <c r="AP14" s="191">
        <v>48</v>
      </c>
      <c r="AQ14" s="191">
        <v>14</v>
      </c>
      <c r="AR14" s="191">
        <v>16</v>
      </c>
      <c r="AS14" s="196">
        <v>117</v>
      </c>
      <c r="AT14" s="195">
        <v>129</v>
      </c>
      <c r="AU14" s="190">
        <v>0</v>
      </c>
      <c r="AV14" s="191">
        <v>0</v>
      </c>
      <c r="AW14" s="196">
        <v>0</v>
      </c>
      <c r="AX14" s="193">
        <v>0</v>
      </c>
      <c r="AY14" s="191">
        <v>441</v>
      </c>
      <c r="AZ14" s="191">
        <v>202</v>
      </c>
      <c r="BA14" s="191">
        <v>216</v>
      </c>
      <c r="BB14" s="191">
        <v>75</v>
      </c>
      <c r="BC14" s="191">
        <v>9</v>
      </c>
      <c r="BD14" s="194">
        <v>943</v>
      </c>
      <c r="BE14" s="195">
        <v>943</v>
      </c>
      <c r="BF14" s="190">
        <v>0</v>
      </c>
      <c r="BG14" s="191">
        <v>0</v>
      </c>
      <c r="BH14" s="196">
        <v>0</v>
      </c>
      <c r="BI14" s="193">
        <v>0</v>
      </c>
      <c r="BJ14" s="191">
        <v>192</v>
      </c>
      <c r="BK14" s="191">
        <v>114</v>
      </c>
      <c r="BL14" s="191">
        <v>28</v>
      </c>
      <c r="BM14" s="191">
        <v>56</v>
      </c>
      <c r="BN14" s="191">
        <v>0</v>
      </c>
      <c r="BO14" s="196">
        <v>390</v>
      </c>
      <c r="BP14" s="195">
        <v>390</v>
      </c>
      <c r="BQ14" s="190">
        <v>3</v>
      </c>
      <c r="BR14" s="191">
        <v>0</v>
      </c>
      <c r="BS14" s="196">
        <v>3</v>
      </c>
      <c r="BT14" s="193">
        <v>0</v>
      </c>
      <c r="BU14" s="191">
        <v>40</v>
      </c>
      <c r="BV14" s="191">
        <v>54</v>
      </c>
      <c r="BW14" s="191">
        <v>48</v>
      </c>
      <c r="BX14" s="191">
        <v>47</v>
      </c>
      <c r="BY14" s="191">
        <v>0</v>
      </c>
      <c r="BZ14" s="196">
        <v>189</v>
      </c>
      <c r="CA14" s="195">
        <v>192</v>
      </c>
      <c r="CB14" s="190">
        <v>0</v>
      </c>
      <c r="CC14" s="191">
        <v>7</v>
      </c>
      <c r="CD14" s="196">
        <v>7</v>
      </c>
      <c r="CE14" s="193">
        <v>0</v>
      </c>
      <c r="CF14" s="191">
        <v>12</v>
      </c>
      <c r="CG14" s="191">
        <v>3</v>
      </c>
      <c r="CH14" s="191">
        <v>29</v>
      </c>
      <c r="CI14" s="191">
        <v>3</v>
      </c>
      <c r="CJ14" s="191">
        <v>0</v>
      </c>
      <c r="CK14" s="196">
        <v>47</v>
      </c>
      <c r="CL14" s="195">
        <v>54</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353</v>
      </c>
      <c r="H15" s="191">
        <v>813</v>
      </c>
      <c r="I15" s="191">
        <v>509</v>
      </c>
      <c r="J15" s="191">
        <v>1355</v>
      </c>
      <c r="K15" s="191">
        <v>359</v>
      </c>
      <c r="L15" s="194">
        <v>3389</v>
      </c>
      <c r="M15" s="195">
        <v>3389</v>
      </c>
      <c r="N15" s="190">
        <v>0</v>
      </c>
      <c r="O15" s="191">
        <v>0</v>
      </c>
      <c r="P15" s="196">
        <v>0</v>
      </c>
      <c r="Q15" s="193">
        <v>0</v>
      </c>
      <c r="R15" s="191">
        <v>0</v>
      </c>
      <c r="S15" s="191">
        <v>0</v>
      </c>
      <c r="T15" s="191">
        <v>15</v>
      </c>
      <c r="U15" s="191">
        <v>19</v>
      </c>
      <c r="V15" s="191">
        <v>7</v>
      </c>
      <c r="W15" s="196">
        <v>41</v>
      </c>
      <c r="X15" s="195">
        <v>41</v>
      </c>
      <c r="Y15" s="190">
        <v>39</v>
      </c>
      <c r="Z15" s="191">
        <v>158</v>
      </c>
      <c r="AA15" s="196">
        <v>197</v>
      </c>
      <c r="AB15" s="193">
        <v>0</v>
      </c>
      <c r="AC15" s="191">
        <v>140</v>
      </c>
      <c r="AD15" s="191">
        <v>433</v>
      </c>
      <c r="AE15" s="191">
        <v>219</v>
      </c>
      <c r="AF15" s="191">
        <v>91</v>
      </c>
      <c r="AG15" s="191">
        <v>101</v>
      </c>
      <c r="AH15" s="196">
        <v>984</v>
      </c>
      <c r="AI15" s="195">
        <v>1181</v>
      </c>
      <c r="AJ15" s="190">
        <v>0</v>
      </c>
      <c r="AK15" s="191">
        <v>16</v>
      </c>
      <c r="AL15" s="196">
        <v>16</v>
      </c>
      <c r="AM15" s="193">
        <v>0</v>
      </c>
      <c r="AN15" s="191">
        <v>0</v>
      </c>
      <c r="AO15" s="191">
        <v>72</v>
      </c>
      <c r="AP15" s="191">
        <v>8</v>
      </c>
      <c r="AQ15" s="191">
        <v>30</v>
      </c>
      <c r="AR15" s="191">
        <v>0</v>
      </c>
      <c r="AS15" s="196">
        <v>110</v>
      </c>
      <c r="AT15" s="195">
        <v>126</v>
      </c>
      <c r="AU15" s="190">
        <v>0</v>
      </c>
      <c r="AV15" s="191">
        <v>0</v>
      </c>
      <c r="AW15" s="196">
        <v>0</v>
      </c>
      <c r="AX15" s="193">
        <v>0</v>
      </c>
      <c r="AY15" s="191">
        <v>518</v>
      </c>
      <c r="AZ15" s="191">
        <v>406</v>
      </c>
      <c r="BA15" s="191">
        <v>257</v>
      </c>
      <c r="BB15" s="191">
        <v>96</v>
      </c>
      <c r="BC15" s="191">
        <v>14</v>
      </c>
      <c r="BD15" s="194">
        <v>1291</v>
      </c>
      <c r="BE15" s="195">
        <v>1291</v>
      </c>
      <c r="BF15" s="190">
        <v>0</v>
      </c>
      <c r="BG15" s="191">
        <v>0</v>
      </c>
      <c r="BH15" s="196">
        <v>0</v>
      </c>
      <c r="BI15" s="193">
        <v>0</v>
      </c>
      <c r="BJ15" s="191">
        <v>56</v>
      </c>
      <c r="BK15" s="191">
        <v>165</v>
      </c>
      <c r="BL15" s="191">
        <v>103</v>
      </c>
      <c r="BM15" s="191">
        <v>26</v>
      </c>
      <c r="BN15" s="191">
        <v>10</v>
      </c>
      <c r="BO15" s="196">
        <v>360</v>
      </c>
      <c r="BP15" s="195">
        <v>360</v>
      </c>
      <c r="BQ15" s="190">
        <v>0</v>
      </c>
      <c r="BR15" s="191">
        <v>6</v>
      </c>
      <c r="BS15" s="196">
        <v>6</v>
      </c>
      <c r="BT15" s="193">
        <v>0</v>
      </c>
      <c r="BU15" s="191">
        <v>17</v>
      </c>
      <c r="BV15" s="191">
        <v>70</v>
      </c>
      <c r="BW15" s="191">
        <v>26</v>
      </c>
      <c r="BX15" s="191">
        <v>69</v>
      </c>
      <c r="BY15" s="191">
        <v>64</v>
      </c>
      <c r="BZ15" s="196">
        <v>246</v>
      </c>
      <c r="CA15" s="195">
        <v>252</v>
      </c>
      <c r="CB15" s="190">
        <v>0</v>
      </c>
      <c r="CC15" s="191">
        <v>0</v>
      </c>
      <c r="CD15" s="196">
        <v>0</v>
      </c>
      <c r="CE15" s="193">
        <v>0</v>
      </c>
      <c r="CF15" s="191">
        <v>0</v>
      </c>
      <c r="CG15" s="191">
        <v>6</v>
      </c>
      <c r="CH15" s="191">
        <v>0</v>
      </c>
      <c r="CI15" s="191">
        <v>11</v>
      </c>
      <c r="CJ15" s="191">
        <v>0</v>
      </c>
      <c r="CK15" s="196">
        <v>17</v>
      </c>
      <c r="CL15" s="195">
        <v>17</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179</v>
      </c>
      <c r="H16" s="191">
        <v>229</v>
      </c>
      <c r="I16" s="191">
        <v>376</v>
      </c>
      <c r="J16" s="191">
        <v>330</v>
      </c>
      <c r="K16" s="191">
        <v>620</v>
      </c>
      <c r="L16" s="194">
        <v>1734</v>
      </c>
      <c r="M16" s="195">
        <v>1734</v>
      </c>
      <c r="N16" s="190">
        <v>0</v>
      </c>
      <c r="O16" s="191">
        <v>0</v>
      </c>
      <c r="P16" s="196">
        <v>0</v>
      </c>
      <c r="Q16" s="193">
        <v>0</v>
      </c>
      <c r="R16" s="191">
        <v>0</v>
      </c>
      <c r="S16" s="191">
        <v>0</v>
      </c>
      <c r="T16" s="191">
        <v>4</v>
      </c>
      <c r="U16" s="191">
        <v>1</v>
      </c>
      <c r="V16" s="191">
        <v>27</v>
      </c>
      <c r="W16" s="196">
        <v>32</v>
      </c>
      <c r="X16" s="195">
        <v>32</v>
      </c>
      <c r="Y16" s="190">
        <v>0</v>
      </c>
      <c r="Z16" s="191">
        <v>8</v>
      </c>
      <c r="AA16" s="196">
        <v>8</v>
      </c>
      <c r="AB16" s="193">
        <v>0</v>
      </c>
      <c r="AC16" s="191">
        <v>121</v>
      </c>
      <c r="AD16" s="191">
        <v>244</v>
      </c>
      <c r="AE16" s="191">
        <v>87</v>
      </c>
      <c r="AF16" s="191">
        <v>45</v>
      </c>
      <c r="AG16" s="191">
        <v>123</v>
      </c>
      <c r="AH16" s="196">
        <v>620</v>
      </c>
      <c r="AI16" s="195">
        <v>628</v>
      </c>
      <c r="AJ16" s="190">
        <v>2</v>
      </c>
      <c r="AK16" s="191">
        <v>0</v>
      </c>
      <c r="AL16" s="196">
        <v>2</v>
      </c>
      <c r="AM16" s="193">
        <v>0</v>
      </c>
      <c r="AN16" s="191">
        <v>28</v>
      </c>
      <c r="AO16" s="191">
        <v>15</v>
      </c>
      <c r="AP16" s="191">
        <v>14</v>
      </c>
      <c r="AQ16" s="191">
        <v>0</v>
      </c>
      <c r="AR16" s="191">
        <v>0</v>
      </c>
      <c r="AS16" s="196">
        <v>57</v>
      </c>
      <c r="AT16" s="195">
        <v>59</v>
      </c>
      <c r="AU16" s="190">
        <v>0</v>
      </c>
      <c r="AV16" s="191">
        <v>0</v>
      </c>
      <c r="AW16" s="196">
        <v>0</v>
      </c>
      <c r="AX16" s="193">
        <v>0</v>
      </c>
      <c r="AY16" s="191">
        <v>187</v>
      </c>
      <c r="AZ16" s="191">
        <v>120</v>
      </c>
      <c r="BA16" s="191">
        <v>30</v>
      </c>
      <c r="BB16" s="191">
        <v>96</v>
      </c>
      <c r="BC16" s="191">
        <v>16</v>
      </c>
      <c r="BD16" s="194">
        <v>449</v>
      </c>
      <c r="BE16" s="195">
        <v>449</v>
      </c>
      <c r="BF16" s="190">
        <v>0</v>
      </c>
      <c r="BG16" s="191">
        <v>0</v>
      </c>
      <c r="BH16" s="196">
        <v>0</v>
      </c>
      <c r="BI16" s="193">
        <v>0</v>
      </c>
      <c r="BJ16" s="191">
        <v>21</v>
      </c>
      <c r="BK16" s="191">
        <v>9</v>
      </c>
      <c r="BL16" s="191">
        <v>7</v>
      </c>
      <c r="BM16" s="191">
        <v>10</v>
      </c>
      <c r="BN16" s="191">
        <v>2</v>
      </c>
      <c r="BO16" s="196">
        <v>49</v>
      </c>
      <c r="BP16" s="195">
        <v>49</v>
      </c>
      <c r="BQ16" s="190">
        <v>0</v>
      </c>
      <c r="BR16" s="191">
        <v>0</v>
      </c>
      <c r="BS16" s="196">
        <v>0</v>
      </c>
      <c r="BT16" s="193">
        <v>0</v>
      </c>
      <c r="BU16" s="191">
        <v>15</v>
      </c>
      <c r="BV16" s="191">
        <v>43</v>
      </c>
      <c r="BW16" s="191">
        <v>12</v>
      </c>
      <c r="BX16" s="191">
        <v>4</v>
      </c>
      <c r="BY16" s="191">
        <v>2</v>
      </c>
      <c r="BZ16" s="196">
        <v>76</v>
      </c>
      <c r="CA16" s="195">
        <v>76</v>
      </c>
      <c r="CB16" s="190">
        <v>0</v>
      </c>
      <c r="CC16" s="191">
        <v>0</v>
      </c>
      <c r="CD16" s="196">
        <v>0</v>
      </c>
      <c r="CE16" s="193">
        <v>0</v>
      </c>
      <c r="CF16" s="191">
        <v>0</v>
      </c>
      <c r="CG16" s="191">
        <v>0</v>
      </c>
      <c r="CH16" s="191">
        <v>0</v>
      </c>
      <c r="CI16" s="191">
        <v>4</v>
      </c>
      <c r="CJ16" s="191">
        <v>0</v>
      </c>
      <c r="CK16" s="196">
        <v>4</v>
      </c>
      <c r="CL16" s="195">
        <v>4</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52</v>
      </c>
      <c r="H17" s="191">
        <v>154</v>
      </c>
      <c r="I17" s="191">
        <v>144</v>
      </c>
      <c r="J17" s="191">
        <v>280</v>
      </c>
      <c r="K17" s="191">
        <v>64</v>
      </c>
      <c r="L17" s="194">
        <v>694</v>
      </c>
      <c r="M17" s="195">
        <v>694</v>
      </c>
      <c r="N17" s="190">
        <v>0</v>
      </c>
      <c r="O17" s="191">
        <v>0</v>
      </c>
      <c r="P17" s="196">
        <v>0</v>
      </c>
      <c r="Q17" s="193">
        <v>0</v>
      </c>
      <c r="R17" s="191">
        <v>0</v>
      </c>
      <c r="S17" s="191">
        <v>0</v>
      </c>
      <c r="T17" s="191">
        <v>4</v>
      </c>
      <c r="U17" s="191">
        <v>17</v>
      </c>
      <c r="V17" s="191">
        <v>0</v>
      </c>
      <c r="W17" s="196">
        <v>21</v>
      </c>
      <c r="X17" s="195">
        <v>21</v>
      </c>
      <c r="Y17" s="190">
        <v>0</v>
      </c>
      <c r="Z17" s="191">
        <v>6</v>
      </c>
      <c r="AA17" s="196">
        <v>6</v>
      </c>
      <c r="AB17" s="193">
        <v>0</v>
      </c>
      <c r="AC17" s="191">
        <v>26</v>
      </c>
      <c r="AD17" s="191">
        <v>30</v>
      </c>
      <c r="AE17" s="191">
        <v>16</v>
      </c>
      <c r="AF17" s="191">
        <v>25</v>
      </c>
      <c r="AG17" s="191">
        <v>0</v>
      </c>
      <c r="AH17" s="196">
        <v>97</v>
      </c>
      <c r="AI17" s="195">
        <v>103</v>
      </c>
      <c r="AJ17" s="190">
        <v>0</v>
      </c>
      <c r="AK17" s="191">
        <v>0</v>
      </c>
      <c r="AL17" s="196">
        <v>0</v>
      </c>
      <c r="AM17" s="193">
        <v>0</v>
      </c>
      <c r="AN17" s="191">
        <v>31</v>
      </c>
      <c r="AO17" s="191">
        <v>12</v>
      </c>
      <c r="AP17" s="191">
        <v>0</v>
      </c>
      <c r="AQ17" s="191">
        <v>0</v>
      </c>
      <c r="AR17" s="191">
        <v>0</v>
      </c>
      <c r="AS17" s="196">
        <v>43</v>
      </c>
      <c r="AT17" s="195">
        <v>43</v>
      </c>
      <c r="AU17" s="190">
        <v>0</v>
      </c>
      <c r="AV17" s="191">
        <v>0</v>
      </c>
      <c r="AW17" s="196">
        <v>0</v>
      </c>
      <c r="AX17" s="193">
        <v>0</v>
      </c>
      <c r="AY17" s="191">
        <v>40</v>
      </c>
      <c r="AZ17" s="191">
        <v>50</v>
      </c>
      <c r="BA17" s="191">
        <v>7</v>
      </c>
      <c r="BB17" s="191">
        <v>8</v>
      </c>
      <c r="BC17" s="191">
        <v>0</v>
      </c>
      <c r="BD17" s="194">
        <v>105</v>
      </c>
      <c r="BE17" s="195">
        <v>105</v>
      </c>
      <c r="BF17" s="190">
        <v>0</v>
      </c>
      <c r="BG17" s="191">
        <v>0</v>
      </c>
      <c r="BH17" s="196">
        <v>0</v>
      </c>
      <c r="BI17" s="193">
        <v>0</v>
      </c>
      <c r="BJ17" s="191">
        <v>7</v>
      </c>
      <c r="BK17" s="191">
        <v>4</v>
      </c>
      <c r="BL17" s="191">
        <v>47</v>
      </c>
      <c r="BM17" s="191">
        <v>4</v>
      </c>
      <c r="BN17" s="191">
        <v>0</v>
      </c>
      <c r="BO17" s="196">
        <v>62</v>
      </c>
      <c r="BP17" s="195">
        <v>62</v>
      </c>
      <c r="BQ17" s="190">
        <v>0</v>
      </c>
      <c r="BR17" s="191">
        <v>0</v>
      </c>
      <c r="BS17" s="196">
        <v>0</v>
      </c>
      <c r="BT17" s="193">
        <v>0</v>
      </c>
      <c r="BU17" s="191">
        <v>11</v>
      </c>
      <c r="BV17" s="191">
        <v>67</v>
      </c>
      <c r="BW17" s="191">
        <v>5</v>
      </c>
      <c r="BX17" s="191">
        <v>0</v>
      </c>
      <c r="BY17" s="191">
        <v>14</v>
      </c>
      <c r="BZ17" s="196">
        <v>97</v>
      </c>
      <c r="CA17" s="195">
        <v>97</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161</v>
      </c>
      <c r="H18" s="191">
        <v>134</v>
      </c>
      <c r="I18" s="191">
        <v>580</v>
      </c>
      <c r="J18" s="191">
        <v>27</v>
      </c>
      <c r="K18" s="191">
        <v>75</v>
      </c>
      <c r="L18" s="194">
        <v>977</v>
      </c>
      <c r="M18" s="195">
        <v>977</v>
      </c>
      <c r="N18" s="190">
        <v>0</v>
      </c>
      <c r="O18" s="191">
        <v>0</v>
      </c>
      <c r="P18" s="196">
        <v>0</v>
      </c>
      <c r="Q18" s="193">
        <v>0</v>
      </c>
      <c r="R18" s="191">
        <v>0</v>
      </c>
      <c r="S18" s="191">
        <v>0</v>
      </c>
      <c r="T18" s="191">
        <v>4</v>
      </c>
      <c r="U18" s="191">
        <v>8</v>
      </c>
      <c r="V18" s="191">
        <v>5</v>
      </c>
      <c r="W18" s="196">
        <v>17</v>
      </c>
      <c r="X18" s="195">
        <v>17</v>
      </c>
      <c r="Y18" s="190">
        <v>25</v>
      </c>
      <c r="Z18" s="191">
        <v>21</v>
      </c>
      <c r="AA18" s="196">
        <v>46</v>
      </c>
      <c r="AB18" s="193">
        <v>0</v>
      </c>
      <c r="AC18" s="191">
        <v>124</v>
      </c>
      <c r="AD18" s="191">
        <v>160</v>
      </c>
      <c r="AE18" s="191">
        <v>92</v>
      </c>
      <c r="AF18" s="191">
        <v>23</v>
      </c>
      <c r="AG18" s="191">
        <v>49</v>
      </c>
      <c r="AH18" s="196">
        <v>448</v>
      </c>
      <c r="AI18" s="195">
        <v>494</v>
      </c>
      <c r="AJ18" s="190">
        <v>12</v>
      </c>
      <c r="AK18" s="191">
        <v>0</v>
      </c>
      <c r="AL18" s="196">
        <v>12</v>
      </c>
      <c r="AM18" s="193">
        <v>0</v>
      </c>
      <c r="AN18" s="191">
        <v>21</v>
      </c>
      <c r="AO18" s="191">
        <v>20</v>
      </c>
      <c r="AP18" s="191">
        <v>0</v>
      </c>
      <c r="AQ18" s="191">
        <v>24</v>
      </c>
      <c r="AR18" s="191">
        <v>0</v>
      </c>
      <c r="AS18" s="196">
        <v>65</v>
      </c>
      <c r="AT18" s="195">
        <v>77</v>
      </c>
      <c r="AU18" s="190">
        <v>0</v>
      </c>
      <c r="AV18" s="191">
        <v>0</v>
      </c>
      <c r="AW18" s="196">
        <v>0</v>
      </c>
      <c r="AX18" s="193">
        <v>0</v>
      </c>
      <c r="AY18" s="191">
        <v>143</v>
      </c>
      <c r="AZ18" s="191">
        <v>233</v>
      </c>
      <c r="BA18" s="191">
        <v>129</v>
      </c>
      <c r="BB18" s="191">
        <v>84</v>
      </c>
      <c r="BC18" s="191">
        <v>13</v>
      </c>
      <c r="BD18" s="194">
        <v>602</v>
      </c>
      <c r="BE18" s="195">
        <v>602</v>
      </c>
      <c r="BF18" s="190">
        <v>0</v>
      </c>
      <c r="BG18" s="191">
        <v>0</v>
      </c>
      <c r="BH18" s="196">
        <v>0</v>
      </c>
      <c r="BI18" s="193">
        <v>0</v>
      </c>
      <c r="BJ18" s="191">
        <v>57</v>
      </c>
      <c r="BK18" s="191">
        <v>171</v>
      </c>
      <c r="BL18" s="191">
        <v>39</v>
      </c>
      <c r="BM18" s="191">
        <v>7</v>
      </c>
      <c r="BN18" s="191">
        <v>28</v>
      </c>
      <c r="BO18" s="196">
        <v>302</v>
      </c>
      <c r="BP18" s="195">
        <v>302</v>
      </c>
      <c r="BQ18" s="190">
        <v>0</v>
      </c>
      <c r="BR18" s="191">
        <v>0</v>
      </c>
      <c r="BS18" s="196">
        <v>0</v>
      </c>
      <c r="BT18" s="193">
        <v>0</v>
      </c>
      <c r="BU18" s="191">
        <v>0</v>
      </c>
      <c r="BV18" s="191">
        <v>6</v>
      </c>
      <c r="BW18" s="191">
        <v>1</v>
      </c>
      <c r="BX18" s="191">
        <v>11</v>
      </c>
      <c r="BY18" s="191">
        <v>0</v>
      </c>
      <c r="BZ18" s="196">
        <v>18</v>
      </c>
      <c r="CA18" s="195">
        <v>18</v>
      </c>
      <c r="CB18" s="190">
        <v>0</v>
      </c>
      <c r="CC18" s="191">
        <v>0</v>
      </c>
      <c r="CD18" s="196">
        <v>0</v>
      </c>
      <c r="CE18" s="193">
        <v>0</v>
      </c>
      <c r="CF18" s="191">
        <v>0</v>
      </c>
      <c r="CG18" s="191">
        <v>20</v>
      </c>
      <c r="CH18" s="191">
        <v>0</v>
      </c>
      <c r="CI18" s="191">
        <v>13</v>
      </c>
      <c r="CJ18" s="191">
        <v>0</v>
      </c>
      <c r="CK18" s="196">
        <v>33</v>
      </c>
      <c r="CL18" s="195">
        <v>33</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41</v>
      </c>
      <c r="H19" s="191">
        <v>298</v>
      </c>
      <c r="I19" s="191">
        <v>483</v>
      </c>
      <c r="J19" s="191">
        <v>258</v>
      </c>
      <c r="K19" s="191">
        <v>758</v>
      </c>
      <c r="L19" s="194">
        <v>2038</v>
      </c>
      <c r="M19" s="195">
        <v>2038</v>
      </c>
      <c r="N19" s="190">
        <v>0</v>
      </c>
      <c r="O19" s="191">
        <v>0</v>
      </c>
      <c r="P19" s="196">
        <v>0</v>
      </c>
      <c r="Q19" s="193">
        <v>0</v>
      </c>
      <c r="R19" s="191">
        <v>0</v>
      </c>
      <c r="S19" s="191">
        <v>0</v>
      </c>
      <c r="T19" s="191">
        <v>8</v>
      </c>
      <c r="U19" s="191">
        <v>0</v>
      </c>
      <c r="V19" s="191">
        <v>0</v>
      </c>
      <c r="W19" s="196">
        <v>8</v>
      </c>
      <c r="X19" s="195">
        <v>8</v>
      </c>
      <c r="Y19" s="190">
        <v>2</v>
      </c>
      <c r="Z19" s="191">
        <v>22</v>
      </c>
      <c r="AA19" s="196">
        <v>24</v>
      </c>
      <c r="AB19" s="193">
        <v>0</v>
      </c>
      <c r="AC19" s="191">
        <v>107</v>
      </c>
      <c r="AD19" s="191">
        <v>168</v>
      </c>
      <c r="AE19" s="191">
        <v>129</v>
      </c>
      <c r="AF19" s="191">
        <v>29</v>
      </c>
      <c r="AG19" s="191">
        <v>4</v>
      </c>
      <c r="AH19" s="196">
        <v>437</v>
      </c>
      <c r="AI19" s="195">
        <v>461</v>
      </c>
      <c r="AJ19" s="190">
        <v>0</v>
      </c>
      <c r="AK19" s="191">
        <v>18</v>
      </c>
      <c r="AL19" s="196">
        <v>18</v>
      </c>
      <c r="AM19" s="193">
        <v>0</v>
      </c>
      <c r="AN19" s="191">
        <v>6</v>
      </c>
      <c r="AO19" s="191">
        <v>21</v>
      </c>
      <c r="AP19" s="191">
        <v>21</v>
      </c>
      <c r="AQ19" s="191">
        <v>0</v>
      </c>
      <c r="AR19" s="191">
        <v>12</v>
      </c>
      <c r="AS19" s="196">
        <v>60</v>
      </c>
      <c r="AT19" s="195">
        <v>78</v>
      </c>
      <c r="AU19" s="190">
        <v>0</v>
      </c>
      <c r="AV19" s="191">
        <v>0</v>
      </c>
      <c r="AW19" s="196">
        <v>0</v>
      </c>
      <c r="AX19" s="193">
        <v>0</v>
      </c>
      <c r="AY19" s="191">
        <v>226</v>
      </c>
      <c r="AZ19" s="191">
        <v>230</v>
      </c>
      <c r="BA19" s="191">
        <v>203</v>
      </c>
      <c r="BB19" s="191">
        <v>41</v>
      </c>
      <c r="BC19" s="191">
        <v>4</v>
      </c>
      <c r="BD19" s="194">
        <v>704</v>
      </c>
      <c r="BE19" s="195">
        <v>704</v>
      </c>
      <c r="BF19" s="190">
        <v>0</v>
      </c>
      <c r="BG19" s="191">
        <v>0</v>
      </c>
      <c r="BH19" s="196">
        <v>0</v>
      </c>
      <c r="BI19" s="193">
        <v>0</v>
      </c>
      <c r="BJ19" s="191">
        <v>31</v>
      </c>
      <c r="BK19" s="191">
        <v>124</v>
      </c>
      <c r="BL19" s="191">
        <v>46</v>
      </c>
      <c r="BM19" s="191">
        <v>15</v>
      </c>
      <c r="BN19" s="191">
        <v>11</v>
      </c>
      <c r="BO19" s="196">
        <v>227</v>
      </c>
      <c r="BP19" s="195">
        <v>227</v>
      </c>
      <c r="BQ19" s="190">
        <v>0</v>
      </c>
      <c r="BR19" s="191">
        <v>3</v>
      </c>
      <c r="BS19" s="196">
        <v>3</v>
      </c>
      <c r="BT19" s="193">
        <v>0</v>
      </c>
      <c r="BU19" s="191">
        <v>28</v>
      </c>
      <c r="BV19" s="191">
        <v>54</v>
      </c>
      <c r="BW19" s="191">
        <v>68</v>
      </c>
      <c r="BX19" s="191">
        <v>40</v>
      </c>
      <c r="BY19" s="191">
        <v>38</v>
      </c>
      <c r="BZ19" s="196">
        <v>228</v>
      </c>
      <c r="CA19" s="195">
        <v>231</v>
      </c>
      <c r="CB19" s="190">
        <v>0</v>
      </c>
      <c r="CC19" s="191">
        <v>0</v>
      </c>
      <c r="CD19" s="196">
        <v>0</v>
      </c>
      <c r="CE19" s="193">
        <v>0</v>
      </c>
      <c r="CF19" s="191">
        <v>0</v>
      </c>
      <c r="CG19" s="191">
        <v>15</v>
      </c>
      <c r="CH19" s="191">
        <v>5</v>
      </c>
      <c r="CI19" s="191">
        <v>4</v>
      </c>
      <c r="CJ19" s="191">
        <v>0</v>
      </c>
      <c r="CK19" s="196">
        <v>24</v>
      </c>
      <c r="CL19" s="195">
        <v>24</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331</v>
      </c>
      <c r="H20" s="191">
        <v>267</v>
      </c>
      <c r="I20" s="191">
        <v>497</v>
      </c>
      <c r="J20" s="191">
        <v>428</v>
      </c>
      <c r="K20" s="191">
        <v>646</v>
      </c>
      <c r="L20" s="194">
        <v>2169</v>
      </c>
      <c r="M20" s="195">
        <v>2169</v>
      </c>
      <c r="N20" s="190">
        <v>0</v>
      </c>
      <c r="O20" s="191">
        <v>0</v>
      </c>
      <c r="P20" s="196">
        <v>0</v>
      </c>
      <c r="Q20" s="193">
        <v>0</v>
      </c>
      <c r="R20" s="191">
        <v>0</v>
      </c>
      <c r="S20" s="191">
        <v>0</v>
      </c>
      <c r="T20" s="191">
        <v>0</v>
      </c>
      <c r="U20" s="191">
        <v>41</v>
      </c>
      <c r="V20" s="191">
        <v>33</v>
      </c>
      <c r="W20" s="196">
        <v>74</v>
      </c>
      <c r="X20" s="195">
        <v>74</v>
      </c>
      <c r="Y20" s="190">
        <v>45</v>
      </c>
      <c r="Z20" s="191">
        <v>62</v>
      </c>
      <c r="AA20" s="196">
        <v>107</v>
      </c>
      <c r="AB20" s="193">
        <v>0</v>
      </c>
      <c r="AC20" s="191">
        <v>216</v>
      </c>
      <c r="AD20" s="191">
        <v>281</v>
      </c>
      <c r="AE20" s="191">
        <v>101</v>
      </c>
      <c r="AF20" s="191">
        <v>83</v>
      </c>
      <c r="AG20" s="191">
        <v>81</v>
      </c>
      <c r="AH20" s="196">
        <v>762</v>
      </c>
      <c r="AI20" s="195">
        <v>869</v>
      </c>
      <c r="AJ20" s="190">
        <v>6</v>
      </c>
      <c r="AK20" s="191">
        <v>12</v>
      </c>
      <c r="AL20" s="196">
        <v>18</v>
      </c>
      <c r="AM20" s="193">
        <v>0</v>
      </c>
      <c r="AN20" s="191">
        <v>12</v>
      </c>
      <c r="AO20" s="191">
        <v>77</v>
      </c>
      <c r="AP20" s="191">
        <v>150</v>
      </c>
      <c r="AQ20" s="191">
        <v>9</v>
      </c>
      <c r="AR20" s="191">
        <v>0</v>
      </c>
      <c r="AS20" s="196">
        <v>248</v>
      </c>
      <c r="AT20" s="195">
        <v>266</v>
      </c>
      <c r="AU20" s="190">
        <v>0</v>
      </c>
      <c r="AV20" s="191">
        <v>0</v>
      </c>
      <c r="AW20" s="196">
        <v>0</v>
      </c>
      <c r="AX20" s="193">
        <v>0</v>
      </c>
      <c r="AY20" s="191">
        <v>499</v>
      </c>
      <c r="AZ20" s="191">
        <v>351</v>
      </c>
      <c r="BA20" s="191">
        <v>299</v>
      </c>
      <c r="BB20" s="191">
        <v>38</v>
      </c>
      <c r="BC20" s="191">
        <v>39</v>
      </c>
      <c r="BD20" s="194">
        <v>1226</v>
      </c>
      <c r="BE20" s="195">
        <v>1226</v>
      </c>
      <c r="BF20" s="190">
        <v>0</v>
      </c>
      <c r="BG20" s="191">
        <v>0</v>
      </c>
      <c r="BH20" s="196">
        <v>0</v>
      </c>
      <c r="BI20" s="193">
        <v>0</v>
      </c>
      <c r="BJ20" s="191">
        <v>89</v>
      </c>
      <c r="BK20" s="191">
        <v>45</v>
      </c>
      <c r="BL20" s="191">
        <v>49</v>
      </c>
      <c r="BM20" s="191">
        <v>13</v>
      </c>
      <c r="BN20" s="191">
        <v>6</v>
      </c>
      <c r="BO20" s="196">
        <v>202</v>
      </c>
      <c r="BP20" s="195">
        <v>202</v>
      </c>
      <c r="BQ20" s="190">
        <v>0</v>
      </c>
      <c r="BR20" s="191">
        <v>11</v>
      </c>
      <c r="BS20" s="196">
        <v>11</v>
      </c>
      <c r="BT20" s="193">
        <v>0</v>
      </c>
      <c r="BU20" s="191">
        <v>69</v>
      </c>
      <c r="BV20" s="191">
        <v>72</v>
      </c>
      <c r="BW20" s="191">
        <v>185</v>
      </c>
      <c r="BX20" s="191">
        <v>120</v>
      </c>
      <c r="BY20" s="191">
        <v>30</v>
      </c>
      <c r="BZ20" s="196">
        <v>476</v>
      </c>
      <c r="CA20" s="195">
        <v>487</v>
      </c>
      <c r="CB20" s="190">
        <v>0</v>
      </c>
      <c r="CC20" s="191">
        <v>0</v>
      </c>
      <c r="CD20" s="196">
        <v>0</v>
      </c>
      <c r="CE20" s="193">
        <v>0</v>
      </c>
      <c r="CF20" s="191">
        <v>14</v>
      </c>
      <c r="CG20" s="191">
        <v>0</v>
      </c>
      <c r="CH20" s="191">
        <v>0</v>
      </c>
      <c r="CI20" s="191">
        <v>0</v>
      </c>
      <c r="CJ20" s="191">
        <v>0</v>
      </c>
      <c r="CK20" s="196">
        <v>14</v>
      </c>
      <c r="CL20" s="195">
        <v>14</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91</v>
      </c>
      <c r="H21" s="191">
        <v>96</v>
      </c>
      <c r="I21" s="191">
        <v>131</v>
      </c>
      <c r="J21" s="191">
        <v>271</v>
      </c>
      <c r="K21" s="191">
        <v>80</v>
      </c>
      <c r="L21" s="194">
        <v>669</v>
      </c>
      <c r="M21" s="195">
        <v>669</v>
      </c>
      <c r="N21" s="190">
        <v>0</v>
      </c>
      <c r="O21" s="191">
        <v>0</v>
      </c>
      <c r="P21" s="196">
        <v>0</v>
      </c>
      <c r="Q21" s="193">
        <v>0</v>
      </c>
      <c r="R21" s="191">
        <v>0</v>
      </c>
      <c r="S21" s="191">
        <v>0</v>
      </c>
      <c r="T21" s="191">
        <v>18</v>
      </c>
      <c r="U21" s="191">
        <v>0</v>
      </c>
      <c r="V21" s="191">
        <v>9</v>
      </c>
      <c r="W21" s="196">
        <v>27</v>
      </c>
      <c r="X21" s="195">
        <v>27</v>
      </c>
      <c r="Y21" s="190">
        <v>11</v>
      </c>
      <c r="Z21" s="191">
        <v>19</v>
      </c>
      <c r="AA21" s="196">
        <v>30</v>
      </c>
      <c r="AB21" s="193">
        <v>0</v>
      </c>
      <c r="AC21" s="191">
        <v>118</v>
      </c>
      <c r="AD21" s="191">
        <v>76</v>
      </c>
      <c r="AE21" s="191">
        <v>59</v>
      </c>
      <c r="AF21" s="191">
        <v>50</v>
      </c>
      <c r="AG21" s="191">
        <v>60</v>
      </c>
      <c r="AH21" s="196">
        <v>363</v>
      </c>
      <c r="AI21" s="195">
        <v>393</v>
      </c>
      <c r="AJ21" s="190">
        <v>0</v>
      </c>
      <c r="AK21" s="191">
        <v>0</v>
      </c>
      <c r="AL21" s="196">
        <v>0</v>
      </c>
      <c r="AM21" s="193">
        <v>0</v>
      </c>
      <c r="AN21" s="191">
        <v>12</v>
      </c>
      <c r="AO21" s="191">
        <v>12</v>
      </c>
      <c r="AP21" s="191">
        <v>0</v>
      </c>
      <c r="AQ21" s="191">
        <v>29</v>
      </c>
      <c r="AR21" s="191">
        <v>12</v>
      </c>
      <c r="AS21" s="196">
        <v>65</v>
      </c>
      <c r="AT21" s="195">
        <v>65</v>
      </c>
      <c r="AU21" s="190">
        <v>0</v>
      </c>
      <c r="AV21" s="191">
        <v>0</v>
      </c>
      <c r="AW21" s="196">
        <v>0</v>
      </c>
      <c r="AX21" s="193">
        <v>0</v>
      </c>
      <c r="AY21" s="191">
        <v>140</v>
      </c>
      <c r="AZ21" s="191">
        <v>133</v>
      </c>
      <c r="BA21" s="191">
        <v>42</v>
      </c>
      <c r="BB21" s="191">
        <v>0</v>
      </c>
      <c r="BC21" s="191">
        <v>25</v>
      </c>
      <c r="BD21" s="194">
        <v>340</v>
      </c>
      <c r="BE21" s="195">
        <v>340</v>
      </c>
      <c r="BF21" s="190">
        <v>0</v>
      </c>
      <c r="BG21" s="191">
        <v>0</v>
      </c>
      <c r="BH21" s="196">
        <v>0</v>
      </c>
      <c r="BI21" s="193">
        <v>0</v>
      </c>
      <c r="BJ21" s="191">
        <v>40</v>
      </c>
      <c r="BK21" s="191">
        <v>87</v>
      </c>
      <c r="BL21" s="191">
        <v>21</v>
      </c>
      <c r="BM21" s="191">
        <v>15</v>
      </c>
      <c r="BN21" s="191">
        <v>0</v>
      </c>
      <c r="BO21" s="196">
        <v>163</v>
      </c>
      <c r="BP21" s="195">
        <v>163</v>
      </c>
      <c r="BQ21" s="190">
        <v>0</v>
      </c>
      <c r="BR21" s="191">
        <v>0</v>
      </c>
      <c r="BS21" s="196">
        <v>0</v>
      </c>
      <c r="BT21" s="193">
        <v>0</v>
      </c>
      <c r="BU21" s="191">
        <v>11</v>
      </c>
      <c r="BV21" s="191">
        <v>14</v>
      </c>
      <c r="BW21" s="191">
        <v>0</v>
      </c>
      <c r="BX21" s="191">
        <v>0</v>
      </c>
      <c r="BY21" s="191">
        <v>0</v>
      </c>
      <c r="BZ21" s="196">
        <v>25</v>
      </c>
      <c r="CA21" s="195">
        <v>25</v>
      </c>
      <c r="CB21" s="190">
        <v>0</v>
      </c>
      <c r="CC21" s="191">
        <v>0</v>
      </c>
      <c r="CD21" s="196">
        <v>0</v>
      </c>
      <c r="CE21" s="193">
        <v>0</v>
      </c>
      <c r="CF21" s="191">
        <v>0</v>
      </c>
      <c r="CG21" s="191">
        <v>3</v>
      </c>
      <c r="CH21" s="191">
        <v>8</v>
      </c>
      <c r="CI21" s="191">
        <v>0</v>
      </c>
      <c r="CJ21" s="191">
        <v>0</v>
      </c>
      <c r="CK21" s="196">
        <v>11</v>
      </c>
      <c r="CL21" s="195">
        <v>11</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584</v>
      </c>
      <c r="H22" s="191">
        <v>564</v>
      </c>
      <c r="I22" s="191">
        <v>273</v>
      </c>
      <c r="J22" s="191">
        <v>315</v>
      </c>
      <c r="K22" s="191">
        <v>125</v>
      </c>
      <c r="L22" s="194">
        <v>1861</v>
      </c>
      <c r="M22" s="195">
        <v>1861</v>
      </c>
      <c r="N22" s="190">
        <v>0</v>
      </c>
      <c r="O22" s="191">
        <v>0</v>
      </c>
      <c r="P22" s="196">
        <v>0</v>
      </c>
      <c r="Q22" s="193">
        <v>0</v>
      </c>
      <c r="R22" s="191">
        <v>0</v>
      </c>
      <c r="S22" s="191">
        <v>0</v>
      </c>
      <c r="T22" s="191">
        <v>0</v>
      </c>
      <c r="U22" s="191">
        <v>13</v>
      </c>
      <c r="V22" s="191">
        <v>21</v>
      </c>
      <c r="W22" s="196">
        <v>34</v>
      </c>
      <c r="X22" s="195">
        <v>34</v>
      </c>
      <c r="Y22" s="190">
        <v>35</v>
      </c>
      <c r="Z22" s="191">
        <v>33</v>
      </c>
      <c r="AA22" s="196">
        <v>68</v>
      </c>
      <c r="AB22" s="193">
        <v>0</v>
      </c>
      <c r="AC22" s="191">
        <v>159</v>
      </c>
      <c r="AD22" s="191">
        <v>236</v>
      </c>
      <c r="AE22" s="191">
        <v>85</v>
      </c>
      <c r="AF22" s="191">
        <v>38</v>
      </c>
      <c r="AG22" s="191">
        <v>91</v>
      </c>
      <c r="AH22" s="196">
        <v>609</v>
      </c>
      <c r="AI22" s="195">
        <v>677</v>
      </c>
      <c r="AJ22" s="190">
        <v>16</v>
      </c>
      <c r="AK22" s="191">
        <v>30</v>
      </c>
      <c r="AL22" s="196">
        <v>46</v>
      </c>
      <c r="AM22" s="193">
        <v>0</v>
      </c>
      <c r="AN22" s="191">
        <v>43</v>
      </c>
      <c r="AO22" s="191">
        <v>81</v>
      </c>
      <c r="AP22" s="191">
        <v>79</v>
      </c>
      <c r="AQ22" s="191">
        <v>39</v>
      </c>
      <c r="AR22" s="191">
        <v>0</v>
      </c>
      <c r="AS22" s="196">
        <v>242</v>
      </c>
      <c r="AT22" s="195">
        <v>288</v>
      </c>
      <c r="AU22" s="190">
        <v>0</v>
      </c>
      <c r="AV22" s="191">
        <v>0</v>
      </c>
      <c r="AW22" s="196">
        <v>0</v>
      </c>
      <c r="AX22" s="193">
        <v>0</v>
      </c>
      <c r="AY22" s="191">
        <v>344</v>
      </c>
      <c r="AZ22" s="191">
        <v>261</v>
      </c>
      <c r="BA22" s="191">
        <v>103</v>
      </c>
      <c r="BB22" s="191">
        <v>50</v>
      </c>
      <c r="BC22" s="191">
        <v>3</v>
      </c>
      <c r="BD22" s="194">
        <v>761</v>
      </c>
      <c r="BE22" s="195">
        <v>761</v>
      </c>
      <c r="BF22" s="190">
        <v>0</v>
      </c>
      <c r="BG22" s="191">
        <v>0</v>
      </c>
      <c r="BH22" s="196">
        <v>0</v>
      </c>
      <c r="BI22" s="193">
        <v>0</v>
      </c>
      <c r="BJ22" s="191">
        <v>111</v>
      </c>
      <c r="BK22" s="191">
        <v>42</v>
      </c>
      <c r="BL22" s="191">
        <v>29</v>
      </c>
      <c r="BM22" s="191">
        <v>11</v>
      </c>
      <c r="BN22" s="191">
        <v>4</v>
      </c>
      <c r="BO22" s="196">
        <v>197</v>
      </c>
      <c r="BP22" s="195">
        <v>197</v>
      </c>
      <c r="BQ22" s="190">
        <v>0</v>
      </c>
      <c r="BR22" s="191">
        <v>0</v>
      </c>
      <c r="BS22" s="196">
        <v>0</v>
      </c>
      <c r="BT22" s="193">
        <v>0</v>
      </c>
      <c r="BU22" s="191">
        <v>76</v>
      </c>
      <c r="BV22" s="191">
        <v>47</v>
      </c>
      <c r="BW22" s="191">
        <v>55</v>
      </c>
      <c r="BX22" s="191">
        <v>6</v>
      </c>
      <c r="BY22" s="191">
        <v>29</v>
      </c>
      <c r="BZ22" s="196">
        <v>213</v>
      </c>
      <c r="CA22" s="195">
        <v>213</v>
      </c>
      <c r="CB22" s="190">
        <v>0</v>
      </c>
      <c r="CC22" s="191">
        <v>0</v>
      </c>
      <c r="CD22" s="196">
        <v>0</v>
      </c>
      <c r="CE22" s="193">
        <v>0</v>
      </c>
      <c r="CF22" s="191">
        <v>3</v>
      </c>
      <c r="CG22" s="191">
        <v>11</v>
      </c>
      <c r="CH22" s="191">
        <v>6</v>
      </c>
      <c r="CI22" s="191">
        <v>6</v>
      </c>
      <c r="CJ22" s="191">
        <v>0</v>
      </c>
      <c r="CK22" s="196">
        <v>26</v>
      </c>
      <c r="CL22" s="195">
        <v>26</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139</v>
      </c>
      <c r="H23" s="191">
        <v>173</v>
      </c>
      <c r="I23" s="191">
        <v>129</v>
      </c>
      <c r="J23" s="191">
        <v>191</v>
      </c>
      <c r="K23" s="191">
        <v>290</v>
      </c>
      <c r="L23" s="194">
        <v>922</v>
      </c>
      <c r="M23" s="195">
        <v>922</v>
      </c>
      <c r="N23" s="190">
        <v>0</v>
      </c>
      <c r="O23" s="191">
        <v>0</v>
      </c>
      <c r="P23" s="196">
        <v>0</v>
      </c>
      <c r="Q23" s="193">
        <v>0</v>
      </c>
      <c r="R23" s="191">
        <v>0</v>
      </c>
      <c r="S23" s="191">
        <v>0</v>
      </c>
      <c r="T23" s="191">
        <v>4</v>
      </c>
      <c r="U23" s="191">
        <v>0</v>
      </c>
      <c r="V23" s="191">
        <v>3</v>
      </c>
      <c r="W23" s="196">
        <v>7</v>
      </c>
      <c r="X23" s="195">
        <v>7</v>
      </c>
      <c r="Y23" s="190">
        <v>14</v>
      </c>
      <c r="Z23" s="191">
        <v>26</v>
      </c>
      <c r="AA23" s="196">
        <v>40</v>
      </c>
      <c r="AB23" s="193">
        <v>0</v>
      </c>
      <c r="AC23" s="191">
        <v>97</v>
      </c>
      <c r="AD23" s="191">
        <v>98</v>
      </c>
      <c r="AE23" s="191">
        <v>156</v>
      </c>
      <c r="AF23" s="191">
        <v>55</v>
      </c>
      <c r="AG23" s="191">
        <v>20</v>
      </c>
      <c r="AH23" s="196">
        <v>426</v>
      </c>
      <c r="AI23" s="195">
        <v>466</v>
      </c>
      <c r="AJ23" s="190">
        <v>10</v>
      </c>
      <c r="AK23" s="191">
        <v>8</v>
      </c>
      <c r="AL23" s="196">
        <v>18</v>
      </c>
      <c r="AM23" s="193">
        <v>0</v>
      </c>
      <c r="AN23" s="191">
        <v>16</v>
      </c>
      <c r="AO23" s="191">
        <v>42</v>
      </c>
      <c r="AP23" s="191">
        <v>27</v>
      </c>
      <c r="AQ23" s="191">
        <v>8</v>
      </c>
      <c r="AR23" s="191">
        <v>0</v>
      </c>
      <c r="AS23" s="196">
        <v>93</v>
      </c>
      <c r="AT23" s="195">
        <v>111</v>
      </c>
      <c r="AU23" s="190">
        <v>0</v>
      </c>
      <c r="AV23" s="191">
        <v>0</v>
      </c>
      <c r="AW23" s="196">
        <v>0</v>
      </c>
      <c r="AX23" s="193">
        <v>0</v>
      </c>
      <c r="AY23" s="191">
        <v>208</v>
      </c>
      <c r="AZ23" s="191">
        <v>199</v>
      </c>
      <c r="BA23" s="191">
        <v>80</v>
      </c>
      <c r="BB23" s="191">
        <v>11</v>
      </c>
      <c r="BC23" s="191">
        <v>0</v>
      </c>
      <c r="BD23" s="194">
        <v>498</v>
      </c>
      <c r="BE23" s="195">
        <v>498</v>
      </c>
      <c r="BF23" s="190">
        <v>0</v>
      </c>
      <c r="BG23" s="191">
        <v>0</v>
      </c>
      <c r="BH23" s="196">
        <v>0</v>
      </c>
      <c r="BI23" s="193">
        <v>0</v>
      </c>
      <c r="BJ23" s="191">
        <v>51</v>
      </c>
      <c r="BK23" s="191">
        <v>34</v>
      </c>
      <c r="BL23" s="191">
        <v>9</v>
      </c>
      <c r="BM23" s="191">
        <v>0</v>
      </c>
      <c r="BN23" s="191">
        <v>8</v>
      </c>
      <c r="BO23" s="196">
        <v>102</v>
      </c>
      <c r="BP23" s="195">
        <v>102</v>
      </c>
      <c r="BQ23" s="190">
        <v>0</v>
      </c>
      <c r="BR23" s="191">
        <v>0</v>
      </c>
      <c r="BS23" s="196">
        <v>0</v>
      </c>
      <c r="BT23" s="193">
        <v>0</v>
      </c>
      <c r="BU23" s="191">
        <v>67</v>
      </c>
      <c r="BV23" s="191">
        <v>48</v>
      </c>
      <c r="BW23" s="191">
        <v>2</v>
      </c>
      <c r="BX23" s="191">
        <v>24</v>
      </c>
      <c r="BY23" s="191">
        <v>14</v>
      </c>
      <c r="BZ23" s="196">
        <v>155</v>
      </c>
      <c r="CA23" s="195">
        <v>155</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199</v>
      </c>
      <c r="H24" s="191">
        <v>49</v>
      </c>
      <c r="I24" s="191">
        <v>69</v>
      </c>
      <c r="J24" s="191">
        <v>34</v>
      </c>
      <c r="K24" s="191">
        <v>55</v>
      </c>
      <c r="L24" s="194">
        <v>406</v>
      </c>
      <c r="M24" s="195">
        <v>406</v>
      </c>
      <c r="N24" s="190">
        <v>0</v>
      </c>
      <c r="O24" s="191">
        <v>0</v>
      </c>
      <c r="P24" s="196">
        <v>0</v>
      </c>
      <c r="Q24" s="193">
        <v>0</v>
      </c>
      <c r="R24" s="191">
        <v>0</v>
      </c>
      <c r="S24" s="191">
        <v>0</v>
      </c>
      <c r="T24" s="191">
        <v>0</v>
      </c>
      <c r="U24" s="191">
        <v>0</v>
      </c>
      <c r="V24" s="191">
        <v>3</v>
      </c>
      <c r="W24" s="196">
        <v>3</v>
      </c>
      <c r="X24" s="195">
        <v>3</v>
      </c>
      <c r="Y24" s="190">
        <v>0</v>
      </c>
      <c r="Z24" s="191">
        <v>0</v>
      </c>
      <c r="AA24" s="196">
        <v>0</v>
      </c>
      <c r="AB24" s="193">
        <v>0</v>
      </c>
      <c r="AC24" s="191">
        <v>24</v>
      </c>
      <c r="AD24" s="191">
        <v>70</v>
      </c>
      <c r="AE24" s="191">
        <v>34</v>
      </c>
      <c r="AF24" s="191">
        <v>15</v>
      </c>
      <c r="AG24" s="191">
        <v>19</v>
      </c>
      <c r="AH24" s="196">
        <v>162</v>
      </c>
      <c r="AI24" s="195">
        <v>162</v>
      </c>
      <c r="AJ24" s="190">
        <v>12</v>
      </c>
      <c r="AK24" s="191">
        <v>0</v>
      </c>
      <c r="AL24" s="196">
        <v>12</v>
      </c>
      <c r="AM24" s="193">
        <v>0</v>
      </c>
      <c r="AN24" s="191">
        <v>12</v>
      </c>
      <c r="AO24" s="191">
        <v>24</v>
      </c>
      <c r="AP24" s="191">
        <v>0</v>
      </c>
      <c r="AQ24" s="191">
        <v>0</v>
      </c>
      <c r="AR24" s="191">
        <v>0</v>
      </c>
      <c r="AS24" s="196">
        <v>36</v>
      </c>
      <c r="AT24" s="195">
        <v>48</v>
      </c>
      <c r="AU24" s="190">
        <v>0</v>
      </c>
      <c r="AV24" s="191">
        <v>0</v>
      </c>
      <c r="AW24" s="196">
        <v>0</v>
      </c>
      <c r="AX24" s="193">
        <v>0</v>
      </c>
      <c r="AY24" s="191">
        <v>94</v>
      </c>
      <c r="AZ24" s="191">
        <v>82</v>
      </c>
      <c r="BA24" s="191">
        <v>101</v>
      </c>
      <c r="BB24" s="191">
        <v>0</v>
      </c>
      <c r="BC24" s="191">
        <v>27</v>
      </c>
      <c r="BD24" s="194">
        <v>304</v>
      </c>
      <c r="BE24" s="195">
        <v>304</v>
      </c>
      <c r="BF24" s="190">
        <v>0</v>
      </c>
      <c r="BG24" s="191">
        <v>0</v>
      </c>
      <c r="BH24" s="196">
        <v>0</v>
      </c>
      <c r="BI24" s="193">
        <v>0</v>
      </c>
      <c r="BJ24" s="191">
        <v>27</v>
      </c>
      <c r="BK24" s="191">
        <v>4</v>
      </c>
      <c r="BL24" s="191">
        <v>0</v>
      </c>
      <c r="BM24" s="191">
        <v>9</v>
      </c>
      <c r="BN24" s="191">
        <v>8</v>
      </c>
      <c r="BO24" s="196">
        <v>48</v>
      </c>
      <c r="BP24" s="195">
        <v>48</v>
      </c>
      <c r="BQ24" s="190">
        <v>0</v>
      </c>
      <c r="BR24" s="191">
        <v>0</v>
      </c>
      <c r="BS24" s="196">
        <v>0</v>
      </c>
      <c r="BT24" s="193">
        <v>0</v>
      </c>
      <c r="BU24" s="191">
        <v>0</v>
      </c>
      <c r="BV24" s="191">
        <v>0</v>
      </c>
      <c r="BW24" s="191">
        <v>23</v>
      </c>
      <c r="BX24" s="191">
        <v>44</v>
      </c>
      <c r="BY24" s="191">
        <v>8</v>
      </c>
      <c r="BZ24" s="196">
        <v>75</v>
      </c>
      <c r="CA24" s="195">
        <v>75</v>
      </c>
      <c r="CB24" s="190">
        <v>0</v>
      </c>
      <c r="CC24" s="191">
        <v>0</v>
      </c>
      <c r="CD24" s="196">
        <v>0</v>
      </c>
      <c r="CE24" s="193">
        <v>0</v>
      </c>
      <c r="CF24" s="191">
        <v>6</v>
      </c>
      <c r="CG24" s="191">
        <v>0</v>
      </c>
      <c r="CH24" s="191">
        <v>3</v>
      </c>
      <c r="CI24" s="191">
        <v>0</v>
      </c>
      <c r="CJ24" s="191">
        <v>0</v>
      </c>
      <c r="CK24" s="196">
        <v>9</v>
      </c>
      <c r="CL24" s="195">
        <v>9</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09</v>
      </c>
      <c r="H25" s="191">
        <v>142</v>
      </c>
      <c r="I25" s="191">
        <v>0</v>
      </c>
      <c r="J25" s="191">
        <v>72</v>
      </c>
      <c r="K25" s="191">
        <v>97</v>
      </c>
      <c r="L25" s="194">
        <v>420</v>
      </c>
      <c r="M25" s="195">
        <v>420</v>
      </c>
      <c r="N25" s="190">
        <v>0</v>
      </c>
      <c r="O25" s="191">
        <v>0</v>
      </c>
      <c r="P25" s="196">
        <v>0</v>
      </c>
      <c r="Q25" s="193">
        <v>0</v>
      </c>
      <c r="R25" s="191">
        <v>0</v>
      </c>
      <c r="S25" s="191">
        <v>0</v>
      </c>
      <c r="T25" s="191">
        <v>0</v>
      </c>
      <c r="U25" s="191">
        <v>0</v>
      </c>
      <c r="V25" s="191">
        <v>0</v>
      </c>
      <c r="W25" s="196">
        <v>0</v>
      </c>
      <c r="X25" s="195">
        <v>0</v>
      </c>
      <c r="Y25" s="190">
        <v>35</v>
      </c>
      <c r="Z25" s="191">
        <v>17</v>
      </c>
      <c r="AA25" s="196">
        <v>52</v>
      </c>
      <c r="AB25" s="193">
        <v>0</v>
      </c>
      <c r="AC25" s="191">
        <v>103</v>
      </c>
      <c r="AD25" s="191">
        <v>182</v>
      </c>
      <c r="AE25" s="191">
        <v>2</v>
      </c>
      <c r="AF25" s="191">
        <v>12</v>
      </c>
      <c r="AG25" s="191">
        <v>29</v>
      </c>
      <c r="AH25" s="196">
        <v>328</v>
      </c>
      <c r="AI25" s="195">
        <v>380</v>
      </c>
      <c r="AJ25" s="190">
        <v>0</v>
      </c>
      <c r="AK25" s="191">
        <v>12</v>
      </c>
      <c r="AL25" s="196">
        <v>12</v>
      </c>
      <c r="AM25" s="193">
        <v>0</v>
      </c>
      <c r="AN25" s="191">
        <v>18</v>
      </c>
      <c r="AO25" s="191">
        <v>26</v>
      </c>
      <c r="AP25" s="191">
        <v>2</v>
      </c>
      <c r="AQ25" s="191">
        <v>0</v>
      </c>
      <c r="AR25" s="191">
        <v>0</v>
      </c>
      <c r="AS25" s="196">
        <v>46</v>
      </c>
      <c r="AT25" s="195">
        <v>58</v>
      </c>
      <c r="AU25" s="190">
        <v>0</v>
      </c>
      <c r="AV25" s="191">
        <v>0</v>
      </c>
      <c r="AW25" s="196">
        <v>0</v>
      </c>
      <c r="AX25" s="193">
        <v>0</v>
      </c>
      <c r="AY25" s="191">
        <v>94</v>
      </c>
      <c r="AZ25" s="191">
        <v>172</v>
      </c>
      <c r="BA25" s="191">
        <v>31</v>
      </c>
      <c r="BB25" s="191">
        <v>17</v>
      </c>
      <c r="BC25" s="191">
        <v>39</v>
      </c>
      <c r="BD25" s="194">
        <v>353</v>
      </c>
      <c r="BE25" s="195">
        <v>353</v>
      </c>
      <c r="BF25" s="190">
        <v>0</v>
      </c>
      <c r="BG25" s="191">
        <v>0</v>
      </c>
      <c r="BH25" s="196">
        <v>0</v>
      </c>
      <c r="BI25" s="193">
        <v>0</v>
      </c>
      <c r="BJ25" s="191">
        <v>21</v>
      </c>
      <c r="BK25" s="191">
        <v>26</v>
      </c>
      <c r="BL25" s="191">
        <v>0</v>
      </c>
      <c r="BM25" s="191">
        <v>0</v>
      </c>
      <c r="BN25" s="191">
        <v>12</v>
      </c>
      <c r="BO25" s="196">
        <v>59</v>
      </c>
      <c r="BP25" s="195">
        <v>59</v>
      </c>
      <c r="BQ25" s="190">
        <v>0</v>
      </c>
      <c r="BR25" s="191">
        <v>0</v>
      </c>
      <c r="BS25" s="196">
        <v>0</v>
      </c>
      <c r="BT25" s="193">
        <v>0</v>
      </c>
      <c r="BU25" s="191">
        <v>0</v>
      </c>
      <c r="BV25" s="191">
        <v>27</v>
      </c>
      <c r="BW25" s="191">
        <v>29</v>
      </c>
      <c r="BX25" s="191">
        <v>1</v>
      </c>
      <c r="BY25" s="191">
        <v>29</v>
      </c>
      <c r="BZ25" s="196">
        <v>86</v>
      </c>
      <c r="CA25" s="195">
        <v>86</v>
      </c>
      <c r="CB25" s="190">
        <v>0</v>
      </c>
      <c r="CC25" s="191">
        <v>0</v>
      </c>
      <c r="CD25" s="196">
        <v>0</v>
      </c>
      <c r="CE25" s="193">
        <v>0</v>
      </c>
      <c r="CF25" s="191">
        <v>3</v>
      </c>
      <c r="CG25" s="191">
        <v>3</v>
      </c>
      <c r="CH25" s="191">
        <v>0</v>
      </c>
      <c r="CI25" s="191">
        <v>0</v>
      </c>
      <c r="CJ25" s="191">
        <v>0</v>
      </c>
      <c r="CK25" s="196">
        <v>6</v>
      </c>
      <c r="CL25" s="195">
        <v>6</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95</v>
      </c>
      <c r="H26" s="191">
        <v>29</v>
      </c>
      <c r="I26" s="191">
        <v>67</v>
      </c>
      <c r="J26" s="191">
        <v>95</v>
      </c>
      <c r="K26" s="191">
        <v>138</v>
      </c>
      <c r="L26" s="194">
        <v>424</v>
      </c>
      <c r="M26" s="195">
        <v>424</v>
      </c>
      <c r="N26" s="190">
        <v>0</v>
      </c>
      <c r="O26" s="191">
        <v>0</v>
      </c>
      <c r="P26" s="196">
        <v>0</v>
      </c>
      <c r="Q26" s="193">
        <v>0</v>
      </c>
      <c r="R26" s="191">
        <v>0</v>
      </c>
      <c r="S26" s="191">
        <v>0</v>
      </c>
      <c r="T26" s="191">
        <v>0</v>
      </c>
      <c r="U26" s="191">
        <v>8</v>
      </c>
      <c r="V26" s="191">
        <v>0</v>
      </c>
      <c r="W26" s="196">
        <v>8</v>
      </c>
      <c r="X26" s="195">
        <v>8</v>
      </c>
      <c r="Y26" s="190">
        <v>4</v>
      </c>
      <c r="Z26" s="191">
        <v>9</v>
      </c>
      <c r="AA26" s="196">
        <v>13</v>
      </c>
      <c r="AB26" s="193">
        <v>0</v>
      </c>
      <c r="AC26" s="191">
        <v>72</v>
      </c>
      <c r="AD26" s="191">
        <v>58</v>
      </c>
      <c r="AE26" s="191">
        <v>72</v>
      </c>
      <c r="AF26" s="191">
        <v>78</v>
      </c>
      <c r="AG26" s="191">
        <v>4</v>
      </c>
      <c r="AH26" s="196">
        <v>284</v>
      </c>
      <c r="AI26" s="195">
        <v>297</v>
      </c>
      <c r="AJ26" s="190">
        <v>0</v>
      </c>
      <c r="AK26" s="191">
        <v>0</v>
      </c>
      <c r="AL26" s="196">
        <v>0</v>
      </c>
      <c r="AM26" s="193">
        <v>0</v>
      </c>
      <c r="AN26" s="191">
        <v>12</v>
      </c>
      <c r="AO26" s="191">
        <v>16</v>
      </c>
      <c r="AP26" s="191">
        <v>0</v>
      </c>
      <c r="AQ26" s="191">
        <v>0</v>
      </c>
      <c r="AR26" s="191">
        <v>0</v>
      </c>
      <c r="AS26" s="196">
        <v>28</v>
      </c>
      <c r="AT26" s="195">
        <v>28</v>
      </c>
      <c r="AU26" s="190">
        <v>0</v>
      </c>
      <c r="AV26" s="191">
        <v>0</v>
      </c>
      <c r="AW26" s="196">
        <v>0</v>
      </c>
      <c r="AX26" s="193">
        <v>0</v>
      </c>
      <c r="AY26" s="191">
        <v>73</v>
      </c>
      <c r="AZ26" s="191">
        <v>83</v>
      </c>
      <c r="BA26" s="191">
        <v>19</v>
      </c>
      <c r="BB26" s="191">
        <v>21</v>
      </c>
      <c r="BC26" s="191">
        <v>8</v>
      </c>
      <c r="BD26" s="194">
        <v>204</v>
      </c>
      <c r="BE26" s="195">
        <v>204</v>
      </c>
      <c r="BF26" s="190">
        <v>0</v>
      </c>
      <c r="BG26" s="191">
        <v>0</v>
      </c>
      <c r="BH26" s="196">
        <v>0</v>
      </c>
      <c r="BI26" s="193">
        <v>0</v>
      </c>
      <c r="BJ26" s="191">
        <v>0</v>
      </c>
      <c r="BK26" s="191">
        <v>60</v>
      </c>
      <c r="BL26" s="191">
        <v>68</v>
      </c>
      <c r="BM26" s="191">
        <v>24</v>
      </c>
      <c r="BN26" s="191">
        <v>15</v>
      </c>
      <c r="BO26" s="196">
        <v>167</v>
      </c>
      <c r="BP26" s="195">
        <v>167</v>
      </c>
      <c r="BQ26" s="190">
        <v>0</v>
      </c>
      <c r="BR26" s="191">
        <v>0</v>
      </c>
      <c r="BS26" s="196">
        <v>0</v>
      </c>
      <c r="BT26" s="193">
        <v>0</v>
      </c>
      <c r="BU26" s="191">
        <v>8</v>
      </c>
      <c r="BV26" s="191">
        <v>36</v>
      </c>
      <c r="BW26" s="191">
        <v>10</v>
      </c>
      <c r="BX26" s="191">
        <v>48</v>
      </c>
      <c r="BY26" s="191">
        <v>0</v>
      </c>
      <c r="BZ26" s="196">
        <v>102</v>
      </c>
      <c r="CA26" s="195">
        <v>102</v>
      </c>
      <c r="CB26" s="190">
        <v>0</v>
      </c>
      <c r="CC26" s="191">
        <v>0</v>
      </c>
      <c r="CD26" s="196">
        <v>0</v>
      </c>
      <c r="CE26" s="193">
        <v>0</v>
      </c>
      <c r="CF26" s="191">
        <v>0</v>
      </c>
      <c r="CG26" s="191">
        <v>0</v>
      </c>
      <c r="CH26" s="191">
        <v>14</v>
      </c>
      <c r="CI26" s="191">
        <v>0</v>
      </c>
      <c r="CJ26" s="191">
        <v>0</v>
      </c>
      <c r="CK26" s="196">
        <v>14</v>
      </c>
      <c r="CL26" s="195">
        <v>14</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59</v>
      </c>
      <c r="H27" s="191">
        <v>36</v>
      </c>
      <c r="I27" s="191">
        <v>134</v>
      </c>
      <c r="J27" s="191">
        <v>8</v>
      </c>
      <c r="K27" s="191">
        <v>0</v>
      </c>
      <c r="L27" s="194">
        <v>237</v>
      </c>
      <c r="M27" s="195">
        <v>237</v>
      </c>
      <c r="N27" s="190">
        <v>0</v>
      </c>
      <c r="O27" s="191">
        <v>0</v>
      </c>
      <c r="P27" s="196">
        <v>0</v>
      </c>
      <c r="Q27" s="193">
        <v>0</v>
      </c>
      <c r="R27" s="191">
        <v>0</v>
      </c>
      <c r="S27" s="191">
        <v>3</v>
      </c>
      <c r="T27" s="191">
        <v>4</v>
      </c>
      <c r="U27" s="191">
        <v>0</v>
      </c>
      <c r="V27" s="191">
        <v>0</v>
      </c>
      <c r="W27" s="196">
        <v>7</v>
      </c>
      <c r="X27" s="195">
        <v>7</v>
      </c>
      <c r="Y27" s="190">
        <v>3</v>
      </c>
      <c r="Z27" s="191">
        <v>33</v>
      </c>
      <c r="AA27" s="196">
        <v>36</v>
      </c>
      <c r="AB27" s="193">
        <v>0</v>
      </c>
      <c r="AC27" s="191">
        <v>21</v>
      </c>
      <c r="AD27" s="191">
        <v>85</v>
      </c>
      <c r="AE27" s="191">
        <v>22</v>
      </c>
      <c r="AF27" s="191">
        <v>14</v>
      </c>
      <c r="AG27" s="191">
        <v>0</v>
      </c>
      <c r="AH27" s="196">
        <v>142</v>
      </c>
      <c r="AI27" s="195">
        <v>178</v>
      </c>
      <c r="AJ27" s="190">
        <v>0</v>
      </c>
      <c r="AK27" s="191">
        <v>26</v>
      </c>
      <c r="AL27" s="196">
        <v>26</v>
      </c>
      <c r="AM27" s="193">
        <v>0</v>
      </c>
      <c r="AN27" s="191">
        <v>0</v>
      </c>
      <c r="AO27" s="191">
        <v>24</v>
      </c>
      <c r="AP27" s="191">
        <v>0</v>
      </c>
      <c r="AQ27" s="191">
        <v>0</v>
      </c>
      <c r="AR27" s="191">
        <v>0</v>
      </c>
      <c r="AS27" s="196">
        <v>24</v>
      </c>
      <c r="AT27" s="195">
        <v>50</v>
      </c>
      <c r="AU27" s="190">
        <v>0</v>
      </c>
      <c r="AV27" s="191">
        <v>0</v>
      </c>
      <c r="AW27" s="196">
        <v>0</v>
      </c>
      <c r="AX27" s="193">
        <v>0</v>
      </c>
      <c r="AY27" s="191">
        <v>55</v>
      </c>
      <c r="AZ27" s="191">
        <v>10</v>
      </c>
      <c r="BA27" s="191">
        <v>0</v>
      </c>
      <c r="BB27" s="191">
        <v>0</v>
      </c>
      <c r="BC27" s="191">
        <v>0</v>
      </c>
      <c r="BD27" s="194">
        <v>65</v>
      </c>
      <c r="BE27" s="195">
        <v>65</v>
      </c>
      <c r="BF27" s="190">
        <v>0</v>
      </c>
      <c r="BG27" s="191">
        <v>0</v>
      </c>
      <c r="BH27" s="196">
        <v>0</v>
      </c>
      <c r="BI27" s="193">
        <v>0</v>
      </c>
      <c r="BJ27" s="191">
        <v>10</v>
      </c>
      <c r="BK27" s="191">
        <v>17</v>
      </c>
      <c r="BL27" s="191">
        <v>27</v>
      </c>
      <c r="BM27" s="191">
        <v>7</v>
      </c>
      <c r="BN27" s="191">
        <v>0</v>
      </c>
      <c r="BO27" s="196">
        <v>61</v>
      </c>
      <c r="BP27" s="195">
        <v>61</v>
      </c>
      <c r="BQ27" s="190">
        <v>0</v>
      </c>
      <c r="BR27" s="191">
        <v>0</v>
      </c>
      <c r="BS27" s="196">
        <v>0</v>
      </c>
      <c r="BT27" s="193">
        <v>0</v>
      </c>
      <c r="BU27" s="191">
        <v>29</v>
      </c>
      <c r="BV27" s="191">
        <v>24</v>
      </c>
      <c r="BW27" s="191">
        <v>0</v>
      </c>
      <c r="BX27" s="191">
        <v>0</v>
      </c>
      <c r="BY27" s="191">
        <v>0</v>
      </c>
      <c r="BZ27" s="196">
        <v>53</v>
      </c>
      <c r="CA27" s="195">
        <v>53</v>
      </c>
      <c r="CB27" s="190">
        <v>0</v>
      </c>
      <c r="CC27" s="191">
        <v>0</v>
      </c>
      <c r="CD27" s="196">
        <v>0</v>
      </c>
      <c r="CE27" s="193">
        <v>0</v>
      </c>
      <c r="CF27" s="191">
        <v>5</v>
      </c>
      <c r="CG27" s="191">
        <v>0</v>
      </c>
      <c r="CH27" s="191">
        <v>11</v>
      </c>
      <c r="CI27" s="191">
        <v>0</v>
      </c>
      <c r="CJ27" s="191">
        <v>0</v>
      </c>
      <c r="CK27" s="196">
        <v>16</v>
      </c>
      <c r="CL27" s="195">
        <v>16</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137</v>
      </c>
      <c r="H28" s="191">
        <v>79</v>
      </c>
      <c r="I28" s="191">
        <v>156</v>
      </c>
      <c r="J28" s="191">
        <v>124</v>
      </c>
      <c r="K28" s="191">
        <v>115</v>
      </c>
      <c r="L28" s="194">
        <v>611</v>
      </c>
      <c r="M28" s="195">
        <v>611</v>
      </c>
      <c r="N28" s="190">
        <v>0</v>
      </c>
      <c r="O28" s="191">
        <v>0</v>
      </c>
      <c r="P28" s="196">
        <v>0</v>
      </c>
      <c r="Q28" s="193">
        <v>0</v>
      </c>
      <c r="R28" s="191">
        <v>0</v>
      </c>
      <c r="S28" s="191">
        <v>0</v>
      </c>
      <c r="T28" s="191">
        <v>0</v>
      </c>
      <c r="U28" s="191">
        <v>8</v>
      </c>
      <c r="V28" s="191">
        <v>4</v>
      </c>
      <c r="W28" s="196">
        <v>12</v>
      </c>
      <c r="X28" s="195">
        <v>12</v>
      </c>
      <c r="Y28" s="190">
        <v>6</v>
      </c>
      <c r="Z28" s="191">
        <v>0</v>
      </c>
      <c r="AA28" s="196">
        <v>6</v>
      </c>
      <c r="AB28" s="193">
        <v>0</v>
      </c>
      <c r="AC28" s="191">
        <v>58</v>
      </c>
      <c r="AD28" s="191">
        <v>52</v>
      </c>
      <c r="AE28" s="191">
        <v>13</v>
      </c>
      <c r="AF28" s="191">
        <v>45</v>
      </c>
      <c r="AG28" s="191">
        <v>24</v>
      </c>
      <c r="AH28" s="196">
        <v>192</v>
      </c>
      <c r="AI28" s="195">
        <v>198</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44</v>
      </c>
      <c r="AZ28" s="191">
        <v>40</v>
      </c>
      <c r="BA28" s="191">
        <v>17</v>
      </c>
      <c r="BB28" s="191">
        <v>29</v>
      </c>
      <c r="BC28" s="191">
        <v>0</v>
      </c>
      <c r="BD28" s="194">
        <v>130</v>
      </c>
      <c r="BE28" s="195">
        <v>130</v>
      </c>
      <c r="BF28" s="190">
        <v>0</v>
      </c>
      <c r="BG28" s="191">
        <v>0</v>
      </c>
      <c r="BH28" s="196">
        <v>0</v>
      </c>
      <c r="BI28" s="193">
        <v>0</v>
      </c>
      <c r="BJ28" s="191">
        <v>22</v>
      </c>
      <c r="BK28" s="191">
        <v>20</v>
      </c>
      <c r="BL28" s="191">
        <v>0</v>
      </c>
      <c r="BM28" s="191">
        <v>6</v>
      </c>
      <c r="BN28" s="191">
        <v>0</v>
      </c>
      <c r="BO28" s="196">
        <v>48</v>
      </c>
      <c r="BP28" s="195">
        <v>48</v>
      </c>
      <c r="BQ28" s="190">
        <v>0</v>
      </c>
      <c r="BR28" s="191">
        <v>0</v>
      </c>
      <c r="BS28" s="196">
        <v>0</v>
      </c>
      <c r="BT28" s="193">
        <v>0</v>
      </c>
      <c r="BU28" s="191">
        <v>17</v>
      </c>
      <c r="BV28" s="191">
        <v>8</v>
      </c>
      <c r="BW28" s="191">
        <v>24</v>
      </c>
      <c r="BX28" s="191">
        <v>8</v>
      </c>
      <c r="BY28" s="191">
        <v>0</v>
      </c>
      <c r="BZ28" s="196">
        <v>57</v>
      </c>
      <c r="CA28" s="195">
        <v>57</v>
      </c>
      <c r="CB28" s="190">
        <v>0</v>
      </c>
      <c r="CC28" s="191">
        <v>0</v>
      </c>
      <c r="CD28" s="196">
        <v>0</v>
      </c>
      <c r="CE28" s="193">
        <v>0</v>
      </c>
      <c r="CF28" s="191">
        <v>0</v>
      </c>
      <c r="CG28" s="191">
        <v>0</v>
      </c>
      <c r="CH28" s="191">
        <v>0</v>
      </c>
      <c r="CI28" s="191">
        <v>5</v>
      </c>
      <c r="CJ28" s="191">
        <v>0</v>
      </c>
      <c r="CK28" s="196">
        <v>5</v>
      </c>
      <c r="CL28" s="195">
        <v>5</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22</v>
      </c>
      <c r="H29" s="191">
        <v>63</v>
      </c>
      <c r="I29" s="191">
        <v>138</v>
      </c>
      <c r="J29" s="191">
        <v>107</v>
      </c>
      <c r="K29" s="191">
        <v>232</v>
      </c>
      <c r="L29" s="194">
        <v>562</v>
      </c>
      <c r="M29" s="195">
        <v>562</v>
      </c>
      <c r="N29" s="190">
        <v>0</v>
      </c>
      <c r="O29" s="191">
        <v>0</v>
      </c>
      <c r="P29" s="196">
        <v>0</v>
      </c>
      <c r="Q29" s="193">
        <v>0</v>
      </c>
      <c r="R29" s="191">
        <v>0</v>
      </c>
      <c r="S29" s="191">
        <v>3</v>
      </c>
      <c r="T29" s="191">
        <v>0</v>
      </c>
      <c r="U29" s="191">
        <v>6</v>
      </c>
      <c r="V29" s="191">
        <v>0</v>
      </c>
      <c r="W29" s="196">
        <v>9</v>
      </c>
      <c r="X29" s="195">
        <v>9</v>
      </c>
      <c r="Y29" s="190">
        <v>19</v>
      </c>
      <c r="Z29" s="191">
        <v>56</v>
      </c>
      <c r="AA29" s="196">
        <v>75</v>
      </c>
      <c r="AB29" s="193">
        <v>0</v>
      </c>
      <c r="AC29" s="191">
        <v>33</v>
      </c>
      <c r="AD29" s="191">
        <v>19</v>
      </c>
      <c r="AE29" s="191">
        <v>16</v>
      </c>
      <c r="AF29" s="191">
        <v>20</v>
      </c>
      <c r="AG29" s="191">
        <v>20</v>
      </c>
      <c r="AH29" s="196">
        <v>108</v>
      </c>
      <c r="AI29" s="195">
        <v>183</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48</v>
      </c>
      <c r="AZ29" s="191">
        <v>50</v>
      </c>
      <c r="BA29" s="191">
        <v>32</v>
      </c>
      <c r="BB29" s="191">
        <v>21</v>
      </c>
      <c r="BC29" s="191">
        <v>0</v>
      </c>
      <c r="BD29" s="194">
        <v>151</v>
      </c>
      <c r="BE29" s="195">
        <v>151</v>
      </c>
      <c r="BF29" s="190">
        <v>0</v>
      </c>
      <c r="BG29" s="191">
        <v>0</v>
      </c>
      <c r="BH29" s="196">
        <v>0</v>
      </c>
      <c r="BI29" s="193">
        <v>0</v>
      </c>
      <c r="BJ29" s="191">
        <v>9</v>
      </c>
      <c r="BK29" s="191">
        <v>13</v>
      </c>
      <c r="BL29" s="191">
        <v>0</v>
      </c>
      <c r="BM29" s="191">
        <v>0</v>
      </c>
      <c r="BN29" s="191">
        <v>0</v>
      </c>
      <c r="BO29" s="196">
        <v>22</v>
      </c>
      <c r="BP29" s="195">
        <v>22</v>
      </c>
      <c r="BQ29" s="190">
        <v>0</v>
      </c>
      <c r="BR29" s="191">
        <v>0</v>
      </c>
      <c r="BS29" s="196">
        <v>0</v>
      </c>
      <c r="BT29" s="193">
        <v>0</v>
      </c>
      <c r="BU29" s="191">
        <v>0</v>
      </c>
      <c r="BV29" s="191">
        <v>0</v>
      </c>
      <c r="BW29" s="191">
        <v>0</v>
      </c>
      <c r="BX29" s="191">
        <v>3</v>
      </c>
      <c r="BY29" s="191">
        <v>0</v>
      </c>
      <c r="BZ29" s="196">
        <v>3</v>
      </c>
      <c r="CA29" s="195">
        <v>3</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0</v>
      </c>
      <c r="H30" s="191">
        <v>0</v>
      </c>
      <c r="I30" s="191">
        <v>24</v>
      </c>
      <c r="J30" s="191">
        <v>0</v>
      </c>
      <c r="K30" s="191">
        <v>0</v>
      </c>
      <c r="L30" s="194">
        <v>24</v>
      </c>
      <c r="M30" s="195">
        <v>24</v>
      </c>
      <c r="N30" s="190">
        <v>0</v>
      </c>
      <c r="O30" s="191">
        <v>0</v>
      </c>
      <c r="P30" s="196">
        <v>0</v>
      </c>
      <c r="Q30" s="193">
        <v>0</v>
      </c>
      <c r="R30" s="191">
        <v>0</v>
      </c>
      <c r="S30" s="191">
        <v>0</v>
      </c>
      <c r="T30" s="191">
        <v>4</v>
      </c>
      <c r="U30" s="191">
        <v>0</v>
      </c>
      <c r="V30" s="191">
        <v>0</v>
      </c>
      <c r="W30" s="196">
        <v>4</v>
      </c>
      <c r="X30" s="195">
        <v>4</v>
      </c>
      <c r="Y30" s="190">
        <v>0</v>
      </c>
      <c r="Z30" s="191">
        <v>0</v>
      </c>
      <c r="AA30" s="196">
        <v>0</v>
      </c>
      <c r="AB30" s="193">
        <v>0</v>
      </c>
      <c r="AC30" s="191">
        <v>17</v>
      </c>
      <c r="AD30" s="191">
        <v>0</v>
      </c>
      <c r="AE30" s="191">
        <v>13</v>
      </c>
      <c r="AF30" s="191">
        <v>8</v>
      </c>
      <c r="AG30" s="191">
        <v>0</v>
      </c>
      <c r="AH30" s="196">
        <v>38</v>
      </c>
      <c r="AI30" s="195">
        <v>38</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31</v>
      </c>
      <c r="BA30" s="191">
        <v>11</v>
      </c>
      <c r="BB30" s="191">
        <v>0</v>
      </c>
      <c r="BC30" s="191">
        <v>0</v>
      </c>
      <c r="BD30" s="194">
        <v>42</v>
      </c>
      <c r="BE30" s="195">
        <v>42</v>
      </c>
      <c r="BF30" s="190">
        <v>0</v>
      </c>
      <c r="BG30" s="191">
        <v>0</v>
      </c>
      <c r="BH30" s="196">
        <v>0</v>
      </c>
      <c r="BI30" s="193">
        <v>0</v>
      </c>
      <c r="BJ30" s="191">
        <v>8</v>
      </c>
      <c r="BK30" s="191">
        <v>0</v>
      </c>
      <c r="BL30" s="191">
        <v>0</v>
      </c>
      <c r="BM30" s="191">
        <v>0</v>
      </c>
      <c r="BN30" s="191">
        <v>0</v>
      </c>
      <c r="BO30" s="196">
        <v>8</v>
      </c>
      <c r="BP30" s="195">
        <v>8</v>
      </c>
      <c r="BQ30" s="190">
        <v>0</v>
      </c>
      <c r="BR30" s="191">
        <v>0</v>
      </c>
      <c r="BS30" s="196">
        <v>0</v>
      </c>
      <c r="BT30" s="193">
        <v>0</v>
      </c>
      <c r="BU30" s="191">
        <v>0</v>
      </c>
      <c r="BV30" s="191">
        <v>3</v>
      </c>
      <c r="BW30" s="191">
        <v>0</v>
      </c>
      <c r="BX30" s="191">
        <v>0</v>
      </c>
      <c r="BY30" s="191">
        <v>0</v>
      </c>
      <c r="BZ30" s="196">
        <v>3</v>
      </c>
      <c r="CA30" s="195">
        <v>3</v>
      </c>
      <c r="CB30" s="190">
        <v>0</v>
      </c>
      <c r="CC30" s="191">
        <v>0</v>
      </c>
      <c r="CD30" s="196">
        <v>0</v>
      </c>
      <c r="CE30" s="193">
        <v>0</v>
      </c>
      <c r="CF30" s="191">
        <v>0</v>
      </c>
      <c r="CG30" s="191">
        <v>0</v>
      </c>
      <c r="CH30" s="191">
        <v>5</v>
      </c>
      <c r="CI30" s="191">
        <v>0</v>
      </c>
      <c r="CJ30" s="191">
        <v>0</v>
      </c>
      <c r="CK30" s="196">
        <v>5</v>
      </c>
      <c r="CL30" s="195">
        <v>5</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0</v>
      </c>
      <c r="H31" s="191">
        <v>42</v>
      </c>
      <c r="I31" s="191">
        <v>0</v>
      </c>
      <c r="J31" s="191">
        <v>204</v>
      </c>
      <c r="K31" s="191">
        <v>0</v>
      </c>
      <c r="L31" s="194">
        <v>246</v>
      </c>
      <c r="M31" s="195">
        <v>246</v>
      </c>
      <c r="N31" s="190">
        <v>0</v>
      </c>
      <c r="O31" s="191">
        <v>0</v>
      </c>
      <c r="P31" s="196">
        <v>0</v>
      </c>
      <c r="Q31" s="193">
        <v>0</v>
      </c>
      <c r="R31" s="191">
        <v>0</v>
      </c>
      <c r="S31" s="191">
        <v>0</v>
      </c>
      <c r="T31" s="191">
        <v>0</v>
      </c>
      <c r="U31" s="191">
        <v>1</v>
      </c>
      <c r="V31" s="191">
        <v>5</v>
      </c>
      <c r="W31" s="196">
        <v>6</v>
      </c>
      <c r="X31" s="195">
        <v>6</v>
      </c>
      <c r="Y31" s="190">
        <v>5</v>
      </c>
      <c r="Z31" s="191">
        <v>0</v>
      </c>
      <c r="AA31" s="196">
        <v>5</v>
      </c>
      <c r="AB31" s="193">
        <v>0</v>
      </c>
      <c r="AC31" s="191">
        <v>0</v>
      </c>
      <c r="AD31" s="191">
        <v>24</v>
      </c>
      <c r="AE31" s="191">
        <v>7</v>
      </c>
      <c r="AF31" s="191">
        <v>3</v>
      </c>
      <c r="AG31" s="191">
        <v>0</v>
      </c>
      <c r="AH31" s="196">
        <v>34</v>
      </c>
      <c r="AI31" s="195">
        <v>39</v>
      </c>
      <c r="AJ31" s="190">
        <v>0</v>
      </c>
      <c r="AK31" s="191">
        <v>0</v>
      </c>
      <c r="AL31" s="196">
        <v>0</v>
      </c>
      <c r="AM31" s="193">
        <v>0</v>
      </c>
      <c r="AN31" s="191">
        <v>0</v>
      </c>
      <c r="AO31" s="191">
        <v>12</v>
      </c>
      <c r="AP31" s="191">
        <v>0</v>
      </c>
      <c r="AQ31" s="191">
        <v>0</v>
      </c>
      <c r="AR31" s="191">
        <v>0</v>
      </c>
      <c r="AS31" s="196">
        <v>12</v>
      </c>
      <c r="AT31" s="195">
        <v>12</v>
      </c>
      <c r="AU31" s="190">
        <v>0</v>
      </c>
      <c r="AV31" s="191">
        <v>0</v>
      </c>
      <c r="AW31" s="196">
        <v>0</v>
      </c>
      <c r="AX31" s="193">
        <v>0</v>
      </c>
      <c r="AY31" s="191">
        <v>0</v>
      </c>
      <c r="AZ31" s="191">
        <v>21</v>
      </c>
      <c r="BA31" s="191">
        <v>16</v>
      </c>
      <c r="BB31" s="191">
        <v>0</v>
      </c>
      <c r="BC31" s="191">
        <v>0</v>
      </c>
      <c r="BD31" s="194">
        <v>37</v>
      </c>
      <c r="BE31" s="195">
        <v>37</v>
      </c>
      <c r="BF31" s="190">
        <v>0</v>
      </c>
      <c r="BG31" s="191">
        <v>0</v>
      </c>
      <c r="BH31" s="196">
        <v>0</v>
      </c>
      <c r="BI31" s="193">
        <v>0</v>
      </c>
      <c r="BJ31" s="191">
        <v>0</v>
      </c>
      <c r="BK31" s="191">
        <v>0</v>
      </c>
      <c r="BL31" s="191">
        <v>0</v>
      </c>
      <c r="BM31" s="191">
        <v>8</v>
      </c>
      <c r="BN31" s="191">
        <v>0</v>
      </c>
      <c r="BO31" s="196">
        <v>8</v>
      </c>
      <c r="BP31" s="195">
        <v>8</v>
      </c>
      <c r="BQ31" s="190">
        <v>0</v>
      </c>
      <c r="BR31" s="191">
        <v>0</v>
      </c>
      <c r="BS31" s="196">
        <v>0</v>
      </c>
      <c r="BT31" s="193">
        <v>0</v>
      </c>
      <c r="BU31" s="191">
        <v>0</v>
      </c>
      <c r="BV31" s="191">
        <v>2</v>
      </c>
      <c r="BW31" s="191">
        <v>0</v>
      </c>
      <c r="BX31" s="191">
        <v>0</v>
      </c>
      <c r="BY31" s="191">
        <v>0</v>
      </c>
      <c r="BZ31" s="196">
        <v>2</v>
      </c>
      <c r="CA31" s="195">
        <v>2</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12</v>
      </c>
      <c r="H32" s="191">
        <v>0</v>
      </c>
      <c r="I32" s="191">
        <v>8</v>
      </c>
      <c r="J32" s="191">
        <v>10</v>
      </c>
      <c r="K32" s="191">
        <v>60</v>
      </c>
      <c r="L32" s="194">
        <v>90</v>
      </c>
      <c r="M32" s="195">
        <v>90</v>
      </c>
      <c r="N32" s="190">
        <v>0</v>
      </c>
      <c r="O32" s="191">
        <v>0</v>
      </c>
      <c r="P32" s="196">
        <v>0</v>
      </c>
      <c r="Q32" s="193">
        <v>0</v>
      </c>
      <c r="R32" s="191">
        <v>0</v>
      </c>
      <c r="S32" s="191">
        <v>0</v>
      </c>
      <c r="T32" s="191">
        <v>0</v>
      </c>
      <c r="U32" s="191">
        <v>1</v>
      </c>
      <c r="V32" s="191">
        <v>0</v>
      </c>
      <c r="W32" s="196">
        <v>1</v>
      </c>
      <c r="X32" s="195">
        <v>1</v>
      </c>
      <c r="Y32" s="190">
        <v>6</v>
      </c>
      <c r="Z32" s="191">
        <v>9</v>
      </c>
      <c r="AA32" s="196">
        <v>15</v>
      </c>
      <c r="AB32" s="193">
        <v>0</v>
      </c>
      <c r="AC32" s="191">
        <v>0</v>
      </c>
      <c r="AD32" s="191">
        <v>0</v>
      </c>
      <c r="AE32" s="191">
        <v>2</v>
      </c>
      <c r="AF32" s="191">
        <v>22</v>
      </c>
      <c r="AG32" s="191">
        <v>8</v>
      </c>
      <c r="AH32" s="196">
        <v>32</v>
      </c>
      <c r="AI32" s="195">
        <v>47</v>
      </c>
      <c r="AJ32" s="190">
        <v>6</v>
      </c>
      <c r="AK32" s="191">
        <v>0</v>
      </c>
      <c r="AL32" s="196">
        <v>6</v>
      </c>
      <c r="AM32" s="193">
        <v>0</v>
      </c>
      <c r="AN32" s="191">
        <v>0</v>
      </c>
      <c r="AO32" s="191">
        <v>0</v>
      </c>
      <c r="AP32" s="191">
        <v>0</v>
      </c>
      <c r="AQ32" s="191">
        <v>0</v>
      </c>
      <c r="AR32" s="191">
        <v>0</v>
      </c>
      <c r="AS32" s="196">
        <v>0</v>
      </c>
      <c r="AT32" s="195">
        <v>6</v>
      </c>
      <c r="AU32" s="190">
        <v>0</v>
      </c>
      <c r="AV32" s="191">
        <v>0</v>
      </c>
      <c r="AW32" s="196">
        <v>0</v>
      </c>
      <c r="AX32" s="193">
        <v>0</v>
      </c>
      <c r="AY32" s="191">
        <v>22</v>
      </c>
      <c r="AZ32" s="191">
        <v>0</v>
      </c>
      <c r="BA32" s="191">
        <v>0</v>
      </c>
      <c r="BB32" s="191">
        <v>13</v>
      </c>
      <c r="BC32" s="191">
        <v>4</v>
      </c>
      <c r="BD32" s="194">
        <v>39</v>
      </c>
      <c r="BE32" s="195">
        <v>39</v>
      </c>
      <c r="BF32" s="190">
        <v>0</v>
      </c>
      <c r="BG32" s="191">
        <v>0</v>
      </c>
      <c r="BH32" s="196">
        <v>0</v>
      </c>
      <c r="BI32" s="193">
        <v>0</v>
      </c>
      <c r="BJ32" s="191">
        <v>9</v>
      </c>
      <c r="BK32" s="191">
        <v>0</v>
      </c>
      <c r="BL32" s="191">
        <v>0</v>
      </c>
      <c r="BM32" s="191">
        <v>0</v>
      </c>
      <c r="BN32" s="191">
        <v>0</v>
      </c>
      <c r="BO32" s="196">
        <v>9</v>
      </c>
      <c r="BP32" s="195">
        <v>9</v>
      </c>
      <c r="BQ32" s="190">
        <v>0</v>
      </c>
      <c r="BR32" s="191">
        <v>0</v>
      </c>
      <c r="BS32" s="196">
        <v>0</v>
      </c>
      <c r="BT32" s="193">
        <v>0</v>
      </c>
      <c r="BU32" s="191">
        <v>0</v>
      </c>
      <c r="BV32" s="191">
        <v>0</v>
      </c>
      <c r="BW32" s="191">
        <v>0</v>
      </c>
      <c r="BX32" s="191">
        <v>8</v>
      </c>
      <c r="BY32" s="191">
        <v>0</v>
      </c>
      <c r="BZ32" s="196">
        <v>8</v>
      </c>
      <c r="CA32" s="195">
        <v>8</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0</v>
      </c>
      <c r="H33" s="191">
        <v>3</v>
      </c>
      <c r="I33" s="191">
        <v>62</v>
      </c>
      <c r="J33" s="191">
        <v>0</v>
      </c>
      <c r="K33" s="191">
        <v>0</v>
      </c>
      <c r="L33" s="194">
        <v>65</v>
      </c>
      <c r="M33" s="195">
        <v>65</v>
      </c>
      <c r="N33" s="190">
        <v>0</v>
      </c>
      <c r="O33" s="191">
        <v>0</v>
      </c>
      <c r="P33" s="196">
        <v>0</v>
      </c>
      <c r="Q33" s="193">
        <v>0</v>
      </c>
      <c r="R33" s="191">
        <v>0</v>
      </c>
      <c r="S33" s="191">
        <v>4</v>
      </c>
      <c r="T33" s="191">
        <v>0</v>
      </c>
      <c r="U33" s="191">
        <v>0</v>
      </c>
      <c r="V33" s="191">
        <v>0</v>
      </c>
      <c r="W33" s="196">
        <v>4</v>
      </c>
      <c r="X33" s="195">
        <v>4</v>
      </c>
      <c r="Y33" s="190">
        <v>0</v>
      </c>
      <c r="Z33" s="191">
        <v>0</v>
      </c>
      <c r="AA33" s="196">
        <v>0</v>
      </c>
      <c r="AB33" s="193">
        <v>0</v>
      </c>
      <c r="AC33" s="191">
        <v>0</v>
      </c>
      <c r="AD33" s="191">
        <v>19</v>
      </c>
      <c r="AE33" s="191">
        <v>8</v>
      </c>
      <c r="AF33" s="191">
        <v>0</v>
      </c>
      <c r="AG33" s="191">
        <v>0</v>
      </c>
      <c r="AH33" s="196">
        <v>27</v>
      </c>
      <c r="AI33" s="195">
        <v>27</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27</v>
      </c>
      <c r="AZ33" s="191">
        <v>-1</v>
      </c>
      <c r="BA33" s="191">
        <v>0</v>
      </c>
      <c r="BB33" s="191">
        <v>4</v>
      </c>
      <c r="BC33" s="191">
        <v>0</v>
      </c>
      <c r="BD33" s="194">
        <v>30</v>
      </c>
      <c r="BE33" s="195">
        <v>30</v>
      </c>
      <c r="BF33" s="190">
        <v>0</v>
      </c>
      <c r="BG33" s="191">
        <v>0</v>
      </c>
      <c r="BH33" s="196">
        <v>0</v>
      </c>
      <c r="BI33" s="193">
        <v>0</v>
      </c>
      <c r="BJ33" s="191">
        <v>5</v>
      </c>
      <c r="BK33" s="191">
        <v>12</v>
      </c>
      <c r="BL33" s="191">
        <v>8</v>
      </c>
      <c r="BM33" s="191">
        <v>0</v>
      </c>
      <c r="BN33" s="191">
        <v>0</v>
      </c>
      <c r="BO33" s="196">
        <v>25</v>
      </c>
      <c r="BP33" s="195">
        <v>25</v>
      </c>
      <c r="BQ33" s="190">
        <v>0</v>
      </c>
      <c r="BR33" s="191">
        <v>0</v>
      </c>
      <c r="BS33" s="196">
        <v>0</v>
      </c>
      <c r="BT33" s="193">
        <v>0</v>
      </c>
      <c r="BU33" s="191">
        <v>0</v>
      </c>
      <c r="BV33" s="191">
        <v>0</v>
      </c>
      <c r="BW33" s="191">
        <v>0</v>
      </c>
      <c r="BX33" s="191">
        <v>3</v>
      </c>
      <c r="BY33" s="191">
        <v>0</v>
      </c>
      <c r="BZ33" s="196">
        <v>3</v>
      </c>
      <c r="CA33" s="195">
        <v>3</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22</v>
      </c>
      <c r="H34" s="191">
        <v>112</v>
      </c>
      <c r="I34" s="191">
        <v>33</v>
      </c>
      <c r="J34" s="191">
        <v>0</v>
      </c>
      <c r="K34" s="191">
        <v>86</v>
      </c>
      <c r="L34" s="194">
        <v>253</v>
      </c>
      <c r="M34" s="195">
        <v>253</v>
      </c>
      <c r="N34" s="190">
        <v>0</v>
      </c>
      <c r="O34" s="191">
        <v>0</v>
      </c>
      <c r="P34" s="196">
        <v>0</v>
      </c>
      <c r="Q34" s="193">
        <v>0</v>
      </c>
      <c r="R34" s="191">
        <v>0</v>
      </c>
      <c r="S34" s="191">
        <v>0</v>
      </c>
      <c r="T34" s="191">
        <v>0</v>
      </c>
      <c r="U34" s="191">
        <v>0</v>
      </c>
      <c r="V34" s="191">
        <v>5</v>
      </c>
      <c r="W34" s="196">
        <v>5</v>
      </c>
      <c r="X34" s="195">
        <v>5</v>
      </c>
      <c r="Y34" s="190">
        <v>4</v>
      </c>
      <c r="Z34" s="191">
        <v>0</v>
      </c>
      <c r="AA34" s="196">
        <v>4</v>
      </c>
      <c r="AB34" s="193">
        <v>0</v>
      </c>
      <c r="AC34" s="191">
        <v>37</v>
      </c>
      <c r="AD34" s="191">
        <v>40</v>
      </c>
      <c r="AE34" s="191">
        <v>0</v>
      </c>
      <c r="AF34" s="191">
        <v>0</v>
      </c>
      <c r="AG34" s="191">
        <v>4</v>
      </c>
      <c r="AH34" s="196">
        <v>81</v>
      </c>
      <c r="AI34" s="195">
        <v>85</v>
      </c>
      <c r="AJ34" s="190">
        <v>0</v>
      </c>
      <c r="AK34" s="191">
        <v>0</v>
      </c>
      <c r="AL34" s="196">
        <v>0</v>
      </c>
      <c r="AM34" s="193">
        <v>0</v>
      </c>
      <c r="AN34" s="191">
        <v>24</v>
      </c>
      <c r="AO34" s="191">
        <v>0</v>
      </c>
      <c r="AP34" s="191">
        <v>0</v>
      </c>
      <c r="AQ34" s="191">
        <v>0</v>
      </c>
      <c r="AR34" s="191">
        <v>0</v>
      </c>
      <c r="AS34" s="196">
        <v>24</v>
      </c>
      <c r="AT34" s="195">
        <v>24</v>
      </c>
      <c r="AU34" s="190">
        <v>0</v>
      </c>
      <c r="AV34" s="191">
        <v>0</v>
      </c>
      <c r="AW34" s="196">
        <v>0</v>
      </c>
      <c r="AX34" s="193">
        <v>0</v>
      </c>
      <c r="AY34" s="191">
        <v>29</v>
      </c>
      <c r="AZ34" s="191">
        <v>56</v>
      </c>
      <c r="BA34" s="191">
        <v>38</v>
      </c>
      <c r="BB34" s="191">
        <v>1</v>
      </c>
      <c r="BC34" s="191">
        <v>0</v>
      </c>
      <c r="BD34" s="194">
        <v>124</v>
      </c>
      <c r="BE34" s="195">
        <v>124</v>
      </c>
      <c r="BF34" s="190">
        <v>0</v>
      </c>
      <c r="BG34" s="191">
        <v>0</v>
      </c>
      <c r="BH34" s="196">
        <v>0</v>
      </c>
      <c r="BI34" s="193">
        <v>0</v>
      </c>
      <c r="BJ34" s="191">
        <v>0</v>
      </c>
      <c r="BK34" s="191">
        <v>14</v>
      </c>
      <c r="BL34" s="191">
        <v>0</v>
      </c>
      <c r="BM34" s="191">
        <v>0</v>
      </c>
      <c r="BN34" s="191">
        <v>0</v>
      </c>
      <c r="BO34" s="196">
        <v>14</v>
      </c>
      <c r="BP34" s="195">
        <v>14</v>
      </c>
      <c r="BQ34" s="190">
        <v>0</v>
      </c>
      <c r="BR34" s="191">
        <v>0</v>
      </c>
      <c r="BS34" s="196">
        <v>0</v>
      </c>
      <c r="BT34" s="193">
        <v>0</v>
      </c>
      <c r="BU34" s="191">
        <v>0</v>
      </c>
      <c r="BV34" s="191">
        <v>2</v>
      </c>
      <c r="BW34" s="191">
        <v>2</v>
      </c>
      <c r="BX34" s="191">
        <v>0</v>
      </c>
      <c r="BY34" s="191">
        <v>0</v>
      </c>
      <c r="BZ34" s="196">
        <v>4</v>
      </c>
      <c r="CA34" s="195">
        <v>4</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12</v>
      </c>
      <c r="H35" s="191">
        <v>0</v>
      </c>
      <c r="I35" s="191">
        <v>11</v>
      </c>
      <c r="J35" s="191">
        <v>0</v>
      </c>
      <c r="K35" s="191">
        <v>0</v>
      </c>
      <c r="L35" s="194">
        <v>23</v>
      </c>
      <c r="M35" s="195">
        <v>23</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5</v>
      </c>
      <c r="AD35" s="191">
        <v>0</v>
      </c>
      <c r="AE35" s="191">
        <v>8</v>
      </c>
      <c r="AF35" s="191">
        <v>0</v>
      </c>
      <c r="AG35" s="191">
        <v>0</v>
      </c>
      <c r="AH35" s="196">
        <v>13</v>
      </c>
      <c r="AI35" s="195">
        <v>13</v>
      </c>
      <c r="AJ35" s="190">
        <v>24</v>
      </c>
      <c r="AK35" s="191">
        <v>15</v>
      </c>
      <c r="AL35" s="196">
        <v>39</v>
      </c>
      <c r="AM35" s="193">
        <v>0</v>
      </c>
      <c r="AN35" s="191">
        <v>26</v>
      </c>
      <c r="AO35" s="191">
        <v>0</v>
      </c>
      <c r="AP35" s="191">
        <v>24</v>
      </c>
      <c r="AQ35" s="191">
        <v>0</v>
      </c>
      <c r="AR35" s="191">
        <v>0</v>
      </c>
      <c r="AS35" s="196">
        <v>50</v>
      </c>
      <c r="AT35" s="195">
        <v>89</v>
      </c>
      <c r="AU35" s="190">
        <v>0</v>
      </c>
      <c r="AV35" s="191">
        <v>0</v>
      </c>
      <c r="AW35" s="196">
        <v>0</v>
      </c>
      <c r="AX35" s="193">
        <v>0</v>
      </c>
      <c r="AY35" s="191">
        <v>8</v>
      </c>
      <c r="AZ35" s="191">
        <v>0</v>
      </c>
      <c r="BA35" s="191">
        <v>0</v>
      </c>
      <c r="BB35" s="191">
        <v>0</v>
      </c>
      <c r="BC35" s="191">
        <v>0</v>
      </c>
      <c r="BD35" s="194">
        <v>8</v>
      </c>
      <c r="BE35" s="195">
        <v>8</v>
      </c>
      <c r="BF35" s="190">
        <v>0</v>
      </c>
      <c r="BG35" s="191">
        <v>0</v>
      </c>
      <c r="BH35" s="196">
        <v>0</v>
      </c>
      <c r="BI35" s="193">
        <v>0</v>
      </c>
      <c r="BJ35" s="191">
        <v>0</v>
      </c>
      <c r="BK35" s="191">
        <v>0</v>
      </c>
      <c r="BL35" s="191">
        <v>0</v>
      </c>
      <c r="BM35" s="191">
        <v>0</v>
      </c>
      <c r="BN35" s="191">
        <v>0</v>
      </c>
      <c r="BO35" s="196">
        <v>0</v>
      </c>
      <c r="BP35" s="195">
        <v>0</v>
      </c>
      <c r="BQ35" s="190">
        <v>0</v>
      </c>
      <c r="BR35" s="191">
        <v>0</v>
      </c>
      <c r="BS35" s="196">
        <v>0</v>
      </c>
      <c r="BT35" s="193">
        <v>0</v>
      </c>
      <c r="BU35" s="191">
        <v>0</v>
      </c>
      <c r="BV35" s="191">
        <v>0</v>
      </c>
      <c r="BW35" s="191">
        <v>0</v>
      </c>
      <c r="BX35" s="191">
        <v>0</v>
      </c>
      <c r="BY35" s="191">
        <v>30</v>
      </c>
      <c r="BZ35" s="196">
        <v>30</v>
      </c>
      <c r="CA35" s="195">
        <v>3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2</v>
      </c>
      <c r="AD36" s="191">
        <v>32</v>
      </c>
      <c r="AE36" s="191">
        <v>0</v>
      </c>
      <c r="AF36" s="191">
        <v>0</v>
      </c>
      <c r="AG36" s="191">
        <v>17</v>
      </c>
      <c r="AH36" s="196">
        <v>51</v>
      </c>
      <c r="AI36" s="195">
        <v>51</v>
      </c>
      <c r="AJ36" s="190">
        <v>0</v>
      </c>
      <c r="AK36" s="191">
        <v>0</v>
      </c>
      <c r="AL36" s="196">
        <v>0</v>
      </c>
      <c r="AM36" s="193">
        <v>0</v>
      </c>
      <c r="AN36" s="191">
        <v>0</v>
      </c>
      <c r="AO36" s="191">
        <v>0</v>
      </c>
      <c r="AP36" s="191">
        <v>0</v>
      </c>
      <c r="AQ36" s="191">
        <v>0</v>
      </c>
      <c r="AR36" s="191">
        <v>16</v>
      </c>
      <c r="AS36" s="196">
        <v>16</v>
      </c>
      <c r="AT36" s="195">
        <v>16</v>
      </c>
      <c r="AU36" s="190">
        <v>0</v>
      </c>
      <c r="AV36" s="191">
        <v>0</v>
      </c>
      <c r="AW36" s="196">
        <v>0</v>
      </c>
      <c r="AX36" s="193">
        <v>0</v>
      </c>
      <c r="AY36" s="191">
        <v>20</v>
      </c>
      <c r="AZ36" s="191">
        <v>10</v>
      </c>
      <c r="BA36" s="191">
        <v>4</v>
      </c>
      <c r="BB36" s="191">
        <v>0</v>
      </c>
      <c r="BC36" s="191">
        <v>0</v>
      </c>
      <c r="BD36" s="194">
        <v>34</v>
      </c>
      <c r="BE36" s="195">
        <v>34</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19</v>
      </c>
      <c r="H37" s="191">
        <v>102</v>
      </c>
      <c r="I37" s="191">
        <v>48</v>
      </c>
      <c r="J37" s="191">
        <v>0</v>
      </c>
      <c r="K37" s="191">
        <v>0</v>
      </c>
      <c r="L37" s="194">
        <v>169</v>
      </c>
      <c r="M37" s="195">
        <v>169</v>
      </c>
      <c r="N37" s="190">
        <v>0</v>
      </c>
      <c r="O37" s="191">
        <v>0</v>
      </c>
      <c r="P37" s="196">
        <v>0</v>
      </c>
      <c r="Q37" s="193">
        <v>0</v>
      </c>
      <c r="R37" s="191">
        <v>0</v>
      </c>
      <c r="S37" s="191">
        <v>0</v>
      </c>
      <c r="T37" s="191">
        <v>4</v>
      </c>
      <c r="U37" s="191">
        <v>0</v>
      </c>
      <c r="V37" s="191">
        <v>4</v>
      </c>
      <c r="W37" s="196">
        <v>8</v>
      </c>
      <c r="X37" s="195">
        <v>8</v>
      </c>
      <c r="Y37" s="190">
        <v>0</v>
      </c>
      <c r="Z37" s="191">
        <v>9</v>
      </c>
      <c r="AA37" s="196">
        <v>9</v>
      </c>
      <c r="AB37" s="193">
        <v>0</v>
      </c>
      <c r="AC37" s="191">
        <v>20</v>
      </c>
      <c r="AD37" s="191">
        <v>12</v>
      </c>
      <c r="AE37" s="191">
        <v>46</v>
      </c>
      <c r="AF37" s="191">
        <v>0</v>
      </c>
      <c r="AG37" s="191">
        <v>73</v>
      </c>
      <c r="AH37" s="196">
        <v>151</v>
      </c>
      <c r="AI37" s="195">
        <v>160</v>
      </c>
      <c r="AJ37" s="190">
        <v>7</v>
      </c>
      <c r="AK37" s="191">
        <v>12</v>
      </c>
      <c r="AL37" s="196">
        <v>19</v>
      </c>
      <c r="AM37" s="193">
        <v>0</v>
      </c>
      <c r="AN37" s="191">
        <v>35</v>
      </c>
      <c r="AO37" s="191">
        <v>0</v>
      </c>
      <c r="AP37" s="191">
        <v>0</v>
      </c>
      <c r="AQ37" s="191">
        <v>0</v>
      </c>
      <c r="AR37" s="191">
        <v>4</v>
      </c>
      <c r="AS37" s="196">
        <v>39</v>
      </c>
      <c r="AT37" s="195">
        <v>58</v>
      </c>
      <c r="AU37" s="190">
        <v>0</v>
      </c>
      <c r="AV37" s="191">
        <v>0</v>
      </c>
      <c r="AW37" s="196">
        <v>0</v>
      </c>
      <c r="AX37" s="193">
        <v>0</v>
      </c>
      <c r="AY37" s="191">
        <v>53</v>
      </c>
      <c r="AZ37" s="191">
        <v>22</v>
      </c>
      <c r="BA37" s="191">
        <v>12</v>
      </c>
      <c r="BB37" s="191">
        <v>0</v>
      </c>
      <c r="BC37" s="191">
        <v>0</v>
      </c>
      <c r="BD37" s="194">
        <v>87</v>
      </c>
      <c r="BE37" s="195">
        <v>87</v>
      </c>
      <c r="BF37" s="190">
        <v>0</v>
      </c>
      <c r="BG37" s="191">
        <v>0</v>
      </c>
      <c r="BH37" s="196">
        <v>0</v>
      </c>
      <c r="BI37" s="193">
        <v>0</v>
      </c>
      <c r="BJ37" s="191">
        <v>33</v>
      </c>
      <c r="BK37" s="191">
        <v>8</v>
      </c>
      <c r="BL37" s="191">
        <v>9</v>
      </c>
      <c r="BM37" s="191">
        <v>13</v>
      </c>
      <c r="BN37" s="191">
        <v>0</v>
      </c>
      <c r="BO37" s="196">
        <v>63</v>
      </c>
      <c r="BP37" s="195">
        <v>63</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17</v>
      </c>
      <c r="H38" s="191">
        <v>0</v>
      </c>
      <c r="I38" s="191">
        <v>0</v>
      </c>
      <c r="J38" s="191">
        <v>74</v>
      </c>
      <c r="K38" s="191">
        <v>120</v>
      </c>
      <c r="L38" s="194">
        <v>211</v>
      </c>
      <c r="M38" s="195">
        <v>211</v>
      </c>
      <c r="N38" s="190">
        <v>0</v>
      </c>
      <c r="O38" s="191">
        <v>0</v>
      </c>
      <c r="P38" s="196">
        <v>0</v>
      </c>
      <c r="Q38" s="193">
        <v>0</v>
      </c>
      <c r="R38" s="191">
        <v>0</v>
      </c>
      <c r="S38" s="191">
        <v>0</v>
      </c>
      <c r="T38" s="191">
        <v>4</v>
      </c>
      <c r="U38" s="191">
        <v>0</v>
      </c>
      <c r="V38" s="191">
        <v>9</v>
      </c>
      <c r="W38" s="196">
        <v>13</v>
      </c>
      <c r="X38" s="195">
        <v>13</v>
      </c>
      <c r="Y38" s="190">
        <v>0</v>
      </c>
      <c r="Z38" s="191">
        <v>2</v>
      </c>
      <c r="AA38" s="196">
        <v>2</v>
      </c>
      <c r="AB38" s="193">
        <v>0</v>
      </c>
      <c r="AC38" s="191">
        <v>26</v>
      </c>
      <c r="AD38" s="191">
        <v>0</v>
      </c>
      <c r="AE38" s="191">
        <v>12</v>
      </c>
      <c r="AF38" s="191">
        <v>0</v>
      </c>
      <c r="AG38" s="191">
        <v>0</v>
      </c>
      <c r="AH38" s="196">
        <v>38</v>
      </c>
      <c r="AI38" s="195">
        <v>40</v>
      </c>
      <c r="AJ38" s="190">
        <v>0</v>
      </c>
      <c r="AK38" s="191">
        <v>0</v>
      </c>
      <c r="AL38" s="196">
        <v>0</v>
      </c>
      <c r="AM38" s="193">
        <v>0</v>
      </c>
      <c r="AN38" s="191">
        <v>12</v>
      </c>
      <c r="AO38" s="191">
        <v>6</v>
      </c>
      <c r="AP38" s="191">
        <v>0</v>
      </c>
      <c r="AQ38" s="191">
        <v>0</v>
      </c>
      <c r="AR38" s="191">
        <v>0</v>
      </c>
      <c r="AS38" s="196">
        <v>18</v>
      </c>
      <c r="AT38" s="195">
        <v>18</v>
      </c>
      <c r="AU38" s="190">
        <v>0</v>
      </c>
      <c r="AV38" s="191">
        <v>0</v>
      </c>
      <c r="AW38" s="196">
        <v>0</v>
      </c>
      <c r="AX38" s="193">
        <v>0</v>
      </c>
      <c r="AY38" s="191">
        <v>0</v>
      </c>
      <c r="AZ38" s="191">
        <v>11</v>
      </c>
      <c r="BA38" s="191">
        <v>0</v>
      </c>
      <c r="BB38" s="191">
        <v>0</v>
      </c>
      <c r="BC38" s="191">
        <v>0</v>
      </c>
      <c r="BD38" s="194">
        <v>11</v>
      </c>
      <c r="BE38" s="195">
        <v>11</v>
      </c>
      <c r="BF38" s="190">
        <v>0</v>
      </c>
      <c r="BG38" s="191">
        <v>0</v>
      </c>
      <c r="BH38" s="196">
        <v>0</v>
      </c>
      <c r="BI38" s="193">
        <v>0</v>
      </c>
      <c r="BJ38" s="191">
        <v>13</v>
      </c>
      <c r="BK38" s="191">
        <v>7</v>
      </c>
      <c r="BL38" s="191">
        <v>4</v>
      </c>
      <c r="BM38" s="191">
        <v>0</v>
      </c>
      <c r="BN38" s="191">
        <v>0</v>
      </c>
      <c r="BO38" s="196">
        <v>24</v>
      </c>
      <c r="BP38" s="195">
        <v>24</v>
      </c>
      <c r="BQ38" s="190">
        <v>0</v>
      </c>
      <c r="BR38" s="191">
        <v>0</v>
      </c>
      <c r="BS38" s="196">
        <v>0</v>
      </c>
      <c r="BT38" s="193">
        <v>0</v>
      </c>
      <c r="BU38" s="191">
        <v>0</v>
      </c>
      <c r="BV38" s="191">
        <v>3</v>
      </c>
      <c r="BW38" s="191">
        <v>0</v>
      </c>
      <c r="BX38" s="191">
        <v>0</v>
      </c>
      <c r="BY38" s="191">
        <v>0</v>
      </c>
      <c r="BZ38" s="196">
        <v>3</v>
      </c>
      <c r="CA38" s="195">
        <v>3</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1">
        <v>0</v>
      </c>
      <c r="BE39" s="202">
        <v>0</v>
      </c>
      <c r="BF39" s="197">
        <v>0</v>
      </c>
      <c r="BG39" s="198">
        <v>0</v>
      </c>
      <c r="BH39" s="203">
        <v>0</v>
      </c>
      <c r="BI39" s="200">
        <v>0</v>
      </c>
      <c r="BJ39" s="198">
        <v>4</v>
      </c>
      <c r="BK39" s="198">
        <v>8</v>
      </c>
      <c r="BL39" s="198">
        <v>0</v>
      </c>
      <c r="BM39" s="198">
        <v>0</v>
      </c>
      <c r="BN39" s="198">
        <v>0</v>
      </c>
      <c r="BO39" s="203">
        <v>12</v>
      </c>
      <c r="BP39" s="202">
        <v>12</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88671875" style="175" customWidth="1"/>
    <col min="18" max="27" width="9" style="175"/>
    <col min="28" max="28" width="7.77734375" style="175" customWidth="1"/>
    <col min="29" max="38" width="9" style="175"/>
    <col min="39" max="39" width="7.5546875" style="175" customWidth="1"/>
    <col min="40" max="49" width="9" style="175"/>
    <col min="50" max="50" width="7.77734375" style="175" customWidth="1"/>
    <col min="51" max="60" width="9" style="175"/>
    <col min="61" max="61" width="7.4414062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1</v>
      </c>
      <c r="M1" s="447">
        <f>IF(L1&lt;3,L1+12-2,L1-2)</f>
        <v>9</v>
      </c>
      <c r="N1" s="447"/>
    </row>
    <row r="2" spans="2:112" ht="24" customHeight="1" thickBot="1" x14ac:dyDescent="0.25">
      <c r="B2" s="142" t="s">
        <v>151</v>
      </c>
    </row>
    <row r="3" spans="2:112" ht="21" customHeight="1" thickBot="1" x14ac:dyDescent="0.25">
      <c r="B3" s="484"/>
      <c r="C3" s="487" t="s">
        <v>111</v>
      </c>
      <c r="D3" s="487"/>
      <c r="E3" s="487"/>
      <c r="F3" s="487"/>
      <c r="G3" s="487"/>
      <c r="H3" s="487"/>
      <c r="I3" s="487"/>
      <c r="J3" s="487"/>
      <c r="K3" s="487"/>
      <c r="L3" s="487"/>
      <c r="M3" s="488"/>
      <c r="N3" s="482" t="s">
        <v>110</v>
      </c>
      <c r="O3" s="482"/>
      <c r="P3" s="482"/>
      <c r="Q3" s="482"/>
      <c r="R3" s="482"/>
      <c r="S3" s="482"/>
      <c r="T3" s="482"/>
      <c r="U3" s="482"/>
      <c r="V3" s="482"/>
      <c r="W3" s="482"/>
      <c r="X3" s="483"/>
      <c r="Y3" s="481" t="s">
        <v>109</v>
      </c>
      <c r="Z3" s="482"/>
      <c r="AA3" s="482"/>
      <c r="AB3" s="482"/>
      <c r="AC3" s="482"/>
      <c r="AD3" s="482"/>
      <c r="AE3" s="482"/>
      <c r="AF3" s="482"/>
      <c r="AG3" s="482"/>
      <c r="AH3" s="482"/>
      <c r="AI3" s="483"/>
      <c r="AJ3" s="481" t="s">
        <v>108</v>
      </c>
      <c r="AK3" s="482"/>
      <c r="AL3" s="482"/>
      <c r="AM3" s="482"/>
      <c r="AN3" s="482"/>
      <c r="AO3" s="482"/>
      <c r="AP3" s="482"/>
      <c r="AQ3" s="482"/>
      <c r="AR3" s="482"/>
      <c r="AS3" s="482"/>
      <c r="AT3" s="483"/>
      <c r="AU3" s="481" t="s">
        <v>107</v>
      </c>
      <c r="AV3" s="482"/>
      <c r="AW3" s="482"/>
      <c r="AX3" s="482"/>
      <c r="AY3" s="482"/>
      <c r="AZ3" s="482"/>
      <c r="BA3" s="482"/>
      <c r="BB3" s="482"/>
      <c r="BC3" s="482"/>
      <c r="BD3" s="482"/>
      <c r="BE3" s="483"/>
      <c r="BF3" s="481" t="s">
        <v>106</v>
      </c>
      <c r="BG3" s="482"/>
      <c r="BH3" s="482"/>
      <c r="BI3" s="482"/>
      <c r="BJ3" s="482"/>
      <c r="BK3" s="482"/>
      <c r="BL3" s="482"/>
      <c r="BM3" s="482"/>
      <c r="BN3" s="482"/>
      <c r="BO3" s="482"/>
      <c r="BP3" s="483"/>
      <c r="BQ3" s="481" t="s">
        <v>105</v>
      </c>
      <c r="BR3" s="482"/>
      <c r="BS3" s="482"/>
      <c r="BT3" s="482"/>
      <c r="BU3" s="482"/>
      <c r="BV3" s="482"/>
      <c r="BW3" s="482"/>
      <c r="BX3" s="482"/>
      <c r="BY3" s="482"/>
      <c r="BZ3" s="482"/>
      <c r="CA3" s="483"/>
      <c r="CB3" s="481" t="s">
        <v>125</v>
      </c>
      <c r="CC3" s="482"/>
      <c r="CD3" s="482"/>
      <c r="CE3" s="482"/>
      <c r="CF3" s="482"/>
      <c r="CG3" s="482"/>
      <c r="CH3" s="482"/>
      <c r="CI3" s="482"/>
      <c r="CJ3" s="482"/>
      <c r="CK3" s="482"/>
      <c r="CL3" s="483"/>
      <c r="CM3" s="481" t="s">
        <v>158</v>
      </c>
      <c r="CN3" s="482"/>
      <c r="CO3" s="482"/>
      <c r="CP3" s="482"/>
      <c r="CQ3" s="482"/>
      <c r="CR3" s="482"/>
      <c r="CS3" s="482"/>
      <c r="CT3" s="482"/>
      <c r="CU3" s="482"/>
      <c r="CV3" s="482"/>
      <c r="CW3" s="483"/>
      <c r="CX3" s="481" t="s">
        <v>154</v>
      </c>
      <c r="CY3" s="482"/>
      <c r="CZ3" s="482"/>
      <c r="DA3" s="482"/>
      <c r="DB3" s="482"/>
      <c r="DC3" s="482"/>
      <c r="DD3" s="482"/>
      <c r="DE3" s="482"/>
      <c r="DF3" s="482"/>
      <c r="DG3" s="482"/>
      <c r="DH3" s="483"/>
    </row>
    <row r="4" spans="2:112" ht="21" customHeight="1" x14ac:dyDescent="0.2">
      <c r="B4" s="485"/>
      <c r="C4" s="489" t="s">
        <v>61</v>
      </c>
      <c r="D4" s="466"/>
      <c r="E4" s="467"/>
      <c r="F4" s="468" t="s">
        <v>62</v>
      </c>
      <c r="G4" s="466"/>
      <c r="H4" s="466"/>
      <c r="I4" s="466"/>
      <c r="J4" s="466"/>
      <c r="K4" s="466"/>
      <c r="L4" s="471"/>
      <c r="M4" s="469" t="s">
        <v>52</v>
      </c>
      <c r="N4" s="489" t="s">
        <v>61</v>
      </c>
      <c r="O4" s="466"/>
      <c r="P4" s="467"/>
      <c r="Q4" s="468" t="s">
        <v>62</v>
      </c>
      <c r="R4" s="466"/>
      <c r="S4" s="466"/>
      <c r="T4" s="466"/>
      <c r="U4" s="466"/>
      <c r="V4" s="466"/>
      <c r="W4" s="467"/>
      <c r="X4" s="469" t="s">
        <v>52</v>
      </c>
      <c r="Y4" s="465" t="s">
        <v>61</v>
      </c>
      <c r="Z4" s="466"/>
      <c r="AA4" s="471"/>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65" t="s">
        <v>61</v>
      </c>
      <c r="AV4" s="466"/>
      <c r="AW4" s="471"/>
      <c r="AX4" s="468" t="s">
        <v>62</v>
      </c>
      <c r="AY4" s="466"/>
      <c r="AZ4" s="466"/>
      <c r="BA4" s="466"/>
      <c r="BB4" s="466"/>
      <c r="BC4" s="466"/>
      <c r="BD4" s="471"/>
      <c r="BE4" s="469" t="s">
        <v>52</v>
      </c>
      <c r="BF4" s="465" t="s">
        <v>61</v>
      </c>
      <c r="BG4" s="466"/>
      <c r="BH4" s="467"/>
      <c r="BI4" s="468" t="s">
        <v>62</v>
      </c>
      <c r="BJ4" s="466"/>
      <c r="BK4" s="466"/>
      <c r="BL4" s="466"/>
      <c r="BM4" s="466"/>
      <c r="BN4" s="466"/>
      <c r="BO4" s="467"/>
      <c r="BP4" s="469" t="s">
        <v>52</v>
      </c>
      <c r="BQ4" s="465" t="s">
        <v>61</v>
      </c>
      <c r="BR4" s="466"/>
      <c r="BS4" s="467"/>
      <c r="BT4" s="468" t="s">
        <v>62</v>
      </c>
      <c r="BU4" s="466"/>
      <c r="BV4" s="466"/>
      <c r="BW4" s="466"/>
      <c r="BX4" s="466"/>
      <c r="BY4" s="466"/>
      <c r="BZ4" s="467"/>
      <c r="CA4" s="469" t="s">
        <v>52</v>
      </c>
      <c r="CB4" s="465" t="s">
        <v>61</v>
      </c>
      <c r="CC4" s="466"/>
      <c r="CD4" s="467"/>
      <c r="CE4" s="468" t="s">
        <v>62</v>
      </c>
      <c r="CF4" s="466"/>
      <c r="CG4" s="466"/>
      <c r="CH4" s="466"/>
      <c r="CI4" s="466"/>
      <c r="CJ4" s="466"/>
      <c r="CK4" s="467"/>
      <c r="CL4" s="469" t="s">
        <v>52</v>
      </c>
      <c r="CM4" s="465" t="s">
        <v>61</v>
      </c>
      <c r="CN4" s="466"/>
      <c r="CO4" s="467"/>
      <c r="CP4" s="468" t="s">
        <v>62</v>
      </c>
      <c r="CQ4" s="466"/>
      <c r="CR4" s="466"/>
      <c r="CS4" s="466"/>
      <c r="CT4" s="466"/>
      <c r="CU4" s="466"/>
      <c r="CV4" s="467"/>
      <c r="CW4" s="469" t="s">
        <v>52</v>
      </c>
      <c r="CX4" s="465" t="s">
        <v>61</v>
      </c>
      <c r="CY4" s="466"/>
      <c r="CZ4" s="467"/>
      <c r="DA4" s="468" t="s">
        <v>62</v>
      </c>
      <c r="DB4" s="466"/>
      <c r="DC4" s="466"/>
      <c r="DD4" s="466"/>
      <c r="DE4" s="466"/>
      <c r="DF4" s="466"/>
      <c r="DG4" s="467"/>
      <c r="DH4" s="469" t="s">
        <v>52</v>
      </c>
    </row>
    <row r="5" spans="2:112" ht="30" customHeight="1" thickBot="1" x14ac:dyDescent="0.25">
      <c r="B5" s="486"/>
      <c r="C5" s="204" t="s">
        <v>43</v>
      </c>
      <c r="D5" s="182" t="s">
        <v>44</v>
      </c>
      <c r="E5" s="205"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9">
        <v>0</v>
      </c>
      <c r="E6" s="206">
        <v>0</v>
      </c>
      <c r="F6" s="186">
        <v>0</v>
      </c>
      <c r="G6" s="184">
        <v>12369</v>
      </c>
      <c r="H6" s="184">
        <v>22196</v>
      </c>
      <c r="I6" s="184">
        <v>22418</v>
      </c>
      <c r="J6" s="184">
        <v>26257</v>
      </c>
      <c r="K6" s="184">
        <v>26507</v>
      </c>
      <c r="L6" s="187">
        <v>109747</v>
      </c>
      <c r="M6" s="188">
        <v>109747</v>
      </c>
      <c r="N6" s="183">
        <v>0</v>
      </c>
      <c r="O6" s="184">
        <v>9</v>
      </c>
      <c r="P6" s="189">
        <v>9</v>
      </c>
      <c r="Q6" s="186">
        <v>0</v>
      </c>
      <c r="R6" s="184">
        <v>33</v>
      </c>
      <c r="S6" s="184">
        <v>87</v>
      </c>
      <c r="T6" s="184">
        <v>261</v>
      </c>
      <c r="U6" s="184">
        <v>671</v>
      </c>
      <c r="V6" s="184">
        <v>1227</v>
      </c>
      <c r="W6" s="189">
        <v>2279</v>
      </c>
      <c r="X6" s="188">
        <v>2288</v>
      </c>
      <c r="Y6" s="183">
        <v>1651</v>
      </c>
      <c r="Z6" s="184">
        <v>4207</v>
      </c>
      <c r="AA6" s="189">
        <v>5858</v>
      </c>
      <c r="AB6" s="186">
        <v>0</v>
      </c>
      <c r="AC6" s="184">
        <v>10086</v>
      </c>
      <c r="AD6" s="184">
        <v>16198</v>
      </c>
      <c r="AE6" s="184">
        <v>9031</v>
      </c>
      <c r="AF6" s="184">
        <v>7932</v>
      </c>
      <c r="AG6" s="184">
        <v>5655</v>
      </c>
      <c r="AH6" s="189">
        <v>48902</v>
      </c>
      <c r="AI6" s="188">
        <v>54760</v>
      </c>
      <c r="AJ6" s="183">
        <v>262</v>
      </c>
      <c r="AK6" s="184">
        <v>889</v>
      </c>
      <c r="AL6" s="189">
        <v>1151</v>
      </c>
      <c r="AM6" s="186">
        <v>0</v>
      </c>
      <c r="AN6" s="184">
        <v>1282</v>
      </c>
      <c r="AO6" s="184">
        <v>1972</v>
      </c>
      <c r="AP6" s="184">
        <v>933</v>
      </c>
      <c r="AQ6" s="184">
        <v>1141</v>
      </c>
      <c r="AR6" s="184">
        <v>675</v>
      </c>
      <c r="AS6" s="189">
        <v>6003</v>
      </c>
      <c r="AT6" s="188">
        <v>7154</v>
      </c>
      <c r="AU6" s="183">
        <v>0</v>
      </c>
      <c r="AV6" s="184">
        <v>0</v>
      </c>
      <c r="AW6" s="189">
        <v>0</v>
      </c>
      <c r="AX6" s="186">
        <v>0</v>
      </c>
      <c r="AY6" s="184">
        <v>11113</v>
      </c>
      <c r="AZ6" s="184">
        <v>10580</v>
      </c>
      <c r="BA6" s="184">
        <v>6046</v>
      </c>
      <c r="BB6" s="184">
        <v>3178</v>
      </c>
      <c r="BC6" s="184">
        <v>1308</v>
      </c>
      <c r="BD6" s="187">
        <v>32225</v>
      </c>
      <c r="BE6" s="188">
        <v>32225</v>
      </c>
      <c r="BF6" s="183">
        <v>0</v>
      </c>
      <c r="BG6" s="184">
        <v>0</v>
      </c>
      <c r="BH6" s="189">
        <v>0</v>
      </c>
      <c r="BI6" s="186">
        <v>0</v>
      </c>
      <c r="BJ6" s="184">
        <v>2431</v>
      </c>
      <c r="BK6" s="184">
        <v>3114</v>
      </c>
      <c r="BL6" s="184">
        <v>2242</v>
      </c>
      <c r="BM6" s="184">
        <v>1302</v>
      </c>
      <c r="BN6" s="184">
        <v>413</v>
      </c>
      <c r="BO6" s="189">
        <v>9502</v>
      </c>
      <c r="BP6" s="188">
        <v>9502</v>
      </c>
      <c r="BQ6" s="183">
        <v>28</v>
      </c>
      <c r="BR6" s="184">
        <v>61</v>
      </c>
      <c r="BS6" s="189">
        <v>89</v>
      </c>
      <c r="BT6" s="186">
        <v>0</v>
      </c>
      <c r="BU6" s="184">
        <v>1177</v>
      </c>
      <c r="BV6" s="184">
        <v>1881</v>
      </c>
      <c r="BW6" s="184">
        <v>2581</v>
      </c>
      <c r="BX6" s="184">
        <v>2146</v>
      </c>
      <c r="BY6" s="184">
        <v>945</v>
      </c>
      <c r="BZ6" s="189">
        <v>8730</v>
      </c>
      <c r="CA6" s="188">
        <v>8819</v>
      </c>
      <c r="CB6" s="183">
        <v>7</v>
      </c>
      <c r="CC6" s="184">
        <v>6</v>
      </c>
      <c r="CD6" s="189">
        <v>13</v>
      </c>
      <c r="CE6" s="186">
        <v>0</v>
      </c>
      <c r="CF6" s="184">
        <v>129</v>
      </c>
      <c r="CG6" s="184">
        <v>276</v>
      </c>
      <c r="CH6" s="184">
        <v>376</v>
      </c>
      <c r="CI6" s="184">
        <v>537</v>
      </c>
      <c r="CJ6" s="184">
        <v>215</v>
      </c>
      <c r="CK6" s="189">
        <v>1533</v>
      </c>
      <c r="CL6" s="188">
        <v>1546</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6">
        <v>0</v>
      </c>
      <c r="E7" s="207">
        <v>0</v>
      </c>
      <c r="F7" s="193">
        <v>0</v>
      </c>
      <c r="G7" s="191">
        <v>4546</v>
      </c>
      <c r="H7" s="191">
        <v>9149</v>
      </c>
      <c r="I7" s="191">
        <v>8619</v>
      </c>
      <c r="J7" s="191">
        <v>11235</v>
      </c>
      <c r="K7" s="191">
        <v>11149</v>
      </c>
      <c r="L7" s="194">
        <v>44698</v>
      </c>
      <c r="M7" s="195">
        <v>44698</v>
      </c>
      <c r="N7" s="190">
        <v>0</v>
      </c>
      <c r="O7" s="191">
        <v>9</v>
      </c>
      <c r="P7" s="196">
        <v>9</v>
      </c>
      <c r="Q7" s="193">
        <v>0</v>
      </c>
      <c r="R7" s="191">
        <v>10</v>
      </c>
      <c r="S7" s="191">
        <v>35</v>
      </c>
      <c r="T7" s="191">
        <v>81</v>
      </c>
      <c r="U7" s="191">
        <v>236</v>
      </c>
      <c r="V7" s="191">
        <v>720</v>
      </c>
      <c r="W7" s="196">
        <v>1082</v>
      </c>
      <c r="X7" s="195">
        <v>1091</v>
      </c>
      <c r="Y7" s="190">
        <v>764</v>
      </c>
      <c r="Z7" s="191">
        <v>2342</v>
      </c>
      <c r="AA7" s="196">
        <v>3106</v>
      </c>
      <c r="AB7" s="193">
        <v>0</v>
      </c>
      <c r="AC7" s="191">
        <v>3503</v>
      </c>
      <c r="AD7" s="191">
        <v>8978</v>
      </c>
      <c r="AE7" s="191">
        <v>4405</v>
      </c>
      <c r="AF7" s="191">
        <v>4041</v>
      </c>
      <c r="AG7" s="191">
        <v>2778</v>
      </c>
      <c r="AH7" s="196">
        <v>23705</v>
      </c>
      <c r="AI7" s="195">
        <v>26811</v>
      </c>
      <c r="AJ7" s="190">
        <v>106</v>
      </c>
      <c r="AK7" s="191">
        <v>569</v>
      </c>
      <c r="AL7" s="196">
        <v>675</v>
      </c>
      <c r="AM7" s="193">
        <v>0</v>
      </c>
      <c r="AN7" s="191">
        <v>463</v>
      </c>
      <c r="AO7" s="191">
        <v>888</v>
      </c>
      <c r="AP7" s="191">
        <v>362</v>
      </c>
      <c r="AQ7" s="191">
        <v>496</v>
      </c>
      <c r="AR7" s="191">
        <v>326</v>
      </c>
      <c r="AS7" s="196">
        <v>2535</v>
      </c>
      <c r="AT7" s="195">
        <v>3210</v>
      </c>
      <c r="AU7" s="190">
        <v>0</v>
      </c>
      <c r="AV7" s="191">
        <v>0</v>
      </c>
      <c r="AW7" s="196">
        <v>0</v>
      </c>
      <c r="AX7" s="193">
        <v>0</v>
      </c>
      <c r="AY7" s="191">
        <v>3757</v>
      </c>
      <c r="AZ7" s="191">
        <v>4482</v>
      </c>
      <c r="BA7" s="191">
        <v>2288</v>
      </c>
      <c r="BB7" s="191">
        <v>1055</v>
      </c>
      <c r="BC7" s="191">
        <v>409</v>
      </c>
      <c r="BD7" s="194">
        <v>11991</v>
      </c>
      <c r="BE7" s="195">
        <v>11991</v>
      </c>
      <c r="BF7" s="190">
        <v>0</v>
      </c>
      <c r="BG7" s="191">
        <v>0</v>
      </c>
      <c r="BH7" s="196">
        <v>0</v>
      </c>
      <c r="BI7" s="193">
        <v>0</v>
      </c>
      <c r="BJ7" s="191">
        <v>722</v>
      </c>
      <c r="BK7" s="191">
        <v>1483</v>
      </c>
      <c r="BL7" s="191">
        <v>1085</v>
      </c>
      <c r="BM7" s="191">
        <v>620</v>
      </c>
      <c r="BN7" s="191">
        <v>227</v>
      </c>
      <c r="BO7" s="196">
        <v>4137</v>
      </c>
      <c r="BP7" s="195">
        <v>4137</v>
      </c>
      <c r="BQ7" s="190">
        <v>0</v>
      </c>
      <c r="BR7" s="191">
        <v>34</v>
      </c>
      <c r="BS7" s="196">
        <v>34</v>
      </c>
      <c r="BT7" s="193">
        <v>0</v>
      </c>
      <c r="BU7" s="191">
        <v>445</v>
      </c>
      <c r="BV7" s="191">
        <v>832</v>
      </c>
      <c r="BW7" s="191">
        <v>1140</v>
      </c>
      <c r="BX7" s="191">
        <v>914</v>
      </c>
      <c r="BY7" s="191">
        <v>444</v>
      </c>
      <c r="BZ7" s="196">
        <v>3775</v>
      </c>
      <c r="CA7" s="195">
        <v>3809</v>
      </c>
      <c r="CB7" s="190">
        <v>7</v>
      </c>
      <c r="CC7" s="191">
        <v>6</v>
      </c>
      <c r="CD7" s="196">
        <v>13</v>
      </c>
      <c r="CE7" s="193">
        <v>0</v>
      </c>
      <c r="CF7" s="191">
        <v>30</v>
      </c>
      <c r="CG7" s="191">
        <v>153</v>
      </c>
      <c r="CH7" s="191">
        <v>194</v>
      </c>
      <c r="CI7" s="191">
        <v>346</v>
      </c>
      <c r="CJ7" s="191">
        <v>111</v>
      </c>
      <c r="CK7" s="196">
        <v>834</v>
      </c>
      <c r="CL7" s="195">
        <v>847</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6">
        <v>0</v>
      </c>
      <c r="E8" s="207">
        <v>0</v>
      </c>
      <c r="F8" s="193">
        <v>0</v>
      </c>
      <c r="G8" s="191">
        <v>2036</v>
      </c>
      <c r="H8" s="191">
        <v>3623</v>
      </c>
      <c r="I8" s="191">
        <v>2884</v>
      </c>
      <c r="J8" s="191">
        <v>3931</v>
      </c>
      <c r="K8" s="191">
        <v>4837</v>
      </c>
      <c r="L8" s="194">
        <v>17311</v>
      </c>
      <c r="M8" s="195">
        <v>17311</v>
      </c>
      <c r="N8" s="190">
        <v>0</v>
      </c>
      <c r="O8" s="191">
        <v>0</v>
      </c>
      <c r="P8" s="196">
        <v>0</v>
      </c>
      <c r="Q8" s="193">
        <v>0</v>
      </c>
      <c r="R8" s="191">
        <v>12</v>
      </c>
      <c r="S8" s="191">
        <v>10</v>
      </c>
      <c r="T8" s="191">
        <v>60</v>
      </c>
      <c r="U8" s="191">
        <v>131</v>
      </c>
      <c r="V8" s="191">
        <v>122</v>
      </c>
      <c r="W8" s="196">
        <v>335</v>
      </c>
      <c r="X8" s="195">
        <v>335</v>
      </c>
      <c r="Y8" s="190">
        <v>335</v>
      </c>
      <c r="Z8" s="191">
        <v>693</v>
      </c>
      <c r="AA8" s="196">
        <v>1028</v>
      </c>
      <c r="AB8" s="193">
        <v>0</v>
      </c>
      <c r="AC8" s="191">
        <v>2701</v>
      </c>
      <c r="AD8" s="191">
        <v>2625</v>
      </c>
      <c r="AE8" s="191">
        <v>1737</v>
      </c>
      <c r="AF8" s="191">
        <v>1251</v>
      </c>
      <c r="AG8" s="191">
        <v>1045</v>
      </c>
      <c r="AH8" s="196">
        <v>9359</v>
      </c>
      <c r="AI8" s="195">
        <v>10387</v>
      </c>
      <c r="AJ8" s="190">
        <v>12</v>
      </c>
      <c r="AK8" s="191">
        <v>89</v>
      </c>
      <c r="AL8" s="196">
        <v>101</v>
      </c>
      <c r="AM8" s="193">
        <v>0</v>
      </c>
      <c r="AN8" s="191">
        <v>236</v>
      </c>
      <c r="AO8" s="191">
        <v>298</v>
      </c>
      <c r="AP8" s="191">
        <v>164</v>
      </c>
      <c r="AQ8" s="191">
        <v>212</v>
      </c>
      <c r="AR8" s="191">
        <v>65</v>
      </c>
      <c r="AS8" s="196">
        <v>975</v>
      </c>
      <c r="AT8" s="195">
        <v>1076</v>
      </c>
      <c r="AU8" s="190">
        <v>0</v>
      </c>
      <c r="AV8" s="191">
        <v>0</v>
      </c>
      <c r="AW8" s="196">
        <v>0</v>
      </c>
      <c r="AX8" s="193">
        <v>0</v>
      </c>
      <c r="AY8" s="191">
        <v>2026</v>
      </c>
      <c r="AZ8" s="191">
        <v>1781</v>
      </c>
      <c r="BA8" s="191">
        <v>915</v>
      </c>
      <c r="BB8" s="191">
        <v>551</v>
      </c>
      <c r="BC8" s="191">
        <v>213</v>
      </c>
      <c r="BD8" s="194">
        <v>5486</v>
      </c>
      <c r="BE8" s="195">
        <v>5486</v>
      </c>
      <c r="BF8" s="190">
        <v>0</v>
      </c>
      <c r="BG8" s="191">
        <v>0</v>
      </c>
      <c r="BH8" s="196">
        <v>0</v>
      </c>
      <c r="BI8" s="193">
        <v>0</v>
      </c>
      <c r="BJ8" s="191">
        <v>500</v>
      </c>
      <c r="BK8" s="191">
        <v>426</v>
      </c>
      <c r="BL8" s="191">
        <v>251</v>
      </c>
      <c r="BM8" s="191">
        <v>156</v>
      </c>
      <c r="BN8" s="191">
        <v>41</v>
      </c>
      <c r="BO8" s="196">
        <v>1374</v>
      </c>
      <c r="BP8" s="195">
        <v>1374</v>
      </c>
      <c r="BQ8" s="190">
        <v>0</v>
      </c>
      <c r="BR8" s="191">
        <v>6</v>
      </c>
      <c r="BS8" s="196">
        <v>6</v>
      </c>
      <c r="BT8" s="193">
        <v>0</v>
      </c>
      <c r="BU8" s="191">
        <v>189</v>
      </c>
      <c r="BV8" s="191">
        <v>281</v>
      </c>
      <c r="BW8" s="191">
        <v>326</v>
      </c>
      <c r="BX8" s="191">
        <v>286</v>
      </c>
      <c r="BY8" s="191">
        <v>81</v>
      </c>
      <c r="BZ8" s="196">
        <v>1163</v>
      </c>
      <c r="CA8" s="195">
        <v>1169</v>
      </c>
      <c r="CB8" s="190">
        <v>0</v>
      </c>
      <c r="CC8" s="191">
        <v>0</v>
      </c>
      <c r="CD8" s="196">
        <v>0</v>
      </c>
      <c r="CE8" s="193">
        <v>0</v>
      </c>
      <c r="CF8" s="191">
        <v>10</v>
      </c>
      <c r="CG8" s="191">
        <v>69</v>
      </c>
      <c r="CH8" s="191">
        <v>65</v>
      </c>
      <c r="CI8" s="191">
        <v>88</v>
      </c>
      <c r="CJ8" s="191">
        <v>44</v>
      </c>
      <c r="CK8" s="196">
        <v>276</v>
      </c>
      <c r="CL8" s="195">
        <v>276</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6">
        <v>0</v>
      </c>
      <c r="E9" s="207">
        <v>0</v>
      </c>
      <c r="F9" s="193">
        <v>0</v>
      </c>
      <c r="G9" s="191">
        <v>569</v>
      </c>
      <c r="H9" s="191">
        <v>1400</v>
      </c>
      <c r="I9" s="191">
        <v>1416</v>
      </c>
      <c r="J9" s="191">
        <v>1336</v>
      </c>
      <c r="K9" s="191">
        <v>2116</v>
      </c>
      <c r="L9" s="194">
        <v>6837</v>
      </c>
      <c r="M9" s="195">
        <v>6837</v>
      </c>
      <c r="N9" s="190">
        <v>0</v>
      </c>
      <c r="O9" s="191">
        <v>0</v>
      </c>
      <c r="P9" s="196">
        <v>0</v>
      </c>
      <c r="Q9" s="193">
        <v>0</v>
      </c>
      <c r="R9" s="191">
        <v>0</v>
      </c>
      <c r="S9" s="191">
        <v>4</v>
      </c>
      <c r="T9" s="191">
        <v>29</v>
      </c>
      <c r="U9" s="191">
        <v>52</v>
      </c>
      <c r="V9" s="191">
        <v>74</v>
      </c>
      <c r="W9" s="196">
        <v>159</v>
      </c>
      <c r="X9" s="195">
        <v>159</v>
      </c>
      <c r="Y9" s="190">
        <v>42</v>
      </c>
      <c r="Z9" s="191">
        <v>175</v>
      </c>
      <c r="AA9" s="196">
        <v>217</v>
      </c>
      <c r="AB9" s="193">
        <v>0</v>
      </c>
      <c r="AC9" s="191">
        <v>424</v>
      </c>
      <c r="AD9" s="191">
        <v>771</v>
      </c>
      <c r="AE9" s="191">
        <v>563</v>
      </c>
      <c r="AF9" s="191">
        <v>480</v>
      </c>
      <c r="AG9" s="191">
        <v>372</v>
      </c>
      <c r="AH9" s="196">
        <v>2610</v>
      </c>
      <c r="AI9" s="195">
        <v>2827</v>
      </c>
      <c r="AJ9" s="190">
        <v>0</v>
      </c>
      <c r="AK9" s="191">
        <v>25</v>
      </c>
      <c r="AL9" s="196">
        <v>25</v>
      </c>
      <c r="AM9" s="193">
        <v>0</v>
      </c>
      <c r="AN9" s="191">
        <v>0</v>
      </c>
      <c r="AO9" s="191">
        <v>100</v>
      </c>
      <c r="AP9" s="191">
        <v>6</v>
      </c>
      <c r="AQ9" s="191">
        <v>59</v>
      </c>
      <c r="AR9" s="191">
        <v>38</v>
      </c>
      <c r="AS9" s="196">
        <v>203</v>
      </c>
      <c r="AT9" s="195">
        <v>228</v>
      </c>
      <c r="AU9" s="190">
        <v>0</v>
      </c>
      <c r="AV9" s="191">
        <v>0</v>
      </c>
      <c r="AW9" s="196">
        <v>0</v>
      </c>
      <c r="AX9" s="193">
        <v>0</v>
      </c>
      <c r="AY9" s="191">
        <v>759</v>
      </c>
      <c r="AZ9" s="191">
        <v>839</v>
      </c>
      <c r="BA9" s="191">
        <v>648</v>
      </c>
      <c r="BB9" s="191">
        <v>261</v>
      </c>
      <c r="BC9" s="191">
        <v>175</v>
      </c>
      <c r="BD9" s="194">
        <v>2682</v>
      </c>
      <c r="BE9" s="195">
        <v>2682</v>
      </c>
      <c r="BF9" s="190">
        <v>0</v>
      </c>
      <c r="BG9" s="191">
        <v>0</v>
      </c>
      <c r="BH9" s="196">
        <v>0</v>
      </c>
      <c r="BI9" s="193">
        <v>0</v>
      </c>
      <c r="BJ9" s="191">
        <v>26</v>
      </c>
      <c r="BK9" s="191">
        <v>114</v>
      </c>
      <c r="BL9" s="191">
        <v>114</v>
      </c>
      <c r="BM9" s="191">
        <v>98</v>
      </c>
      <c r="BN9" s="191">
        <v>7</v>
      </c>
      <c r="BO9" s="196">
        <v>359</v>
      </c>
      <c r="BP9" s="195">
        <v>359</v>
      </c>
      <c r="BQ9" s="190">
        <v>0</v>
      </c>
      <c r="BR9" s="191">
        <v>0</v>
      </c>
      <c r="BS9" s="196">
        <v>0</v>
      </c>
      <c r="BT9" s="193">
        <v>0</v>
      </c>
      <c r="BU9" s="191">
        <v>57</v>
      </c>
      <c r="BV9" s="191">
        <v>101</v>
      </c>
      <c r="BW9" s="191">
        <v>202</v>
      </c>
      <c r="BX9" s="191">
        <v>289</v>
      </c>
      <c r="BY9" s="191">
        <v>64</v>
      </c>
      <c r="BZ9" s="196">
        <v>713</v>
      </c>
      <c r="CA9" s="195">
        <v>713</v>
      </c>
      <c r="CB9" s="190">
        <v>0</v>
      </c>
      <c r="CC9" s="191">
        <v>0</v>
      </c>
      <c r="CD9" s="196">
        <v>0</v>
      </c>
      <c r="CE9" s="193">
        <v>0</v>
      </c>
      <c r="CF9" s="191">
        <v>15</v>
      </c>
      <c r="CG9" s="191">
        <v>5</v>
      </c>
      <c r="CH9" s="191">
        <v>6</v>
      </c>
      <c r="CI9" s="191">
        <v>0</v>
      </c>
      <c r="CJ9" s="191">
        <v>0</v>
      </c>
      <c r="CK9" s="196">
        <v>26</v>
      </c>
      <c r="CL9" s="195">
        <v>26</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6">
        <v>0</v>
      </c>
      <c r="E10" s="207">
        <v>0</v>
      </c>
      <c r="F10" s="193">
        <v>0</v>
      </c>
      <c r="G10" s="191">
        <v>860</v>
      </c>
      <c r="H10" s="191">
        <v>717</v>
      </c>
      <c r="I10" s="191">
        <v>925</v>
      </c>
      <c r="J10" s="191">
        <v>1038</v>
      </c>
      <c r="K10" s="191">
        <v>668</v>
      </c>
      <c r="L10" s="194">
        <v>4208</v>
      </c>
      <c r="M10" s="195">
        <v>4208</v>
      </c>
      <c r="N10" s="190">
        <v>0</v>
      </c>
      <c r="O10" s="191">
        <v>0</v>
      </c>
      <c r="P10" s="196">
        <v>0</v>
      </c>
      <c r="Q10" s="193">
        <v>0</v>
      </c>
      <c r="R10" s="191">
        <v>3</v>
      </c>
      <c r="S10" s="191">
        <v>0</v>
      </c>
      <c r="T10" s="191">
        <v>6</v>
      </c>
      <c r="U10" s="191">
        <v>38</v>
      </c>
      <c r="V10" s="191">
        <v>60</v>
      </c>
      <c r="W10" s="196">
        <v>107</v>
      </c>
      <c r="X10" s="195">
        <v>107</v>
      </c>
      <c r="Y10" s="190">
        <v>0</v>
      </c>
      <c r="Z10" s="191">
        <v>31</v>
      </c>
      <c r="AA10" s="196">
        <v>31</v>
      </c>
      <c r="AB10" s="193">
        <v>0</v>
      </c>
      <c r="AC10" s="191">
        <v>343</v>
      </c>
      <c r="AD10" s="191">
        <v>223</v>
      </c>
      <c r="AE10" s="191">
        <v>301</v>
      </c>
      <c r="AF10" s="191">
        <v>148</v>
      </c>
      <c r="AG10" s="191">
        <v>167</v>
      </c>
      <c r="AH10" s="196">
        <v>1182</v>
      </c>
      <c r="AI10" s="195">
        <v>1213</v>
      </c>
      <c r="AJ10" s="190">
        <v>8</v>
      </c>
      <c r="AK10" s="191">
        <v>4</v>
      </c>
      <c r="AL10" s="196">
        <v>12</v>
      </c>
      <c r="AM10" s="193">
        <v>0</v>
      </c>
      <c r="AN10" s="191">
        <v>53</v>
      </c>
      <c r="AO10" s="191">
        <v>58</v>
      </c>
      <c r="AP10" s="191">
        <v>30</v>
      </c>
      <c r="AQ10" s="191">
        <v>51</v>
      </c>
      <c r="AR10" s="191">
        <v>0</v>
      </c>
      <c r="AS10" s="196">
        <v>192</v>
      </c>
      <c r="AT10" s="195">
        <v>204</v>
      </c>
      <c r="AU10" s="190">
        <v>0</v>
      </c>
      <c r="AV10" s="191">
        <v>0</v>
      </c>
      <c r="AW10" s="196">
        <v>0</v>
      </c>
      <c r="AX10" s="193">
        <v>0</v>
      </c>
      <c r="AY10" s="191">
        <v>681</v>
      </c>
      <c r="AZ10" s="191">
        <v>291</v>
      </c>
      <c r="BA10" s="191">
        <v>172</v>
      </c>
      <c r="BB10" s="191">
        <v>88</v>
      </c>
      <c r="BC10" s="191">
        <v>23</v>
      </c>
      <c r="BD10" s="194">
        <v>1255</v>
      </c>
      <c r="BE10" s="195">
        <v>1255</v>
      </c>
      <c r="BF10" s="190">
        <v>0</v>
      </c>
      <c r="BG10" s="191">
        <v>0</v>
      </c>
      <c r="BH10" s="196">
        <v>0</v>
      </c>
      <c r="BI10" s="193">
        <v>0</v>
      </c>
      <c r="BJ10" s="191">
        <v>122</v>
      </c>
      <c r="BK10" s="191">
        <v>72</v>
      </c>
      <c r="BL10" s="191">
        <v>51</v>
      </c>
      <c r="BM10" s="191">
        <v>41</v>
      </c>
      <c r="BN10" s="191">
        <v>0</v>
      </c>
      <c r="BO10" s="196">
        <v>286</v>
      </c>
      <c r="BP10" s="195">
        <v>286</v>
      </c>
      <c r="BQ10" s="190">
        <v>0</v>
      </c>
      <c r="BR10" s="191">
        <v>0</v>
      </c>
      <c r="BS10" s="196">
        <v>0</v>
      </c>
      <c r="BT10" s="193">
        <v>0</v>
      </c>
      <c r="BU10" s="191">
        <v>83</v>
      </c>
      <c r="BV10" s="191">
        <v>41</v>
      </c>
      <c r="BW10" s="191">
        <v>19</v>
      </c>
      <c r="BX10" s="191">
        <v>75</v>
      </c>
      <c r="BY10" s="191">
        <v>29</v>
      </c>
      <c r="BZ10" s="196">
        <v>247</v>
      </c>
      <c r="CA10" s="195">
        <v>247</v>
      </c>
      <c r="CB10" s="190">
        <v>0</v>
      </c>
      <c r="CC10" s="191">
        <v>0</v>
      </c>
      <c r="CD10" s="196">
        <v>0</v>
      </c>
      <c r="CE10" s="193">
        <v>0</v>
      </c>
      <c r="CF10" s="191">
        <v>0</v>
      </c>
      <c r="CG10" s="191">
        <v>12</v>
      </c>
      <c r="CH10" s="191">
        <v>8</v>
      </c>
      <c r="CI10" s="191">
        <v>0</v>
      </c>
      <c r="CJ10" s="191">
        <v>0</v>
      </c>
      <c r="CK10" s="196">
        <v>20</v>
      </c>
      <c r="CL10" s="195">
        <v>20</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6">
        <v>0</v>
      </c>
      <c r="E11" s="207">
        <v>0</v>
      </c>
      <c r="F11" s="193">
        <v>0</v>
      </c>
      <c r="G11" s="191">
        <v>296</v>
      </c>
      <c r="H11" s="191">
        <v>390</v>
      </c>
      <c r="I11" s="191">
        <v>774</v>
      </c>
      <c r="J11" s="191">
        <v>658</v>
      </c>
      <c r="K11" s="191">
        <v>826</v>
      </c>
      <c r="L11" s="194">
        <v>2944</v>
      </c>
      <c r="M11" s="195">
        <v>2944</v>
      </c>
      <c r="N11" s="190">
        <v>0</v>
      </c>
      <c r="O11" s="191">
        <v>0</v>
      </c>
      <c r="P11" s="196">
        <v>0</v>
      </c>
      <c r="Q11" s="193">
        <v>0</v>
      </c>
      <c r="R11" s="191">
        <v>0</v>
      </c>
      <c r="S11" s="191">
        <v>9</v>
      </c>
      <c r="T11" s="191">
        <v>8</v>
      </c>
      <c r="U11" s="191">
        <v>2</v>
      </c>
      <c r="V11" s="191">
        <v>18</v>
      </c>
      <c r="W11" s="196">
        <v>37</v>
      </c>
      <c r="X11" s="195">
        <v>37</v>
      </c>
      <c r="Y11" s="190">
        <v>25</v>
      </c>
      <c r="Z11" s="191">
        <v>33</v>
      </c>
      <c r="AA11" s="196">
        <v>58</v>
      </c>
      <c r="AB11" s="193">
        <v>0</v>
      </c>
      <c r="AC11" s="191">
        <v>145</v>
      </c>
      <c r="AD11" s="191">
        <v>202</v>
      </c>
      <c r="AE11" s="191">
        <v>127</v>
      </c>
      <c r="AF11" s="191">
        <v>145</v>
      </c>
      <c r="AG11" s="191">
        <v>117</v>
      </c>
      <c r="AH11" s="196">
        <v>736</v>
      </c>
      <c r="AI11" s="195">
        <v>794</v>
      </c>
      <c r="AJ11" s="190">
        <v>0</v>
      </c>
      <c r="AK11" s="191">
        <v>14</v>
      </c>
      <c r="AL11" s="196">
        <v>14</v>
      </c>
      <c r="AM11" s="193">
        <v>0</v>
      </c>
      <c r="AN11" s="191">
        <v>124</v>
      </c>
      <c r="AO11" s="191">
        <v>56</v>
      </c>
      <c r="AP11" s="191">
        <v>20</v>
      </c>
      <c r="AQ11" s="191">
        <v>31</v>
      </c>
      <c r="AR11" s="191">
        <v>6</v>
      </c>
      <c r="AS11" s="196">
        <v>237</v>
      </c>
      <c r="AT11" s="195">
        <v>251</v>
      </c>
      <c r="AU11" s="190">
        <v>0</v>
      </c>
      <c r="AV11" s="191">
        <v>0</v>
      </c>
      <c r="AW11" s="196">
        <v>0</v>
      </c>
      <c r="AX11" s="193">
        <v>0</v>
      </c>
      <c r="AY11" s="191">
        <v>199</v>
      </c>
      <c r="AZ11" s="191">
        <v>269</v>
      </c>
      <c r="BA11" s="191">
        <v>173</v>
      </c>
      <c r="BB11" s="191">
        <v>51</v>
      </c>
      <c r="BC11" s="191">
        <v>56</v>
      </c>
      <c r="BD11" s="194">
        <v>748</v>
      </c>
      <c r="BE11" s="195">
        <v>748</v>
      </c>
      <c r="BF11" s="190">
        <v>0</v>
      </c>
      <c r="BG11" s="191">
        <v>0</v>
      </c>
      <c r="BH11" s="196">
        <v>0</v>
      </c>
      <c r="BI11" s="193">
        <v>0</v>
      </c>
      <c r="BJ11" s="191">
        <v>78</v>
      </c>
      <c r="BK11" s="191">
        <v>51</v>
      </c>
      <c r="BL11" s="191">
        <v>83</v>
      </c>
      <c r="BM11" s="191">
        <v>43</v>
      </c>
      <c r="BN11" s="191">
        <v>23</v>
      </c>
      <c r="BO11" s="196">
        <v>278</v>
      </c>
      <c r="BP11" s="195">
        <v>278</v>
      </c>
      <c r="BQ11" s="190">
        <v>10</v>
      </c>
      <c r="BR11" s="191">
        <v>0</v>
      </c>
      <c r="BS11" s="196">
        <v>10</v>
      </c>
      <c r="BT11" s="193">
        <v>0</v>
      </c>
      <c r="BU11" s="191">
        <v>65</v>
      </c>
      <c r="BV11" s="191">
        <v>71</v>
      </c>
      <c r="BW11" s="191">
        <v>137</v>
      </c>
      <c r="BX11" s="191">
        <v>18</v>
      </c>
      <c r="BY11" s="191">
        <v>29</v>
      </c>
      <c r="BZ11" s="196">
        <v>320</v>
      </c>
      <c r="CA11" s="195">
        <v>330</v>
      </c>
      <c r="CB11" s="190">
        <v>0</v>
      </c>
      <c r="CC11" s="191">
        <v>0</v>
      </c>
      <c r="CD11" s="196">
        <v>0</v>
      </c>
      <c r="CE11" s="193">
        <v>0</v>
      </c>
      <c r="CF11" s="191">
        <v>0</v>
      </c>
      <c r="CG11" s="191">
        <v>0</v>
      </c>
      <c r="CH11" s="191">
        <v>3</v>
      </c>
      <c r="CI11" s="191">
        <v>2</v>
      </c>
      <c r="CJ11" s="191">
        <v>6</v>
      </c>
      <c r="CK11" s="196">
        <v>11</v>
      </c>
      <c r="CL11" s="195">
        <v>11</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6">
        <v>0</v>
      </c>
      <c r="E12" s="207">
        <v>0</v>
      </c>
      <c r="F12" s="193">
        <v>0</v>
      </c>
      <c r="G12" s="191">
        <v>655</v>
      </c>
      <c r="H12" s="191">
        <v>729</v>
      </c>
      <c r="I12" s="191">
        <v>1134</v>
      </c>
      <c r="J12" s="191">
        <v>1773</v>
      </c>
      <c r="K12" s="191">
        <v>893</v>
      </c>
      <c r="L12" s="194">
        <v>5184</v>
      </c>
      <c r="M12" s="195">
        <v>5184</v>
      </c>
      <c r="N12" s="190">
        <v>0</v>
      </c>
      <c r="O12" s="191">
        <v>0</v>
      </c>
      <c r="P12" s="196">
        <v>0</v>
      </c>
      <c r="Q12" s="193">
        <v>0</v>
      </c>
      <c r="R12" s="191">
        <v>6</v>
      </c>
      <c r="S12" s="191">
        <v>0</v>
      </c>
      <c r="T12" s="191">
        <v>4</v>
      </c>
      <c r="U12" s="191">
        <v>45</v>
      </c>
      <c r="V12" s="191">
        <v>25</v>
      </c>
      <c r="W12" s="196">
        <v>80</v>
      </c>
      <c r="X12" s="195">
        <v>80</v>
      </c>
      <c r="Y12" s="190">
        <v>54</v>
      </c>
      <c r="Z12" s="191">
        <v>136</v>
      </c>
      <c r="AA12" s="196">
        <v>190</v>
      </c>
      <c r="AB12" s="193">
        <v>0</v>
      </c>
      <c r="AC12" s="191">
        <v>462</v>
      </c>
      <c r="AD12" s="191">
        <v>532</v>
      </c>
      <c r="AE12" s="191">
        <v>321</v>
      </c>
      <c r="AF12" s="191">
        <v>355</v>
      </c>
      <c r="AG12" s="191">
        <v>164</v>
      </c>
      <c r="AH12" s="196">
        <v>1834</v>
      </c>
      <c r="AI12" s="195">
        <v>2024</v>
      </c>
      <c r="AJ12" s="190">
        <v>0</v>
      </c>
      <c r="AK12" s="191">
        <v>0</v>
      </c>
      <c r="AL12" s="196">
        <v>0</v>
      </c>
      <c r="AM12" s="193">
        <v>0</v>
      </c>
      <c r="AN12" s="191">
        <v>34</v>
      </c>
      <c r="AO12" s="191">
        <v>100</v>
      </c>
      <c r="AP12" s="191">
        <v>26</v>
      </c>
      <c r="AQ12" s="191">
        <v>65</v>
      </c>
      <c r="AR12" s="191">
        <v>31</v>
      </c>
      <c r="AS12" s="196">
        <v>256</v>
      </c>
      <c r="AT12" s="195">
        <v>256</v>
      </c>
      <c r="AU12" s="190">
        <v>0</v>
      </c>
      <c r="AV12" s="191">
        <v>0</v>
      </c>
      <c r="AW12" s="196">
        <v>0</v>
      </c>
      <c r="AX12" s="193">
        <v>0</v>
      </c>
      <c r="AY12" s="191">
        <v>465</v>
      </c>
      <c r="AZ12" s="191">
        <v>355</v>
      </c>
      <c r="BA12" s="191">
        <v>302</v>
      </c>
      <c r="BB12" s="191">
        <v>167</v>
      </c>
      <c r="BC12" s="191">
        <v>25</v>
      </c>
      <c r="BD12" s="194">
        <v>1314</v>
      </c>
      <c r="BE12" s="195">
        <v>1314</v>
      </c>
      <c r="BF12" s="190">
        <v>0</v>
      </c>
      <c r="BG12" s="191">
        <v>0</v>
      </c>
      <c r="BH12" s="196">
        <v>0</v>
      </c>
      <c r="BI12" s="193">
        <v>0</v>
      </c>
      <c r="BJ12" s="191">
        <v>138</v>
      </c>
      <c r="BK12" s="191">
        <v>78</v>
      </c>
      <c r="BL12" s="191">
        <v>86</v>
      </c>
      <c r="BM12" s="191">
        <v>54</v>
      </c>
      <c r="BN12" s="191">
        <v>34</v>
      </c>
      <c r="BO12" s="196">
        <v>390</v>
      </c>
      <c r="BP12" s="195">
        <v>390</v>
      </c>
      <c r="BQ12" s="190">
        <v>12</v>
      </c>
      <c r="BR12" s="191">
        <v>5</v>
      </c>
      <c r="BS12" s="196">
        <v>17</v>
      </c>
      <c r="BT12" s="193">
        <v>0</v>
      </c>
      <c r="BU12" s="191">
        <v>22</v>
      </c>
      <c r="BV12" s="191">
        <v>35</v>
      </c>
      <c r="BW12" s="191">
        <v>115</v>
      </c>
      <c r="BX12" s="191">
        <v>128</v>
      </c>
      <c r="BY12" s="191">
        <v>19</v>
      </c>
      <c r="BZ12" s="196">
        <v>319</v>
      </c>
      <c r="CA12" s="195">
        <v>336</v>
      </c>
      <c r="CB12" s="190">
        <v>0</v>
      </c>
      <c r="CC12" s="191">
        <v>0</v>
      </c>
      <c r="CD12" s="196">
        <v>0</v>
      </c>
      <c r="CE12" s="193">
        <v>0</v>
      </c>
      <c r="CF12" s="191">
        <v>0</v>
      </c>
      <c r="CG12" s="191">
        <v>10</v>
      </c>
      <c r="CH12" s="191">
        <v>29</v>
      </c>
      <c r="CI12" s="191">
        <v>41</v>
      </c>
      <c r="CJ12" s="191">
        <v>6</v>
      </c>
      <c r="CK12" s="196">
        <v>86</v>
      </c>
      <c r="CL12" s="195">
        <v>86</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6">
        <v>0</v>
      </c>
      <c r="E13" s="207">
        <v>0</v>
      </c>
      <c r="F13" s="193">
        <v>0</v>
      </c>
      <c r="G13" s="191">
        <v>1259</v>
      </c>
      <c r="H13" s="191">
        <v>1659</v>
      </c>
      <c r="I13" s="191">
        <v>2085</v>
      </c>
      <c r="J13" s="191">
        <v>1981</v>
      </c>
      <c r="K13" s="191">
        <v>1451</v>
      </c>
      <c r="L13" s="194">
        <v>8435</v>
      </c>
      <c r="M13" s="195">
        <v>8435</v>
      </c>
      <c r="N13" s="190">
        <v>0</v>
      </c>
      <c r="O13" s="191">
        <v>0</v>
      </c>
      <c r="P13" s="196">
        <v>0</v>
      </c>
      <c r="Q13" s="193">
        <v>0</v>
      </c>
      <c r="R13" s="191">
        <v>2</v>
      </c>
      <c r="S13" s="191">
        <v>9</v>
      </c>
      <c r="T13" s="191">
        <v>23</v>
      </c>
      <c r="U13" s="191">
        <v>19</v>
      </c>
      <c r="V13" s="191">
        <v>28</v>
      </c>
      <c r="W13" s="196">
        <v>81</v>
      </c>
      <c r="X13" s="195">
        <v>81</v>
      </c>
      <c r="Y13" s="190">
        <v>148</v>
      </c>
      <c r="Z13" s="191">
        <v>264</v>
      </c>
      <c r="AA13" s="196">
        <v>412</v>
      </c>
      <c r="AB13" s="193">
        <v>0</v>
      </c>
      <c r="AC13" s="191">
        <v>654</v>
      </c>
      <c r="AD13" s="191">
        <v>529</v>
      </c>
      <c r="AE13" s="191">
        <v>262</v>
      </c>
      <c r="AF13" s="191">
        <v>309</v>
      </c>
      <c r="AG13" s="191">
        <v>138</v>
      </c>
      <c r="AH13" s="196">
        <v>1892</v>
      </c>
      <c r="AI13" s="195">
        <v>2304</v>
      </c>
      <c r="AJ13" s="190">
        <v>8</v>
      </c>
      <c r="AK13" s="191">
        <v>45</v>
      </c>
      <c r="AL13" s="196">
        <v>53</v>
      </c>
      <c r="AM13" s="193">
        <v>0</v>
      </c>
      <c r="AN13" s="191">
        <v>134</v>
      </c>
      <c r="AO13" s="191">
        <v>76</v>
      </c>
      <c r="AP13" s="191">
        <v>41</v>
      </c>
      <c r="AQ13" s="191">
        <v>43</v>
      </c>
      <c r="AR13" s="191">
        <v>20</v>
      </c>
      <c r="AS13" s="196">
        <v>314</v>
      </c>
      <c r="AT13" s="195">
        <v>367</v>
      </c>
      <c r="AU13" s="190">
        <v>0</v>
      </c>
      <c r="AV13" s="191">
        <v>0</v>
      </c>
      <c r="AW13" s="196">
        <v>0</v>
      </c>
      <c r="AX13" s="193">
        <v>0</v>
      </c>
      <c r="AY13" s="191">
        <v>1029</v>
      </c>
      <c r="AZ13" s="191">
        <v>387</v>
      </c>
      <c r="BA13" s="191">
        <v>340</v>
      </c>
      <c r="BB13" s="191">
        <v>227</v>
      </c>
      <c r="BC13" s="191">
        <v>67</v>
      </c>
      <c r="BD13" s="194">
        <v>2050</v>
      </c>
      <c r="BE13" s="195">
        <v>2050</v>
      </c>
      <c r="BF13" s="190">
        <v>0</v>
      </c>
      <c r="BG13" s="191">
        <v>0</v>
      </c>
      <c r="BH13" s="196">
        <v>0</v>
      </c>
      <c r="BI13" s="193">
        <v>0</v>
      </c>
      <c r="BJ13" s="191">
        <v>158</v>
      </c>
      <c r="BK13" s="191">
        <v>113</v>
      </c>
      <c r="BL13" s="191">
        <v>88</v>
      </c>
      <c r="BM13" s="191">
        <v>20</v>
      </c>
      <c r="BN13" s="191">
        <v>10</v>
      </c>
      <c r="BO13" s="196">
        <v>389</v>
      </c>
      <c r="BP13" s="195">
        <v>389</v>
      </c>
      <c r="BQ13" s="190">
        <v>0</v>
      </c>
      <c r="BR13" s="191">
        <v>16</v>
      </c>
      <c r="BS13" s="196">
        <v>16</v>
      </c>
      <c r="BT13" s="193">
        <v>0</v>
      </c>
      <c r="BU13" s="191">
        <v>77</v>
      </c>
      <c r="BV13" s="191">
        <v>77</v>
      </c>
      <c r="BW13" s="191">
        <v>128</v>
      </c>
      <c r="BX13" s="191">
        <v>139</v>
      </c>
      <c r="BY13" s="191">
        <v>19</v>
      </c>
      <c r="BZ13" s="196">
        <v>440</v>
      </c>
      <c r="CA13" s="195">
        <v>456</v>
      </c>
      <c r="CB13" s="190">
        <v>0</v>
      </c>
      <c r="CC13" s="191">
        <v>0</v>
      </c>
      <c r="CD13" s="196">
        <v>0</v>
      </c>
      <c r="CE13" s="193">
        <v>0</v>
      </c>
      <c r="CF13" s="191">
        <v>0</v>
      </c>
      <c r="CG13" s="191">
        <v>0</v>
      </c>
      <c r="CH13" s="191">
        <v>4</v>
      </c>
      <c r="CI13" s="191">
        <v>20</v>
      </c>
      <c r="CJ13" s="191">
        <v>5</v>
      </c>
      <c r="CK13" s="196">
        <v>29</v>
      </c>
      <c r="CL13" s="195">
        <v>29</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6">
        <v>0</v>
      </c>
      <c r="E14" s="207">
        <v>0</v>
      </c>
      <c r="F14" s="193">
        <v>0</v>
      </c>
      <c r="G14" s="191">
        <v>180</v>
      </c>
      <c r="H14" s="191">
        <v>172</v>
      </c>
      <c r="I14" s="191">
        <v>508</v>
      </c>
      <c r="J14" s="191">
        <v>292</v>
      </c>
      <c r="K14" s="191">
        <v>341</v>
      </c>
      <c r="L14" s="194">
        <v>1493</v>
      </c>
      <c r="M14" s="195">
        <v>1493</v>
      </c>
      <c r="N14" s="190">
        <v>0</v>
      </c>
      <c r="O14" s="191">
        <v>0</v>
      </c>
      <c r="P14" s="196">
        <v>0</v>
      </c>
      <c r="Q14" s="193">
        <v>0</v>
      </c>
      <c r="R14" s="191">
        <v>0</v>
      </c>
      <c r="S14" s="191">
        <v>9</v>
      </c>
      <c r="T14" s="191">
        <v>5</v>
      </c>
      <c r="U14" s="191">
        <v>19</v>
      </c>
      <c r="V14" s="191">
        <v>9</v>
      </c>
      <c r="W14" s="196">
        <v>42</v>
      </c>
      <c r="X14" s="195">
        <v>42</v>
      </c>
      <c r="Y14" s="190">
        <v>34</v>
      </c>
      <c r="Z14" s="191">
        <v>14</v>
      </c>
      <c r="AA14" s="196">
        <v>48</v>
      </c>
      <c r="AB14" s="193">
        <v>0</v>
      </c>
      <c r="AC14" s="191">
        <v>289</v>
      </c>
      <c r="AD14" s="191">
        <v>188</v>
      </c>
      <c r="AE14" s="191">
        <v>79</v>
      </c>
      <c r="AF14" s="191">
        <v>121</v>
      </c>
      <c r="AG14" s="191">
        <v>75</v>
      </c>
      <c r="AH14" s="196">
        <v>752</v>
      </c>
      <c r="AI14" s="195">
        <v>800</v>
      </c>
      <c r="AJ14" s="190">
        <v>0</v>
      </c>
      <c r="AK14" s="191">
        <v>0</v>
      </c>
      <c r="AL14" s="196">
        <v>0</v>
      </c>
      <c r="AM14" s="193">
        <v>0</v>
      </c>
      <c r="AN14" s="191">
        <v>8</v>
      </c>
      <c r="AO14" s="191">
        <v>54</v>
      </c>
      <c r="AP14" s="191">
        <v>46</v>
      </c>
      <c r="AQ14" s="191">
        <v>12</v>
      </c>
      <c r="AR14" s="191">
        <v>23</v>
      </c>
      <c r="AS14" s="196">
        <v>143</v>
      </c>
      <c r="AT14" s="195">
        <v>143</v>
      </c>
      <c r="AU14" s="190">
        <v>0</v>
      </c>
      <c r="AV14" s="191">
        <v>0</v>
      </c>
      <c r="AW14" s="196">
        <v>0</v>
      </c>
      <c r="AX14" s="193">
        <v>0</v>
      </c>
      <c r="AY14" s="191">
        <v>159</v>
      </c>
      <c r="AZ14" s="191">
        <v>122</v>
      </c>
      <c r="BA14" s="191">
        <v>96</v>
      </c>
      <c r="BB14" s="191">
        <v>83</v>
      </c>
      <c r="BC14" s="191">
        <v>26</v>
      </c>
      <c r="BD14" s="194">
        <v>486</v>
      </c>
      <c r="BE14" s="195">
        <v>486</v>
      </c>
      <c r="BF14" s="190">
        <v>0</v>
      </c>
      <c r="BG14" s="191">
        <v>0</v>
      </c>
      <c r="BH14" s="196">
        <v>0</v>
      </c>
      <c r="BI14" s="193">
        <v>0</v>
      </c>
      <c r="BJ14" s="191">
        <v>65</v>
      </c>
      <c r="BK14" s="191">
        <v>64</v>
      </c>
      <c r="BL14" s="191">
        <v>46</v>
      </c>
      <c r="BM14" s="191">
        <v>28</v>
      </c>
      <c r="BN14" s="191">
        <v>5</v>
      </c>
      <c r="BO14" s="196">
        <v>208</v>
      </c>
      <c r="BP14" s="195">
        <v>208</v>
      </c>
      <c r="BQ14" s="190">
        <v>0</v>
      </c>
      <c r="BR14" s="191">
        <v>0</v>
      </c>
      <c r="BS14" s="196">
        <v>0</v>
      </c>
      <c r="BT14" s="193">
        <v>0</v>
      </c>
      <c r="BU14" s="191">
        <v>6</v>
      </c>
      <c r="BV14" s="191">
        <v>8</v>
      </c>
      <c r="BW14" s="191">
        <v>2</v>
      </c>
      <c r="BX14" s="191">
        <v>0</v>
      </c>
      <c r="BY14" s="191">
        <v>43</v>
      </c>
      <c r="BZ14" s="196">
        <v>59</v>
      </c>
      <c r="CA14" s="195">
        <v>59</v>
      </c>
      <c r="CB14" s="190">
        <v>0</v>
      </c>
      <c r="CC14" s="191">
        <v>0</v>
      </c>
      <c r="CD14" s="196">
        <v>0</v>
      </c>
      <c r="CE14" s="193">
        <v>0</v>
      </c>
      <c r="CF14" s="191">
        <v>0</v>
      </c>
      <c r="CG14" s="191">
        <v>0</v>
      </c>
      <c r="CH14" s="191">
        <v>4</v>
      </c>
      <c r="CI14" s="191">
        <v>0</v>
      </c>
      <c r="CJ14" s="191">
        <v>20</v>
      </c>
      <c r="CK14" s="196">
        <v>24</v>
      </c>
      <c r="CL14" s="195">
        <v>24</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6">
        <v>0</v>
      </c>
      <c r="E15" s="207">
        <v>0</v>
      </c>
      <c r="F15" s="193">
        <v>0</v>
      </c>
      <c r="G15" s="191">
        <v>438</v>
      </c>
      <c r="H15" s="191">
        <v>680</v>
      </c>
      <c r="I15" s="191">
        <v>802</v>
      </c>
      <c r="J15" s="191">
        <v>751</v>
      </c>
      <c r="K15" s="191">
        <v>403</v>
      </c>
      <c r="L15" s="194">
        <v>3074</v>
      </c>
      <c r="M15" s="195">
        <v>3074</v>
      </c>
      <c r="N15" s="190">
        <v>0</v>
      </c>
      <c r="O15" s="191">
        <v>0</v>
      </c>
      <c r="P15" s="196">
        <v>0</v>
      </c>
      <c r="Q15" s="193">
        <v>0</v>
      </c>
      <c r="R15" s="191">
        <v>0</v>
      </c>
      <c r="S15" s="191">
        <v>4</v>
      </c>
      <c r="T15" s="191">
        <v>5</v>
      </c>
      <c r="U15" s="191">
        <v>13</v>
      </c>
      <c r="V15" s="191">
        <v>16</v>
      </c>
      <c r="W15" s="196">
        <v>38</v>
      </c>
      <c r="X15" s="195">
        <v>38</v>
      </c>
      <c r="Y15" s="190">
        <v>49</v>
      </c>
      <c r="Z15" s="191">
        <v>145</v>
      </c>
      <c r="AA15" s="196">
        <v>194</v>
      </c>
      <c r="AB15" s="193">
        <v>0</v>
      </c>
      <c r="AC15" s="191">
        <v>155</v>
      </c>
      <c r="AD15" s="191">
        <v>345</v>
      </c>
      <c r="AE15" s="191">
        <v>104</v>
      </c>
      <c r="AF15" s="191">
        <v>197</v>
      </c>
      <c r="AG15" s="191">
        <v>122</v>
      </c>
      <c r="AH15" s="196">
        <v>923</v>
      </c>
      <c r="AI15" s="195">
        <v>1117</v>
      </c>
      <c r="AJ15" s="190">
        <v>12</v>
      </c>
      <c r="AK15" s="191">
        <v>8</v>
      </c>
      <c r="AL15" s="196">
        <v>20</v>
      </c>
      <c r="AM15" s="193">
        <v>0</v>
      </c>
      <c r="AN15" s="191">
        <v>29</v>
      </c>
      <c r="AO15" s="191">
        <v>8</v>
      </c>
      <c r="AP15" s="191">
        <v>0</v>
      </c>
      <c r="AQ15" s="191">
        <v>46</v>
      </c>
      <c r="AR15" s="191">
        <v>22</v>
      </c>
      <c r="AS15" s="196">
        <v>105</v>
      </c>
      <c r="AT15" s="195">
        <v>125</v>
      </c>
      <c r="AU15" s="190">
        <v>0</v>
      </c>
      <c r="AV15" s="191">
        <v>0</v>
      </c>
      <c r="AW15" s="196">
        <v>0</v>
      </c>
      <c r="AX15" s="193">
        <v>0</v>
      </c>
      <c r="AY15" s="191">
        <v>393</v>
      </c>
      <c r="AZ15" s="191">
        <v>314</v>
      </c>
      <c r="BA15" s="191">
        <v>141</v>
      </c>
      <c r="BB15" s="191">
        <v>90</v>
      </c>
      <c r="BC15" s="191">
        <v>45</v>
      </c>
      <c r="BD15" s="194">
        <v>983</v>
      </c>
      <c r="BE15" s="195">
        <v>983</v>
      </c>
      <c r="BF15" s="190">
        <v>0</v>
      </c>
      <c r="BG15" s="191">
        <v>0</v>
      </c>
      <c r="BH15" s="196">
        <v>0</v>
      </c>
      <c r="BI15" s="193">
        <v>0</v>
      </c>
      <c r="BJ15" s="191">
        <v>83</v>
      </c>
      <c r="BK15" s="191">
        <v>67</v>
      </c>
      <c r="BL15" s="191">
        <v>64</v>
      </c>
      <c r="BM15" s="191">
        <v>16</v>
      </c>
      <c r="BN15" s="191">
        <v>2</v>
      </c>
      <c r="BO15" s="196">
        <v>232</v>
      </c>
      <c r="BP15" s="195">
        <v>232</v>
      </c>
      <c r="BQ15" s="190">
        <v>0</v>
      </c>
      <c r="BR15" s="191">
        <v>0</v>
      </c>
      <c r="BS15" s="196">
        <v>0</v>
      </c>
      <c r="BT15" s="193">
        <v>0</v>
      </c>
      <c r="BU15" s="191">
        <v>54</v>
      </c>
      <c r="BV15" s="191">
        <v>56</v>
      </c>
      <c r="BW15" s="191">
        <v>99</v>
      </c>
      <c r="BX15" s="191">
        <v>37</v>
      </c>
      <c r="BY15" s="191">
        <v>-1</v>
      </c>
      <c r="BZ15" s="196">
        <v>245</v>
      </c>
      <c r="CA15" s="195">
        <v>245</v>
      </c>
      <c r="CB15" s="190">
        <v>0</v>
      </c>
      <c r="CC15" s="191">
        <v>0</v>
      </c>
      <c r="CD15" s="196">
        <v>0</v>
      </c>
      <c r="CE15" s="193">
        <v>0</v>
      </c>
      <c r="CF15" s="191">
        <v>19</v>
      </c>
      <c r="CG15" s="191">
        <v>0</v>
      </c>
      <c r="CH15" s="191">
        <v>2</v>
      </c>
      <c r="CI15" s="191">
        <v>4</v>
      </c>
      <c r="CJ15" s="191">
        <v>12</v>
      </c>
      <c r="CK15" s="196">
        <v>37</v>
      </c>
      <c r="CL15" s="195">
        <v>37</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6">
        <v>0</v>
      </c>
      <c r="E16" s="207">
        <v>0</v>
      </c>
      <c r="F16" s="193">
        <v>0</v>
      </c>
      <c r="G16" s="191">
        <v>272</v>
      </c>
      <c r="H16" s="191">
        <v>487</v>
      </c>
      <c r="I16" s="191">
        <v>349</v>
      </c>
      <c r="J16" s="191">
        <v>385</v>
      </c>
      <c r="K16" s="191">
        <v>859</v>
      </c>
      <c r="L16" s="194">
        <v>2352</v>
      </c>
      <c r="M16" s="195">
        <v>2352</v>
      </c>
      <c r="N16" s="190">
        <v>0</v>
      </c>
      <c r="O16" s="191">
        <v>0</v>
      </c>
      <c r="P16" s="196">
        <v>0</v>
      </c>
      <c r="Q16" s="193">
        <v>0</v>
      </c>
      <c r="R16" s="191">
        <v>0</v>
      </c>
      <c r="S16" s="191">
        <v>4</v>
      </c>
      <c r="T16" s="191">
        <v>0</v>
      </c>
      <c r="U16" s="191">
        <v>5</v>
      </c>
      <c r="V16" s="191">
        <v>18</v>
      </c>
      <c r="W16" s="196">
        <v>27</v>
      </c>
      <c r="X16" s="195">
        <v>27</v>
      </c>
      <c r="Y16" s="190">
        <v>-2</v>
      </c>
      <c r="Z16" s="191">
        <v>38</v>
      </c>
      <c r="AA16" s="196">
        <v>36</v>
      </c>
      <c r="AB16" s="193">
        <v>0</v>
      </c>
      <c r="AC16" s="191">
        <v>155</v>
      </c>
      <c r="AD16" s="191">
        <v>303</v>
      </c>
      <c r="AE16" s="191">
        <v>141</v>
      </c>
      <c r="AF16" s="191">
        <v>91</v>
      </c>
      <c r="AG16" s="191">
        <v>126</v>
      </c>
      <c r="AH16" s="196">
        <v>816</v>
      </c>
      <c r="AI16" s="195">
        <v>852</v>
      </c>
      <c r="AJ16" s="190">
        <v>6</v>
      </c>
      <c r="AK16" s="191">
        <v>0</v>
      </c>
      <c r="AL16" s="196">
        <v>6</v>
      </c>
      <c r="AM16" s="193">
        <v>0</v>
      </c>
      <c r="AN16" s="191">
        <v>0</v>
      </c>
      <c r="AO16" s="191">
        <v>59</v>
      </c>
      <c r="AP16" s="191">
        <v>12</v>
      </c>
      <c r="AQ16" s="191">
        <v>0</v>
      </c>
      <c r="AR16" s="191">
        <v>35</v>
      </c>
      <c r="AS16" s="196">
        <v>106</v>
      </c>
      <c r="AT16" s="195">
        <v>112</v>
      </c>
      <c r="AU16" s="190">
        <v>0</v>
      </c>
      <c r="AV16" s="191">
        <v>0</v>
      </c>
      <c r="AW16" s="196">
        <v>0</v>
      </c>
      <c r="AX16" s="193">
        <v>0</v>
      </c>
      <c r="AY16" s="191">
        <v>119</v>
      </c>
      <c r="AZ16" s="191">
        <v>142</v>
      </c>
      <c r="BA16" s="191">
        <v>48</v>
      </c>
      <c r="BB16" s="191">
        <v>24</v>
      </c>
      <c r="BC16" s="191">
        <v>8</v>
      </c>
      <c r="BD16" s="194">
        <v>341</v>
      </c>
      <c r="BE16" s="195">
        <v>341</v>
      </c>
      <c r="BF16" s="190">
        <v>0</v>
      </c>
      <c r="BG16" s="191">
        <v>0</v>
      </c>
      <c r="BH16" s="196">
        <v>0</v>
      </c>
      <c r="BI16" s="193">
        <v>0</v>
      </c>
      <c r="BJ16" s="191">
        <v>11</v>
      </c>
      <c r="BK16" s="191">
        <v>33</v>
      </c>
      <c r="BL16" s="191">
        <v>17</v>
      </c>
      <c r="BM16" s="191">
        <v>35</v>
      </c>
      <c r="BN16" s="191">
        <v>0</v>
      </c>
      <c r="BO16" s="196">
        <v>96</v>
      </c>
      <c r="BP16" s="195">
        <v>96</v>
      </c>
      <c r="BQ16" s="190">
        <v>0</v>
      </c>
      <c r="BR16" s="191">
        <v>0</v>
      </c>
      <c r="BS16" s="196">
        <v>0</v>
      </c>
      <c r="BT16" s="193">
        <v>0</v>
      </c>
      <c r="BU16" s="191">
        <v>0</v>
      </c>
      <c r="BV16" s="191">
        <v>17</v>
      </c>
      <c r="BW16" s="191">
        <v>0</v>
      </c>
      <c r="BX16" s="191">
        <v>0</v>
      </c>
      <c r="BY16" s="191">
        <v>0</v>
      </c>
      <c r="BZ16" s="196">
        <v>17</v>
      </c>
      <c r="CA16" s="195">
        <v>17</v>
      </c>
      <c r="CB16" s="190">
        <v>0</v>
      </c>
      <c r="CC16" s="191">
        <v>0</v>
      </c>
      <c r="CD16" s="196">
        <v>0</v>
      </c>
      <c r="CE16" s="193">
        <v>0</v>
      </c>
      <c r="CF16" s="191">
        <v>0</v>
      </c>
      <c r="CG16" s="191">
        <v>0</v>
      </c>
      <c r="CH16" s="191">
        <v>6</v>
      </c>
      <c r="CI16" s="191">
        <v>6</v>
      </c>
      <c r="CJ16" s="191">
        <v>0</v>
      </c>
      <c r="CK16" s="196">
        <v>12</v>
      </c>
      <c r="CL16" s="195">
        <v>12</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6">
        <v>0</v>
      </c>
      <c r="E17" s="207">
        <v>0</v>
      </c>
      <c r="F17" s="193">
        <v>0</v>
      </c>
      <c r="G17" s="191">
        <v>37</v>
      </c>
      <c r="H17" s="191">
        <v>23</v>
      </c>
      <c r="I17" s="191">
        <v>0</v>
      </c>
      <c r="J17" s="191">
        <v>6</v>
      </c>
      <c r="K17" s="191">
        <v>2</v>
      </c>
      <c r="L17" s="194">
        <v>68</v>
      </c>
      <c r="M17" s="195">
        <v>68</v>
      </c>
      <c r="N17" s="190">
        <v>0</v>
      </c>
      <c r="O17" s="191">
        <v>0</v>
      </c>
      <c r="P17" s="196">
        <v>0</v>
      </c>
      <c r="Q17" s="193">
        <v>0</v>
      </c>
      <c r="R17" s="191">
        <v>0</v>
      </c>
      <c r="S17" s="191">
        <v>0</v>
      </c>
      <c r="T17" s="191">
        <v>5</v>
      </c>
      <c r="U17" s="191">
        <v>0</v>
      </c>
      <c r="V17" s="191">
        <v>5</v>
      </c>
      <c r="W17" s="196">
        <v>10</v>
      </c>
      <c r="X17" s="195">
        <v>10</v>
      </c>
      <c r="Y17" s="190">
        <v>0</v>
      </c>
      <c r="Z17" s="191">
        <v>12</v>
      </c>
      <c r="AA17" s="196">
        <v>12</v>
      </c>
      <c r="AB17" s="193">
        <v>0</v>
      </c>
      <c r="AC17" s="191">
        <v>28</v>
      </c>
      <c r="AD17" s="191">
        <v>23</v>
      </c>
      <c r="AE17" s="191">
        <v>80</v>
      </c>
      <c r="AF17" s="191">
        <v>12</v>
      </c>
      <c r="AG17" s="191">
        <v>29</v>
      </c>
      <c r="AH17" s="196">
        <v>172</v>
      </c>
      <c r="AI17" s="195">
        <v>184</v>
      </c>
      <c r="AJ17" s="190">
        <v>0</v>
      </c>
      <c r="AK17" s="191">
        <v>0</v>
      </c>
      <c r="AL17" s="196">
        <v>0</v>
      </c>
      <c r="AM17" s="193">
        <v>0</v>
      </c>
      <c r="AN17" s="191">
        <v>0</v>
      </c>
      <c r="AO17" s="191">
        <v>12</v>
      </c>
      <c r="AP17" s="191">
        <v>0</v>
      </c>
      <c r="AQ17" s="191">
        <v>6</v>
      </c>
      <c r="AR17" s="191">
        <v>12</v>
      </c>
      <c r="AS17" s="196">
        <v>30</v>
      </c>
      <c r="AT17" s="195">
        <v>30</v>
      </c>
      <c r="AU17" s="190">
        <v>0</v>
      </c>
      <c r="AV17" s="191">
        <v>0</v>
      </c>
      <c r="AW17" s="196">
        <v>0</v>
      </c>
      <c r="AX17" s="193">
        <v>0</v>
      </c>
      <c r="AY17" s="191">
        <v>16</v>
      </c>
      <c r="AZ17" s="191">
        <v>8</v>
      </c>
      <c r="BA17" s="191">
        <v>0</v>
      </c>
      <c r="BB17" s="191">
        <v>4</v>
      </c>
      <c r="BC17" s="191">
        <v>0</v>
      </c>
      <c r="BD17" s="194">
        <v>28</v>
      </c>
      <c r="BE17" s="195">
        <v>28</v>
      </c>
      <c r="BF17" s="190">
        <v>0</v>
      </c>
      <c r="BG17" s="191">
        <v>0</v>
      </c>
      <c r="BH17" s="196">
        <v>0</v>
      </c>
      <c r="BI17" s="193">
        <v>0</v>
      </c>
      <c r="BJ17" s="191">
        <v>0</v>
      </c>
      <c r="BK17" s="191">
        <v>12</v>
      </c>
      <c r="BL17" s="191">
        <v>15</v>
      </c>
      <c r="BM17" s="191">
        <v>7</v>
      </c>
      <c r="BN17" s="191">
        <v>8</v>
      </c>
      <c r="BO17" s="196">
        <v>42</v>
      </c>
      <c r="BP17" s="195">
        <v>42</v>
      </c>
      <c r="BQ17" s="190">
        <v>0</v>
      </c>
      <c r="BR17" s="191">
        <v>0</v>
      </c>
      <c r="BS17" s="196">
        <v>0</v>
      </c>
      <c r="BT17" s="193">
        <v>0</v>
      </c>
      <c r="BU17" s="191">
        <v>0</v>
      </c>
      <c r="BV17" s="191">
        <v>10</v>
      </c>
      <c r="BW17" s="191">
        <v>0</v>
      </c>
      <c r="BX17" s="191">
        <v>29</v>
      </c>
      <c r="BY17" s="191">
        <v>6</v>
      </c>
      <c r="BZ17" s="196">
        <v>45</v>
      </c>
      <c r="CA17" s="195">
        <v>45</v>
      </c>
      <c r="CB17" s="190">
        <v>0</v>
      </c>
      <c r="CC17" s="191">
        <v>0</v>
      </c>
      <c r="CD17" s="196">
        <v>0</v>
      </c>
      <c r="CE17" s="193">
        <v>0</v>
      </c>
      <c r="CF17" s="191">
        <v>0</v>
      </c>
      <c r="CG17" s="191">
        <v>4</v>
      </c>
      <c r="CH17" s="191">
        <v>7</v>
      </c>
      <c r="CI17" s="191">
        <v>0</v>
      </c>
      <c r="CJ17" s="191">
        <v>0</v>
      </c>
      <c r="CK17" s="196">
        <v>11</v>
      </c>
      <c r="CL17" s="195">
        <v>11</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6">
        <v>0</v>
      </c>
      <c r="E18" s="207">
        <v>0</v>
      </c>
      <c r="F18" s="193">
        <v>0</v>
      </c>
      <c r="G18" s="191">
        <v>27</v>
      </c>
      <c r="H18" s="191">
        <v>418</v>
      </c>
      <c r="I18" s="191">
        <v>68</v>
      </c>
      <c r="J18" s="191">
        <v>374</v>
      </c>
      <c r="K18" s="191">
        <v>88</v>
      </c>
      <c r="L18" s="194">
        <v>975</v>
      </c>
      <c r="M18" s="195">
        <v>975</v>
      </c>
      <c r="N18" s="190">
        <v>0</v>
      </c>
      <c r="O18" s="191">
        <v>0</v>
      </c>
      <c r="P18" s="196">
        <v>0</v>
      </c>
      <c r="Q18" s="193">
        <v>0</v>
      </c>
      <c r="R18" s="191">
        <v>0</v>
      </c>
      <c r="S18" s="191">
        <v>0</v>
      </c>
      <c r="T18" s="191">
        <v>0</v>
      </c>
      <c r="U18" s="191">
        <v>13</v>
      </c>
      <c r="V18" s="191">
        <v>9</v>
      </c>
      <c r="W18" s="196">
        <v>22</v>
      </c>
      <c r="X18" s="195">
        <v>22</v>
      </c>
      <c r="Y18" s="190">
        <v>14</v>
      </c>
      <c r="Z18" s="191">
        <v>22</v>
      </c>
      <c r="AA18" s="196">
        <v>36</v>
      </c>
      <c r="AB18" s="193">
        <v>0</v>
      </c>
      <c r="AC18" s="191">
        <v>98</v>
      </c>
      <c r="AD18" s="191">
        <v>139</v>
      </c>
      <c r="AE18" s="191">
        <v>86</v>
      </c>
      <c r="AF18" s="191">
        <v>94</v>
      </c>
      <c r="AG18" s="191">
        <v>51</v>
      </c>
      <c r="AH18" s="196">
        <v>468</v>
      </c>
      <c r="AI18" s="195">
        <v>504</v>
      </c>
      <c r="AJ18" s="190">
        <v>12</v>
      </c>
      <c r="AK18" s="191">
        <v>0</v>
      </c>
      <c r="AL18" s="196">
        <v>12</v>
      </c>
      <c r="AM18" s="193">
        <v>0</v>
      </c>
      <c r="AN18" s="191">
        <v>0</v>
      </c>
      <c r="AO18" s="191">
        <v>0</v>
      </c>
      <c r="AP18" s="191">
        <v>15</v>
      </c>
      <c r="AQ18" s="191">
        <v>0</v>
      </c>
      <c r="AR18" s="191">
        <v>30</v>
      </c>
      <c r="AS18" s="196">
        <v>45</v>
      </c>
      <c r="AT18" s="195">
        <v>57</v>
      </c>
      <c r="AU18" s="190">
        <v>0</v>
      </c>
      <c r="AV18" s="191">
        <v>0</v>
      </c>
      <c r="AW18" s="196">
        <v>0</v>
      </c>
      <c r="AX18" s="193">
        <v>0</v>
      </c>
      <c r="AY18" s="191">
        <v>222</v>
      </c>
      <c r="AZ18" s="191">
        <v>202</v>
      </c>
      <c r="BA18" s="191">
        <v>64</v>
      </c>
      <c r="BB18" s="191">
        <v>73</v>
      </c>
      <c r="BC18" s="191">
        <v>10</v>
      </c>
      <c r="BD18" s="194">
        <v>571</v>
      </c>
      <c r="BE18" s="195">
        <v>571</v>
      </c>
      <c r="BF18" s="190">
        <v>0</v>
      </c>
      <c r="BG18" s="191">
        <v>0</v>
      </c>
      <c r="BH18" s="196">
        <v>0</v>
      </c>
      <c r="BI18" s="193">
        <v>0</v>
      </c>
      <c r="BJ18" s="191">
        <v>83</v>
      </c>
      <c r="BK18" s="191">
        <v>98</v>
      </c>
      <c r="BL18" s="191">
        <v>50</v>
      </c>
      <c r="BM18" s="191">
        <v>7</v>
      </c>
      <c r="BN18" s="191">
        <v>8</v>
      </c>
      <c r="BO18" s="196">
        <v>246</v>
      </c>
      <c r="BP18" s="195">
        <v>246</v>
      </c>
      <c r="BQ18" s="190">
        <v>5</v>
      </c>
      <c r="BR18" s="191">
        <v>0</v>
      </c>
      <c r="BS18" s="196">
        <v>5</v>
      </c>
      <c r="BT18" s="193">
        <v>0</v>
      </c>
      <c r="BU18" s="191">
        <v>8</v>
      </c>
      <c r="BV18" s="191">
        <v>32</v>
      </c>
      <c r="BW18" s="191">
        <v>27</v>
      </c>
      <c r="BX18" s="191">
        <v>12</v>
      </c>
      <c r="BY18" s="191">
        <v>0</v>
      </c>
      <c r="BZ18" s="196">
        <v>79</v>
      </c>
      <c r="CA18" s="195">
        <v>84</v>
      </c>
      <c r="CB18" s="190">
        <v>0</v>
      </c>
      <c r="CC18" s="191">
        <v>0</v>
      </c>
      <c r="CD18" s="196">
        <v>0</v>
      </c>
      <c r="CE18" s="193">
        <v>0</v>
      </c>
      <c r="CF18" s="191">
        <v>2</v>
      </c>
      <c r="CG18" s="191">
        <v>0</v>
      </c>
      <c r="CH18" s="191">
        <v>0</v>
      </c>
      <c r="CI18" s="191">
        <v>0</v>
      </c>
      <c r="CJ18" s="191">
        <v>0</v>
      </c>
      <c r="CK18" s="196">
        <v>2</v>
      </c>
      <c r="CL18" s="195">
        <v>2</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6">
        <v>0</v>
      </c>
      <c r="E19" s="207">
        <v>0</v>
      </c>
      <c r="F19" s="193">
        <v>0</v>
      </c>
      <c r="G19" s="191">
        <v>89</v>
      </c>
      <c r="H19" s="191">
        <v>618</v>
      </c>
      <c r="I19" s="191">
        <v>691</v>
      </c>
      <c r="J19" s="191">
        <v>387</v>
      </c>
      <c r="K19" s="191">
        <v>143</v>
      </c>
      <c r="L19" s="194">
        <v>1928</v>
      </c>
      <c r="M19" s="195">
        <v>1928</v>
      </c>
      <c r="N19" s="190">
        <v>0</v>
      </c>
      <c r="O19" s="191">
        <v>0</v>
      </c>
      <c r="P19" s="196">
        <v>0</v>
      </c>
      <c r="Q19" s="193">
        <v>0</v>
      </c>
      <c r="R19" s="191">
        <v>0</v>
      </c>
      <c r="S19" s="191">
        <v>0</v>
      </c>
      <c r="T19" s="191">
        <v>2</v>
      </c>
      <c r="U19" s="191">
        <v>26</v>
      </c>
      <c r="V19" s="191">
        <v>22</v>
      </c>
      <c r="W19" s="196">
        <v>50</v>
      </c>
      <c r="X19" s="195">
        <v>50</v>
      </c>
      <c r="Y19" s="190">
        <v>19</v>
      </c>
      <c r="Z19" s="191">
        <v>64</v>
      </c>
      <c r="AA19" s="196">
        <v>83</v>
      </c>
      <c r="AB19" s="193">
        <v>0</v>
      </c>
      <c r="AC19" s="191">
        <v>84</v>
      </c>
      <c r="AD19" s="191">
        <v>303</v>
      </c>
      <c r="AE19" s="191">
        <v>186</v>
      </c>
      <c r="AF19" s="191">
        <v>128</v>
      </c>
      <c r="AG19" s="191">
        <v>23</v>
      </c>
      <c r="AH19" s="196">
        <v>724</v>
      </c>
      <c r="AI19" s="195">
        <v>807</v>
      </c>
      <c r="AJ19" s="190">
        <v>32</v>
      </c>
      <c r="AK19" s="191">
        <v>0</v>
      </c>
      <c r="AL19" s="196">
        <v>32</v>
      </c>
      <c r="AM19" s="193">
        <v>0</v>
      </c>
      <c r="AN19" s="191">
        <v>36</v>
      </c>
      <c r="AO19" s="191">
        <v>56</v>
      </c>
      <c r="AP19" s="191">
        <v>60</v>
      </c>
      <c r="AQ19" s="191">
        <v>14</v>
      </c>
      <c r="AR19" s="191">
        <v>0</v>
      </c>
      <c r="AS19" s="196">
        <v>166</v>
      </c>
      <c r="AT19" s="195">
        <v>198</v>
      </c>
      <c r="AU19" s="190">
        <v>0</v>
      </c>
      <c r="AV19" s="191">
        <v>0</v>
      </c>
      <c r="AW19" s="196">
        <v>0</v>
      </c>
      <c r="AX19" s="193">
        <v>0</v>
      </c>
      <c r="AY19" s="191">
        <v>128</v>
      </c>
      <c r="AZ19" s="191">
        <v>270</v>
      </c>
      <c r="BA19" s="191">
        <v>146</v>
      </c>
      <c r="BB19" s="191">
        <v>95</v>
      </c>
      <c r="BC19" s="191">
        <v>38</v>
      </c>
      <c r="BD19" s="194">
        <v>677</v>
      </c>
      <c r="BE19" s="195">
        <v>677</v>
      </c>
      <c r="BF19" s="190">
        <v>0</v>
      </c>
      <c r="BG19" s="191">
        <v>0</v>
      </c>
      <c r="BH19" s="196">
        <v>0</v>
      </c>
      <c r="BI19" s="193">
        <v>0</v>
      </c>
      <c r="BJ19" s="191">
        <v>50</v>
      </c>
      <c r="BK19" s="191">
        <v>91</v>
      </c>
      <c r="BL19" s="191">
        <v>82</v>
      </c>
      <c r="BM19" s="191">
        <v>45</v>
      </c>
      <c r="BN19" s="191">
        <v>1</v>
      </c>
      <c r="BO19" s="196">
        <v>269</v>
      </c>
      <c r="BP19" s="195">
        <v>269</v>
      </c>
      <c r="BQ19" s="190">
        <v>0</v>
      </c>
      <c r="BR19" s="191">
        <v>0</v>
      </c>
      <c r="BS19" s="196">
        <v>0</v>
      </c>
      <c r="BT19" s="193">
        <v>0</v>
      </c>
      <c r="BU19" s="191">
        <v>7</v>
      </c>
      <c r="BV19" s="191">
        <v>72</v>
      </c>
      <c r="BW19" s="191">
        <v>102</v>
      </c>
      <c r="BX19" s="191">
        <v>19</v>
      </c>
      <c r="BY19" s="191">
        <v>0</v>
      </c>
      <c r="BZ19" s="196">
        <v>200</v>
      </c>
      <c r="CA19" s="195">
        <v>200</v>
      </c>
      <c r="CB19" s="190">
        <v>0</v>
      </c>
      <c r="CC19" s="191">
        <v>0</v>
      </c>
      <c r="CD19" s="196">
        <v>0</v>
      </c>
      <c r="CE19" s="193">
        <v>0</v>
      </c>
      <c r="CF19" s="191">
        <v>7</v>
      </c>
      <c r="CG19" s="191">
        <v>0</v>
      </c>
      <c r="CH19" s="191">
        <v>2</v>
      </c>
      <c r="CI19" s="191">
        <v>14</v>
      </c>
      <c r="CJ19" s="191">
        <v>0</v>
      </c>
      <c r="CK19" s="196">
        <v>23</v>
      </c>
      <c r="CL19" s="195">
        <v>23</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6">
        <v>0</v>
      </c>
      <c r="E20" s="207">
        <v>0</v>
      </c>
      <c r="F20" s="193">
        <v>0</v>
      </c>
      <c r="G20" s="191">
        <v>330</v>
      </c>
      <c r="H20" s="191">
        <v>349</v>
      </c>
      <c r="I20" s="191">
        <v>759</v>
      </c>
      <c r="J20" s="191">
        <v>618</v>
      </c>
      <c r="K20" s="191">
        <v>895</v>
      </c>
      <c r="L20" s="194">
        <v>2951</v>
      </c>
      <c r="M20" s="195">
        <v>2951</v>
      </c>
      <c r="N20" s="190">
        <v>0</v>
      </c>
      <c r="O20" s="191">
        <v>0</v>
      </c>
      <c r="P20" s="196">
        <v>0</v>
      </c>
      <c r="Q20" s="193">
        <v>0</v>
      </c>
      <c r="R20" s="191">
        <v>0</v>
      </c>
      <c r="S20" s="191">
        <v>0</v>
      </c>
      <c r="T20" s="191">
        <v>8</v>
      </c>
      <c r="U20" s="191">
        <v>9</v>
      </c>
      <c r="V20" s="191">
        <v>0</v>
      </c>
      <c r="W20" s="196">
        <v>17</v>
      </c>
      <c r="X20" s="195">
        <v>17</v>
      </c>
      <c r="Y20" s="190">
        <v>38</v>
      </c>
      <c r="Z20" s="191">
        <v>10</v>
      </c>
      <c r="AA20" s="196">
        <v>48</v>
      </c>
      <c r="AB20" s="193">
        <v>0</v>
      </c>
      <c r="AC20" s="191">
        <v>283</v>
      </c>
      <c r="AD20" s="191">
        <v>228</v>
      </c>
      <c r="AE20" s="191">
        <v>166</v>
      </c>
      <c r="AF20" s="191">
        <v>167</v>
      </c>
      <c r="AG20" s="191">
        <v>93</v>
      </c>
      <c r="AH20" s="196">
        <v>937</v>
      </c>
      <c r="AI20" s="195">
        <v>985</v>
      </c>
      <c r="AJ20" s="190">
        <v>24</v>
      </c>
      <c r="AK20" s="191">
        <v>8</v>
      </c>
      <c r="AL20" s="196">
        <v>32</v>
      </c>
      <c r="AM20" s="193">
        <v>0</v>
      </c>
      <c r="AN20" s="191">
        <v>9</v>
      </c>
      <c r="AO20" s="191">
        <v>65</v>
      </c>
      <c r="AP20" s="191">
        <v>24</v>
      </c>
      <c r="AQ20" s="191">
        <v>27</v>
      </c>
      <c r="AR20" s="191">
        <v>18</v>
      </c>
      <c r="AS20" s="196">
        <v>143</v>
      </c>
      <c r="AT20" s="195">
        <v>175</v>
      </c>
      <c r="AU20" s="190">
        <v>0</v>
      </c>
      <c r="AV20" s="191">
        <v>0</v>
      </c>
      <c r="AW20" s="196">
        <v>0</v>
      </c>
      <c r="AX20" s="193">
        <v>0</v>
      </c>
      <c r="AY20" s="191">
        <v>316</v>
      </c>
      <c r="AZ20" s="191">
        <v>341</v>
      </c>
      <c r="BA20" s="191">
        <v>218</v>
      </c>
      <c r="BB20" s="191">
        <v>121</v>
      </c>
      <c r="BC20" s="191">
        <v>69</v>
      </c>
      <c r="BD20" s="194">
        <v>1065</v>
      </c>
      <c r="BE20" s="195">
        <v>1065</v>
      </c>
      <c r="BF20" s="190">
        <v>0</v>
      </c>
      <c r="BG20" s="191">
        <v>0</v>
      </c>
      <c r="BH20" s="196">
        <v>0</v>
      </c>
      <c r="BI20" s="193">
        <v>0</v>
      </c>
      <c r="BJ20" s="191">
        <v>109</v>
      </c>
      <c r="BK20" s="191">
        <v>105</v>
      </c>
      <c r="BL20" s="191">
        <v>49</v>
      </c>
      <c r="BM20" s="191">
        <v>58</v>
      </c>
      <c r="BN20" s="191">
        <v>14</v>
      </c>
      <c r="BO20" s="196">
        <v>335</v>
      </c>
      <c r="BP20" s="195">
        <v>335</v>
      </c>
      <c r="BQ20" s="190">
        <v>1</v>
      </c>
      <c r="BR20" s="191">
        <v>0</v>
      </c>
      <c r="BS20" s="196">
        <v>1</v>
      </c>
      <c r="BT20" s="193">
        <v>0</v>
      </c>
      <c r="BU20" s="191">
        <v>36</v>
      </c>
      <c r="BV20" s="191">
        <v>120</v>
      </c>
      <c r="BW20" s="191">
        <v>192</v>
      </c>
      <c r="BX20" s="191">
        <v>87</v>
      </c>
      <c r="BY20" s="191">
        <v>114</v>
      </c>
      <c r="BZ20" s="196">
        <v>549</v>
      </c>
      <c r="CA20" s="195">
        <v>550</v>
      </c>
      <c r="CB20" s="190">
        <v>0</v>
      </c>
      <c r="CC20" s="191">
        <v>0</v>
      </c>
      <c r="CD20" s="196">
        <v>0</v>
      </c>
      <c r="CE20" s="193">
        <v>0</v>
      </c>
      <c r="CF20" s="191">
        <v>0</v>
      </c>
      <c r="CG20" s="191">
        <v>5</v>
      </c>
      <c r="CH20" s="191">
        <v>0</v>
      </c>
      <c r="CI20" s="191">
        <v>2</v>
      </c>
      <c r="CJ20" s="191">
        <v>0</v>
      </c>
      <c r="CK20" s="196">
        <v>7</v>
      </c>
      <c r="CL20" s="195">
        <v>7</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6">
        <v>0</v>
      </c>
      <c r="E21" s="207">
        <v>0</v>
      </c>
      <c r="F21" s="193">
        <v>0</v>
      </c>
      <c r="G21" s="191">
        <v>66</v>
      </c>
      <c r="H21" s="191">
        <v>174</v>
      </c>
      <c r="I21" s="191">
        <v>298</v>
      </c>
      <c r="J21" s="191">
        <v>182</v>
      </c>
      <c r="K21" s="191">
        <v>125</v>
      </c>
      <c r="L21" s="194">
        <v>845</v>
      </c>
      <c r="M21" s="195">
        <v>845</v>
      </c>
      <c r="N21" s="190">
        <v>0</v>
      </c>
      <c r="O21" s="191">
        <v>0</v>
      </c>
      <c r="P21" s="196">
        <v>0</v>
      </c>
      <c r="Q21" s="193">
        <v>0</v>
      </c>
      <c r="R21" s="191">
        <v>0</v>
      </c>
      <c r="S21" s="191">
        <v>0</v>
      </c>
      <c r="T21" s="191">
        <v>2</v>
      </c>
      <c r="U21" s="191">
        <v>8</v>
      </c>
      <c r="V21" s="191">
        <v>0</v>
      </c>
      <c r="W21" s="196">
        <v>10</v>
      </c>
      <c r="X21" s="195">
        <v>10</v>
      </c>
      <c r="Y21" s="190">
        <v>16</v>
      </c>
      <c r="Z21" s="191">
        <v>24</v>
      </c>
      <c r="AA21" s="196">
        <v>40</v>
      </c>
      <c r="AB21" s="193">
        <v>0</v>
      </c>
      <c r="AC21" s="191">
        <v>158</v>
      </c>
      <c r="AD21" s="191">
        <v>65</v>
      </c>
      <c r="AE21" s="191">
        <v>59</v>
      </c>
      <c r="AF21" s="191">
        <v>72</v>
      </c>
      <c r="AG21" s="191">
        <v>25</v>
      </c>
      <c r="AH21" s="196">
        <v>379</v>
      </c>
      <c r="AI21" s="195">
        <v>419</v>
      </c>
      <c r="AJ21" s="190">
        <v>0</v>
      </c>
      <c r="AK21" s="191">
        <v>0</v>
      </c>
      <c r="AL21" s="196">
        <v>0</v>
      </c>
      <c r="AM21" s="193">
        <v>0</v>
      </c>
      <c r="AN21" s="191">
        <v>43</v>
      </c>
      <c r="AO21" s="191">
        <v>8</v>
      </c>
      <c r="AP21" s="191">
        <v>18</v>
      </c>
      <c r="AQ21" s="191">
        <v>27</v>
      </c>
      <c r="AR21" s="191">
        <v>0</v>
      </c>
      <c r="AS21" s="196">
        <v>96</v>
      </c>
      <c r="AT21" s="195">
        <v>96</v>
      </c>
      <c r="AU21" s="190">
        <v>0</v>
      </c>
      <c r="AV21" s="191">
        <v>0</v>
      </c>
      <c r="AW21" s="196">
        <v>0</v>
      </c>
      <c r="AX21" s="193">
        <v>0</v>
      </c>
      <c r="AY21" s="191">
        <v>107</v>
      </c>
      <c r="AZ21" s="191">
        <v>81</v>
      </c>
      <c r="BA21" s="191">
        <v>19</v>
      </c>
      <c r="BB21" s="191">
        <v>13</v>
      </c>
      <c r="BC21" s="191">
        <v>37</v>
      </c>
      <c r="BD21" s="194">
        <v>257</v>
      </c>
      <c r="BE21" s="195">
        <v>257</v>
      </c>
      <c r="BF21" s="190">
        <v>0</v>
      </c>
      <c r="BG21" s="191">
        <v>0</v>
      </c>
      <c r="BH21" s="196">
        <v>0</v>
      </c>
      <c r="BI21" s="193">
        <v>0</v>
      </c>
      <c r="BJ21" s="191">
        <v>97</v>
      </c>
      <c r="BK21" s="191">
        <v>49</v>
      </c>
      <c r="BL21" s="191">
        <v>20</v>
      </c>
      <c r="BM21" s="191">
        <v>29</v>
      </c>
      <c r="BN21" s="191">
        <v>12</v>
      </c>
      <c r="BO21" s="196">
        <v>207</v>
      </c>
      <c r="BP21" s="195">
        <v>207</v>
      </c>
      <c r="BQ21" s="190">
        <v>0</v>
      </c>
      <c r="BR21" s="191">
        <v>0</v>
      </c>
      <c r="BS21" s="196">
        <v>0</v>
      </c>
      <c r="BT21" s="193">
        <v>0</v>
      </c>
      <c r="BU21" s="191">
        <v>4</v>
      </c>
      <c r="BV21" s="191">
        <v>7</v>
      </c>
      <c r="BW21" s="191">
        <v>4</v>
      </c>
      <c r="BX21" s="191">
        <v>2</v>
      </c>
      <c r="BY21" s="191">
        <v>0</v>
      </c>
      <c r="BZ21" s="196">
        <v>17</v>
      </c>
      <c r="CA21" s="195">
        <v>17</v>
      </c>
      <c r="CB21" s="190">
        <v>0</v>
      </c>
      <c r="CC21" s="191">
        <v>0</v>
      </c>
      <c r="CD21" s="196">
        <v>0</v>
      </c>
      <c r="CE21" s="193">
        <v>0</v>
      </c>
      <c r="CF21" s="191">
        <v>21</v>
      </c>
      <c r="CG21" s="191">
        <v>0</v>
      </c>
      <c r="CH21" s="191">
        <v>0</v>
      </c>
      <c r="CI21" s="191">
        <v>14</v>
      </c>
      <c r="CJ21" s="191">
        <v>0</v>
      </c>
      <c r="CK21" s="196">
        <v>35</v>
      </c>
      <c r="CL21" s="195">
        <v>35</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6">
        <v>0</v>
      </c>
      <c r="E22" s="207">
        <v>0</v>
      </c>
      <c r="F22" s="193">
        <v>0</v>
      </c>
      <c r="G22" s="191">
        <v>216</v>
      </c>
      <c r="H22" s="191">
        <v>205</v>
      </c>
      <c r="I22" s="191">
        <v>261</v>
      </c>
      <c r="J22" s="191">
        <v>351</v>
      </c>
      <c r="K22" s="191">
        <v>277</v>
      </c>
      <c r="L22" s="194">
        <v>1310</v>
      </c>
      <c r="M22" s="195">
        <v>1310</v>
      </c>
      <c r="N22" s="190">
        <v>0</v>
      </c>
      <c r="O22" s="191">
        <v>0</v>
      </c>
      <c r="P22" s="196">
        <v>0</v>
      </c>
      <c r="Q22" s="193">
        <v>0</v>
      </c>
      <c r="R22" s="191">
        <v>0</v>
      </c>
      <c r="S22" s="191">
        <v>0</v>
      </c>
      <c r="T22" s="191">
        <v>4</v>
      </c>
      <c r="U22" s="191">
        <v>8</v>
      </c>
      <c r="V22" s="191">
        <v>10</v>
      </c>
      <c r="W22" s="196">
        <v>22</v>
      </c>
      <c r="X22" s="195">
        <v>22</v>
      </c>
      <c r="Y22" s="190">
        <v>18</v>
      </c>
      <c r="Z22" s="191">
        <v>22</v>
      </c>
      <c r="AA22" s="196">
        <v>40</v>
      </c>
      <c r="AB22" s="193">
        <v>0</v>
      </c>
      <c r="AC22" s="191">
        <v>123</v>
      </c>
      <c r="AD22" s="191">
        <v>165</v>
      </c>
      <c r="AE22" s="191">
        <v>132</v>
      </c>
      <c r="AF22" s="191">
        <v>69</v>
      </c>
      <c r="AG22" s="191">
        <v>1</v>
      </c>
      <c r="AH22" s="196">
        <v>490</v>
      </c>
      <c r="AI22" s="195">
        <v>530</v>
      </c>
      <c r="AJ22" s="190">
        <v>0</v>
      </c>
      <c r="AK22" s="191">
        <v>42</v>
      </c>
      <c r="AL22" s="196">
        <v>42</v>
      </c>
      <c r="AM22" s="193">
        <v>0</v>
      </c>
      <c r="AN22" s="191">
        <v>52</v>
      </c>
      <c r="AO22" s="191">
        <v>35</v>
      </c>
      <c r="AP22" s="191">
        <v>40</v>
      </c>
      <c r="AQ22" s="191">
        <v>0</v>
      </c>
      <c r="AR22" s="191">
        <v>19</v>
      </c>
      <c r="AS22" s="196">
        <v>146</v>
      </c>
      <c r="AT22" s="195">
        <v>188</v>
      </c>
      <c r="AU22" s="190">
        <v>0</v>
      </c>
      <c r="AV22" s="191">
        <v>0</v>
      </c>
      <c r="AW22" s="196">
        <v>0</v>
      </c>
      <c r="AX22" s="193">
        <v>0</v>
      </c>
      <c r="AY22" s="191">
        <v>118</v>
      </c>
      <c r="AZ22" s="191">
        <v>127</v>
      </c>
      <c r="BA22" s="191">
        <v>147</v>
      </c>
      <c r="BB22" s="191">
        <v>37</v>
      </c>
      <c r="BC22" s="191">
        <v>24</v>
      </c>
      <c r="BD22" s="194">
        <v>453</v>
      </c>
      <c r="BE22" s="195">
        <v>453</v>
      </c>
      <c r="BF22" s="190">
        <v>0</v>
      </c>
      <c r="BG22" s="191">
        <v>0</v>
      </c>
      <c r="BH22" s="196">
        <v>0</v>
      </c>
      <c r="BI22" s="193">
        <v>0</v>
      </c>
      <c r="BJ22" s="191">
        <v>35</v>
      </c>
      <c r="BK22" s="191">
        <v>80</v>
      </c>
      <c r="BL22" s="191">
        <v>28</v>
      </c>
      <c r="BM22" s="191">
        <v>17</v>
      </c>
      <c r="BN22" s="191">
        <v>2</v>
      </c>
      <c r="BO22" s="196">
        <v>162</v>
      </c>
      <c r="BP22" s="195">
        <v>162</v>
      </c>
      <c r="BQ22" s="190">
        <v>0</v>
      </c>
      <c r="BR22" s="191">
        <v>0</v>
      </c>
      <c r="BS22" s="196">
        <v>0</v>
      </c>
      <c r="BT22" s="193">
        <v>0</v>
      </c>
      <c r="BU22" s="191">
        <v>31</v>
      </c>
      <c r="BV22" s="191">
        <v>34</v>
      </c>
      <c r="BW22" s="191">
        <v>86</v>
      </c>
      <c r="BX22" s="191">
        <v>19</v>
      </c>
      <c r="BY22" s="191">
        <v>12</v>
      </c>
      <c r="BZ22" s="196">
        <v>182</v>
      </c>
      <c r="CA22" s="195">
        <v>182</v>
      </c>
      <c r="CB22" s="190">
        <v>0</v>
      </c>
      <c r="CC22" s="191">
        <v>0</v>
      </c>
      <c r="CD22" s="196">
        <v>0</v>
      </c>
      <c r="CE22" s="193">
        <v>0</v>
      </c>
      <c r="CF22" s="191">
        <v>7</v>
      </c>
      <c r="CG22" s="191">
        <v>3</v>
      </c>
      <c r="CH22" s="191">
        <v>0</v>
      </c>
      <c r="CI22" s="191">
        <v>0</v>
      </c>
      <c r="CJ22" s="191">
        <v>0</v>
      </c>
      <c r="CK22" s="196">
        <v>10</v>
      </c>
      <c r="CL22" s="195">
        <v>10</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6">
        <v>0</v>
      </c>
      <c r="E23" s="207">
        <v>0</v>
      </c>
      <c r="F23" s="193">
        <v>0</v>
      </c>
      <c r="G23" s="191">
        <v>169</v>
      </c>
      <c r="H23" s="191">
        <v>471</v>
      </c>
      <c r="I23" s="191">
        <v>256</v>
      </c>
      <c r="J23" s="191">
        <v>276</v>
      </c>
      <c r="K23" s="191">
        <v>252</v>
      </c>
      <c r="L23" s="194">
        <v>1424</v>
      </c>
      <c r="M23" s="195">
        <v>1424</v>
      </c>
      <c r="N23" s="190">
        <v>0</v>
      </c>
      <c r="O23" s="191">
        <v>0</v>
      </c>
      <c r="P23" s="196">
        <v>0</v>
      </c>
      <c r="Q23" s="193">
        <v>0</v>
      </c>
      <c r="R23" s="191">
        <v>0</v>
      </c>
      <c r="S23" s="191">
        <v>0</v>
      </c>
      <c r="T23" s="191">
        <v>0</v>
      </c>
      <c r="U23" s="191">
        <v>8</v>
      </c>
      <c r="V23" s="191">
        <v>15</v>
      </c>
      <c r="W23" s="196">
        <v>23</v>
      </c>
      <c r="X23" s="195">
        <v>23</v>
      </c>
      <c r="Y23" s="190">
        <v>6</v>
      </c>
      <c r="Z23" s="191">
        <v>26</v>
      </c>
      <c r="AA23" s="196">
        <v>32</v>
      </c>
      <c r="AB23" s="193">
        <v>0</v>
      </c>
      <c r="AC23" s="191">
        <v>125</v>
      </c>
      <c r="AD23" s="191">
        <v>85</v>
      </c>
      <c r="AE23" s="191">
        <v>7</v>
      </c>
      <c r="AF23" s="191">
        <v>104</v>
      </c>
      <c r="AG23" s="191">
        <v>61</v>
      </c>
      <c r="AH23" s="196">
        <v>382</v>
      </c>
      <c r="AI23" s="195">
        <v>414</v>
      </c>
      <c r="AJ23" s="190">
        <v>16</v>
      </c>
      <c r="AK23" s="191">
        <v>27</v>
      </c>
      <c r="AL23" s="196">
        <v>43</v>
      </c>
      <c r="AM23" s="193">
        <v>0</v>
      </c>
      <c r="AN23" s="191">
        <v>0</v>
      </c>
      <c r="AO23" s="191">
        <v>0</v>
      </c>
      <c r="AP23" s="191">
        <v>31</v>
      </c>
      <c r="AQ23" s="191">
        <v>0</v>
      </c>
      <c r="AR23" s="191">
        <v>16</v>
      </c>
      <c r="AS23" s="196">
        <v>47</v>
      </c>
      <c r="AT23" s="195">
        <v>90</v>
      </c>
      <c r="AU23" s="190">
        <v>0</v>
      </c>
      <c r="AV23" s="191">
        <v>0</v>
      </c>
      <c r="AW23" s="196">
        <v>0</v>
      </c>
      <c r="AX23" s="193">
        <v>0</v>
      </c>
      <c r="AY23" s="191">
        <v>136</v>
      </c>
      <c r="AZ23" s="191">
        <v>164</v>
      </c>
      <c r="BA23" s="191">
        <v>96</v>
      </c>
      <c r="BB23" s="191">
        <v>30</v>
      </c>
      <c r="BC23" s="191">
        <v>21</v>
      </c>
      <c r="BD23" s="194">
        <v>447</v>
      </c>
      <c r="BE23" s="195">
        <v>447</v>
      </c>
      <c r="BF23" s="190">
        <v>0</v>
      </c>
      <c r="BG23" s="191">
        <v>0</v>
      </c>
      <c r="BH23" s="196">
        <v>0</v>
      </c>
      <c r="BI23" s="193">
        <v>0</v>
      </c>
      <c r="BJ23" s="191">
        <v>12</v>
      </c>
      <c r="BK23" s="191">
        <v>14</v>
      </c>
      <c r="BL23" s="191">
        <v>15</v>
      </c>
      <c r="BM23" s="191">
        <v>13</v>
      </c>
      <c r="BN23" s="191">
        <v>18</v>
      </c>
      <c r="BO23" s="196">
        <v>72</v>
      </c>
      <c r="BP23" s="195">
        <v>72</v>
      </c>
      <c r="BQ23" s="190">
        <v>0</v>
      </c>
      <c r="BR23" s="191">
        <v>0</v>
      </c>
      <c r="BS23" s="196">
        <v>0</v>
      </c>
      <c r="BT23" s="193">
        <v>0</v>
      </c>
      <c r="BU23" s="191">
        <v>34</v>
      </c>
      <c r="BV23" s="191">
        <v>20</v>
      </c>
      <c r="BW23" s="191">
        <v>28</v>
      </c>
      <c r="BX23" s="191">
        <v>29</v>
      </c>
      <c r="BY23" s="191">
        <v>28</v>
      </c>
      <c r="BZ23" s="196">
        <v>139</v>
      </c>
      <c r="CA23" s="195">
        <v>139</v>
      </c>
      <c r="CB23" s="190">
        <v>0</v>
      </c>
      <c r="CC23" s="191">
        <v>0</v>
      </c>
      <c r="CD23" s="196">
        <v>0</v>
      </c>
      <c r="CE23" s="193">
        <v>0</v>
      </c>
      <c r="CF23" s="191">
        <v>0</v>
      </c>
      <c r="CG23" s="191">
        <v>12</v>
      </c>
      <c r="CH23" s="191">
        <v>12</v>
      </c>
      <c r="CI23" s="191">
        <v>0</v>
      </c>
      <c r="CJ23" s="191">
        <v>0</v>
      </c>
      <c r="CK23" s="196">
        <v>24</v>
      </c>
      <c r="CL23" s="195">
        <v>24</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6">
        <v>0</v>
      </c>
      <c r="E24" s="207">
        <v>0</v>
      </c>
      <c r="F24" s="193">
        <v>0</v>
      </c>
      <c r="G24" s="191">
        <v>21</v>
      </c>
      <c r="H24" s="191">
        <v>13</v>
      </c>
      <c r="I24" s="191">
        <v>29</v>
      </c>
      <c r="J24" s="191">
        <v>7</v>
      </c>
      <c r="K24" s="191">
        <v>89</v>
      </c>
      <c r="L24" s="194">
        <v>159</v>
      </c>
      <c r="M24" s="195">
        <v>159</v>
      </c>
      <c r="N24" s="190">
        <v>0</v>
      </c>
      <c r="O24" s="191">
        <v>0</v>
      </c>
      <c r="P24" s="196">
        <v>0</v>
      </c>
      <c r="Q24" s="193">
        <v>0</v>
      </c>
      <c r="R24" s="191">
        <v>0</v>
      </c>
      <c r="S24" s="191">
        <v>0</v>
      </c>
      <c r="T24" s="191">
        <v>0</v>
      </c>
      <c r="U24" s="191">
        <v>8</v>
      </c>
      <c r="V24" s="191">
        <v>35</v>
      </c>
      <c r="W24" s="196">
        <v>43</v>
      </c>
      <c r="X24" s="195">
        <v>43</v>
      </c>
      <c r="Y24" s="190">
        <v>0</v>
      </c>
      <c r="Z24" s="191">
        <v>2</v>
      </c>
      <c r="AA24" s="196">
        <v>2</v>
      </c>
      <c r="AB24" s="193">
        <v>0</v>
      </c>
      <c r="AC24" s="191">
        <v>52</v>
      </c>
      <c r="AD24" s="191">
        <v>30</v>
      </c>
      <c r="AE24" s="191">
        <v>4</v>
      </c>
      <c r="AF24" s="191">
        <v>0</v>
      </c>
      <c r="AG24" s="191">
        <v>80</v>
      </c>
      <c r="AH24" s="196">
        <v>166</v>
      </c>
      <c r="AI24" s="195">
        <v>168</v>
      </c>
      <c r="AJ24" s="190">
        <v>0</v>
      </c>
      <c r="AK24" s="191">
        <v>0</v>
      </c>
      <c r="AL24" s="196">
        <v>0</v>
      </c>
      <c r="AM24" s="193">
        <v>0</v>
      </c>
      <c r="AN24" s="191">
        <v>12</v>
      </c>
      <c r="AO24" s="191">
        <v>12</v>
      </c>
      <c r="AP24" s="191">
        <v>0</v>
      </c>
      <c r="AQ24" s="191">
        <v>16</v>
      </c>
      <c r="AR24" s="191">
        <v>0</v>
      </c>
      <c r="AS24" s="196">
        <v>40</v>
      </c>
      <c r="AT24" s="195">
        <v>40</v>
      </c>
      <c r="AU24" s="190">
        <v>0</v>
      </c>
      <c r="AV24" s="191">
        <v>0</v>
      </c>
      <c r="AW24" s="196">
        <v>0</v>
      </c>
      <c r="AX24" s="193">
        <v>0</v>
      </c>
      <c r="AY24" s="191">
        <v>20</v>
      </c>
      <c r="AZ24" s="191">
        <v>38</v>
      </c>
      <c r="BA24" s="191">
        <v>27</v>
      </c>
      <c r="BB24" s="191">
        <v>58</v>
      </c>
      <c r="BC24" s="191">
        <v>18</v>
      </c>
      <c r="BD24" s="194">
        <v>161</v>
      </c>
      <c r="BE24" s="195">
        <v>161</v>
      </c>
      <c r="BF24" s="190">
        <v>0</v>
      </c>
      <c r="BG24" s="191">
        <v>0</v>
      </c>
      <c r="BH24" s="196">
        <v>0</v>
      </c>
      <c r="BI24" s="193">
        <v>0</v>
      </c>
      <c r="BJ24" s="191">
        <v>26</v>
      </c>
      <c r="BK24" s="191">
        <v>24</v>
      </c>
      <c r="BL24" s="191">
        <v>0</v>
      </c>
      <c r="BM24" s="191">
        <v>0</v>
      </c>
      <c r="BN24" s="191">
        <v>0</v>
      </c>
      <c r="BO24" s="196">
        <v>50</v>
      </c>
      <c r="BP24" s="195">
        <v>50</v>
      </c>
      <c r="BQ24" s="190">
        <v>0</v>
      </c>
      <c r="BR24" s="191">
        <v>0</v>
      </c>
      <c r="BS24" s="196">
        <v>0</v>
      </c>
      <c r="BT24" s="193">
        <v>0</v>
      </c>
      <c r="BU24" s="191">
        <v>2</v>
      </c>
      <c r="BV24" s="191">
        <v>18</v>
      </c>
      <c r="BW24" s="191">
        <v>5</v>
      </c>
      <c r="BX24" s="191">
        <v>3</v>
      </c>
      <c r="BY24" s="191">
        <v>16</v>
      </c>
      <c r="BZ24" s="196">
        <v>44</v>
      </c>
      <c r="CA24" s="195">
        <v>44</v>
      </c>
      <c r="CB24" s="190">
        <v>0</v>
      </c>
      <c r="CC24" s="191">
        <v>0</v>
      </c>
      <c r="CD24" s="196">
        <v>0</v>
      </c>
      <c r="CE24" s="193">
        <v>0</v>
      </c>
      <c r="CF24" s="191">
        <v>2</v>
      </c>
      <c r="CG24" s="191">
        <v>0</v>
      </c>
      <c r="CH24" s="191">
        <v>0</v>
      </c>
      <c r="CI24" s="191">
        <v>0</v>
      </c>
      <c r="CJ24" s="191">
        <v>0</v>
      </c>
      <c r="CK24" s="196">
        <v>2</v>
      </c>
      <c r="CL24" s="195">
        <v>2</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6">
        <v>0</v>
      </c>
      <c r="E25" s="207">
        <v>0</v>
      </c>
      <c r="F25" s="193">
        <v>0</v>
      </c>
      <c r="G25" s="191">
        <v>0</v>
      </c>
      <c r="H25" s="191">
        <v>34</v>
      </c>
      <c r="I25" s="191">
        <v>118</v>
      </c>
      <c r="J25" s="191">
        <v>16</v>
      </c>
      <c r="K25" s="191">
        <v>34</v>
      </c>
      <c r="L25" s="194">
        <v>202</v>
      </c>
      <c r="M25" s="195">
        <v>202</v>
      </c>
      <c r="N25" s="190">
        <v>0</v>
      </c>
      <c r="O25" s="191">
        <v>0</v>
      </c>
      <c r="P25" s="196">
        <v>0</v>
      </c>
      <c r="Q25" s="193">
        <v>0</v>
      </c>
      <c r="R25" s="191">
        <v>0</v>
      </c>
      <c r="S25" s="191">
        <v>3</v>
      </c>
      <c r="T25" s="191">
        <v>4</v>
      </c>
      <c r="U25" s="191">
        <v>8</v>
      </c>
      <c r="V25" s="191">
        <v>0</v>
      </c>
      <c r="W25" s="196">
        <v>15</v>
      </c>
      <c r="X25" s="195">
        <v>15</v>
      </c>
      <c r="Y25" s="190">
        <v>21</v>
      </c>
      <c r="Z25" s="191">
        <v>27</v>
      </c>
      <c r="AA25" s="196">
        <v>48</v>
      </c>
      <c r="AB25" s="193">
        <v>0</v>
      </c>
      <c r="AC25" s="191">
        <v>41</v>
      </c>
      <c r="AD25" s="191">
        <v>136</v>
      </c>
      <c r="AE25" s="191">
        <v>90</v>
      </c>
      <c r="AF25" s="191">
        <v>47</v>
      </c>
      <c r="AG25" s="191">
        <v>28</v>
      </c>
      <c r="AH25" s="196">
        <v>342</v>
      </c>
      <c r="AI25" s="195">
        <v>390</v>
      </c>
      <c r="AJ25" s="190">
        <v>6</v>
      </c>
      <c r="AK25" s="191">
        <v>12</v>
      </c>
      <c r="AL25" s="196">
        <v>18</v>
      </c>
      <c r="AM25" s="193">
        <v>0</v>
      </c>
      <c r="AN25" s="191">
        <v>0</v>
      </c>
      <c r="AO25" s="191">
        <v>24</v>
      </c>
      <c r="AP25" s="191">
        <v>0</v>
      </c>
      <c r="AQ25" s="191">
        <v>0</v>
      </c>
      <c r="AR25" s="191">
        <v>0</v>
      </c>
      <c r="AS25" s="196">
        <v>24</v>
      </c>
      <c r="AT25" s="195">
        <v>42</v>
      </c>
      <c r="AU25" s="190">
        <v>0</v>
      </c>
      <c r="AV25" s="191">
        <v>0</v>
      </c>
      <c r="AW25" s="196">
        <v>0</v>
      </c>
      <c r="AX25" s="193">
        <v>0</v>
      </c>
      <c r="AY25" s="191">
        <v>90</v>
      </c>
      <c r="AZ25" s="191">
        <v>96</v>
      </c>
      <c r="BA25" s="191">
        <v>39</v>
      </c>
      <c r="BB25" s="191">
        <v>33</v>
      </c>
      <c r="BC25" s="191">
        <v>24</v>
      </c>
      <c r="BD25" s="194">
        <v>282</v>
      </c>
      <c r="BE25" s="195">
        <v>282</v>
      </c>
      <c r="BF25" s="190">
        <v>0</v>
      </c>
      <c r="BG25" s="191">
        <v>0</v>
      </c>
      <c r="BH25" s="196">
        <v>0</v>
      </c>
      <c r="BI25" s="193">
        <v>0</v>
      </c>
      <c r="BJ25" s="191">
        <v>1</v>
      </c>
      <c r="BK25" s="191">
        <v>2</v>
      </c>
      <c r="BL25" s="191">
        <v>24</v>
      </c>
      <c r="BM25" s="191">
        <v>0</v>
      </c>
      <c r="BN25" s="191">
        <v>0</v>
      </c>
      <c r="BO25" s="196">
        <v>27</v>
      </c>
      <c r="BP25" s="195">
        <v>27</v>
      </c>
      <c r="BQ25" s="190">
        <v>0</v>
      </c>
      <c r="BR25" s="191">
        <v>0</v>
      </c>
      <c r="BS25" s="196">
        <v>0</v>
      </c>
      <c r="BT25" s="193">
        <v>0</v>
      </c>
      <c r="BU25" s="191">
        <v>18</v>
      </c>
      <c r="BV25" s="191">
        <v>-89</v>
      </c>
      <c r="BW25" s="191">
        <v>22</v>
      </c>
      <c r="BX25" s="191">
        <v>0</v>
      </c>
      <c r="BY25" s="191">
        <v>0</v>
      </c>
      <c r="BZ25" s="196">
        <v>-49</v>
      </c>
      <c r="CA25" s="195">
        <v>-49</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6">
        <v>0</v>
      </c>
      <c r="E26" s="207">
        <v>0</v>
      </c>
      <c r="F26" s="193">
        <v>0</v>
      </c>
      <c r="G26" s="191">
        <v>106</v>
      </c>
      <c r="H26" s="191">
        <v>113</v>
      </c>
      <c r="I26" s="191">
        <v>4</v>
      </c>
      <c r="J26" s="191">
        <v>251</v>
      </c>
      <c r="K26" s="191">
        <v>294</v>
      </c>
      <c r="L26" s="194">
        <v>768</v>
      </c>
      <c r="M26" s="195">
        <v>768</v>
      </c>
      <c r="N26" s="190">
        <v>0</v>
      </c>
      <c r="O26" s="191">
        <v>0</v>
      </c>
      <c r="P26" s="196">
        <v>0</v>
      </c>
      <c r="Q26" s="193">
        <v>0</v>
      </c>
      <c r="R26" s="191">
        <v>0</v>
      </c>
      <c r="S26" s="191">
        <v>0</v>
      </c>
      <c r="T26" s="191">
        <v>0</v>
      </c>
      <c r="U26" s="191">
        <v>0</v>
      </c>
      <c r="V26" s="191">
        <v>20</v>
      </c>
      <c r="W26" s="196">
        <v>20</v>
      </c>
      <c r="X26" s="195">
        <v>20</v>
      </c>
      <c r="Y26" s="190">
        <v>13</v>
      </c>
      <c r="Z26" s="191">
        <v>26</v>
      </c>
      <c r="AA26" s="196">
        <v>39</v>
      </c>
      <c r="AB26" s="193">
        <v>0</v>
      </c>
      <c r="AC26" s="191">
        <v>52</v>
      </c>
      <c r="AD26" s="191">
        <v>91</v>
      </c>
      <c r="AE26" s="191">
        <v>26</v>
      </c>
      <c r="AF26" s="191">
        <v>27</v>
      </c>
      <c r="AG26" s="191">
        <v>40</v>
      </c>
      <c r="AH26" s="196">
        <v>236</v>
      </c>
      <c r="AI26" s="195">
        <v>275</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70</v>
      </c>
      <c r="AZ26" s="191">
        <v>55</v>
      </c>
      <c r="BA26" s="191">
        <v>21</v>
      </c>
      <c r="BB26" s="191">
        <v>5</v>
      </c>
      <c r="BC26" s="191">
        <v>0</v>
      </c>
      <c r="BD26" s="194">
        <v>151</v>
      </c>
      <c r="BE26" s="195">
        <v>151</v>
      </c>
      <c r="BF26" s="190">
        <v>0</v>
      </c>
      <c r="BG26" s="191">
        <v>0</v>
      </c>
      <c r="BH26" s="196">
        <v>0</v>
      </c>
      <c r="BI26" s="193">
        <v>0</v>
      </c>
      <c r="BJ26" s="191">
        <v>44</v>
      </c>
      <c r="BK26" s="191">
        <v>25</v>
      </c>
      <c r="BL26" s="191">
        <v>0</v>
      </c>
      <c r="BM26" s="191">
        <v>0</v>
      </c>
      <c r="BN26" s="191">
        <v>1</v>
      </c>
      <c r="BO26" s="196">
        <v>70</v>
      </c>
      <c r="BP26" s="195">
        <v>70</v>
      </c>
      <c r="BQ26" s="190">
        <v>0</v>
      </c>
      <c r="BR26" s="191">
        <v>0</v>
      </c>
      <c r="BS26" s="196">
        <v>0</v>
      </c>
      <c r="BT26" s="193">
        <v>0</v>
      </c>
      <c r="BU26" s="191">
        <v>0</v>
      </c>
      <c r="BV26" s="191">
        <v>18</v>
      </c>
      <c r="BW26" s="191">
        <v>5</v>
      </c>
      <c r="BX26" s="191">
        <v>0</v>
      </c>
      <c r="BY26" s="191">
        <v>0</v>
      </c>
      <c r="BZ26" s="196">
        <v>23</v>
      </c>
      <c r="CA26" s="195">
        <v>23</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6">
        <v>0</v>
      </c>
      <c r="E27" s="207">
        <v>0</v>
      </c>
      <c r="F27" s="193">
        <v>0</v>
      </c>
      <c r="G27" s="191">
        <v>51</v>
      </c>
      <c r="H27" s="191">
        <v>21</v>
      </c>
      <c r="I27" s="191">
        <v>28</v>
      </c>
      <c r="J27" s="191">
        <v>99</v>
      </c>
      <c r="K27" s="191">
        <v>90</v>
      </c>
      <c r="L27" s="194">
        <v>289</v>
      </c>
      <c r="M27" s="195">
        <v>289</v>
      </c>
      <c r="N27" s="190">
        <v>0</v>
      </c>
      <c r="O27" s="191">
        <v>0</v>
      </c>
      <c r="P27" s="196">
        <v>0</v>
      </c>
      <c r="Q27" s="193">
        <v>0</v>
      </c>
      <c r="R27" s="191">
        <v>0</v>
      </c>
      <c r="S27" s="191">
        <v>0</v>
      </c>
      <c r="T27" s="191">
        <v>9</v>
      </c>
      <c r="U27" s="191">
        <v>14</v>
      </c>
      <c r="V27" s="191">
        <v>9</v>
      </c>
      <c r="W27" s="196">
        <v>32</v>
      </c>
      <c r="X27" s="195">
        <v>32</v>
      </c>
      <c r="Y27" s="190">
        <v>24</v>
      </c>
      <c r="Z27" s="191">
        <v>34</v>
      </c>
      <c r="AA27" s="196">
        <v>58</v>
      </c>
      <c r="AB27" s="193">
        <v>0</v>
      </c>
      <c r="AC27" s="191">
        <v>4</v>
      </c>
      <c r="AD27" s="191">
        <v>4</v>
      </c>
      <c r="AE27" s="191">
        <v>24</v>
      </c>
      <c r="AF27" s="191">
        <v>21</v>
      </c>
      <c r="AG27" s="191">
        <v>57</v>
      </c>
      <c r="AH27" s="196">
        <v>110</v>
      </c>
      <c r="AI27" s="195">
        <v>168</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14</v>
      </c>
      <c r="AZ27" s="191">
        <v>26</v>
      </c>
      <c r="BA27" s="191">
        <v>49</v>
      </c>
      <c r="BB27" s="191">
        <v>16</v>
      </c>
      <c r="BC27" s="191">
        <v>0</v>
      </c>
      <c r="BD27" s="194">
        <v>105</v>
      </c>
      <c r="BE27" s="195">
        <v>105</v>
      </c>
      <c r="BF27" s="190">
        <v>0</v>
      </c>
      <c r="BG27" s="191">
        <v>0</v>
      </c>
      <c r="BH27" s="196">
        <v>0</v>
      </c>
      <c r="BI27" s="193">
        <v>0</v>
      </c>
      <c r="BJ27" s="191">
        <v>27</v>
      </c>
      <c r="BK27" s="191">
        <v>48</v>
      </c>
      <c r="BL27" s="191">
        <v>0</v>
      </c>
      <c r="BM27" s="191">
        <v>1</v>
      </c>
      <c r="BN27" s="191">
        <v>0</v>
      </c>
      <c r="BO27" s="196">
        <v>76</v>
      </c>
      <c r="BP27" s="195">
        <v>76</v>
      </c>
      <c r="BQ27" s="190">
        <v>0</v>
      </c>
      <c r="BR27" s="191">
        <v>0</v>
      </c>
      <c r="BS27" s="196">
        <v>0</v>
      </c>
      <c r="BT27" s="193">
        <v>0</v>
      </c>
      <c r="BU27" s="191">
        <v>15</v>
      </c>
      <c r="BV27" s="191">
        <v>-24</v>
      </c>
      <c r="BW27" s="191">
        <v>-82</v>
      </c>
      <c r="BX27" s="191">
        <v>0</v>
      </c>
      <c r="BY27" s="191">
        <v>0</v>
      </c>
      <c r="BZ27" s="196">
        <v>-91</v>
      </c>
      <c r="CA27" s="195">
        <v>-91</v>
      </c>
      <c r="CB27" s="190">
        <v>0</v>
      </c>
      <c r="CC27" s="191">
        <v>0</v>
      </c>
      <c r="CD27" s="196">
        <v>0</v>
      </c>
      <c r="CE27" s="193">
        <v>0</v>
      </c>
      <c r="CF27" s="191">
        <v>0</v>
      </c>
      <c r="CG27" s="191">
        <v>3</v>
      </c>
      <c r="CH27" s="191">
        <v>0</v>
      </c>
      <c r="CI27" s="191">
        <v>0</v>
      </c>
      <c r="CJ27" s="191">
        <v>0</v>
      </c>
      <c r="CK27" s="196">
        <v>3</v>
      </c>
      <c r="CL27" s="195">
        <v>3</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6">
        <v>0</v>
      </c>
      <c r="E28" s="207">
        <v>0</v>
      </c>
      <c r="F28" s="193">
        <v>0</v>
      </c>
      <c r="G28" s="191">
        <v>12</v>
      </c>
      <c r="H28" s="191">
        <v>130</v>
      </c>
      <c r="I28" s="191">
        <v>82</v>
      </c>
      <c r="J28" s="191">
        <v>82</v>
      </c>
      <c r="K28" s="191">
        <v>230</v>
      </c>
      <c r="L28" s="194">
        <v>536</v>
      </c>
      <c r="M28" s="195">
        <v>536</v>
      </c>
      <c r="N28" s="190">
        <v>0</v>
      </c>
      <c r="O28" s="191">
        <v>0</v>
      </c>
      <c r="P28" s="196">
        <v>0</v>
      </c>
      <c r="Q28" s="193">
        <v>0</v>
      </c>
      <c r="R28" s="191">
        <v>0</v>
      </c>
      <c r="S28" s="191">
        <v>0</v>
      </c>
      <c r="T28" s="191">
        <v>0</v>
      </c>
      <c r="U28" s="191">
        <v>4</v>
      </c>
      <c r="V28" s="191">
        <v>0</v>
      </c>
      <c r="W28" s="196">
        <v>4</v>
      </c>
      <c r="X28" s="195">
        <v>4</v>
      </c>
      <c r="Y28" s="190">
        <v>17</v>
      </c>
      <c r="Z28" s="191">
        <v>0</v>
      </c>
      <c r="AA28" s="196">
        <v>17</v>
      </c>
      <c r="AB28" s="193">
        <v>0</v>
      </c>
      <c r="AC28" s="191">
        <v>41</v>
      </c>
      <c r="AD28" s="191">
        <v>54</v>
      </c>
      <c r="AE28" s="191">
        <v>20</v>
      </c>
      <c r="AF28" s="191">
        <v>8</v>
      </c>
      <c r="AG28" s="191">
        <v>25</v>
      </c>
      <c r="AH28" s="196">
        <v>148</v>
      </c>
      <c r="AI28" s="195">
        <v>165</v>
      </c>
      <c r="AJ28" s="190">
        <v>12</v>
      </c>
      <c r="AK28" s="191">
        <v>0</v>
      </c>
      <c r="AL28" s="196">
        <v>12</v>
      </c>
      <c r="AM28" s="193">
        <v>0</v>
      </c>
      <c r="AN28" s="191">
        <v>18</v>
      </c>
      <c r="AO28" s="191">
        <v>0</v>
      </c>
      <c r="AP28" s="191">
        <v>12</v>
      </c>
      <c r="AQ28" s="191">
        <v>0</v>
      </c>
      <c r="AR28" s="191">
        <v>0</v>
      </c>
      <c r="AS28" s="196">
        <v>30</v>
      </c>
      <c r="AT28" s="195">
        <v>42</v>
      </c>
      <c r="AU28" s="190">
        <v>0</v>
      </c>
      <c r="AV28" s="191">
        <v>0</v>
      </c>
      <c r="AW28" s="196">
        <v>0</v>
      </c>
      <c r="AX28" s="193">
        <v>0</v>
      </c>
      <c r="AY28" s="191">
        <v>59</v>
      </c>
      <c r="AZ28" s="191">
        <v>29</v>
      </c>
      <c r="BA28" s="191">
        <v>12</v>
      </c>
      <c r="BB28" s="191">
        <v>11</v>
      </c>
      <c r="BC28" s="191">
        <v>16</v>
      </c>
      <c r="BD28" s="194">
        <v>127</v>
      </c>
      <c r="BE28" s="195">
        <v>127</v>
      </c>
      <c r="BF28" s="190">
        <v>0</v>
      </c>
      <c r="BG28" s="191">
        <v>0</v>
      </c>
      <c r="BH28" s="196">
        <v>0</v>
      </c>
      <c r="BI28" s="193">
        <v>0</v>
      </c>
      <c r="BJ28" s="191">
        <v>0</v>
      </c>
      <c r="BK28" s="191">
        <v>23</v>
      </c>
      <c r="BL28" s="191">
        <v>9</v>
      </c>
      <c r="BM28" s="191">
        <v>0</v>
      </c>
      <c r="BN28" s="191">
        <v>0</v>
      </c>
      <c r="BO28" s="196">
        <v>32</v>
      </c>
      <c r="BP28" s="195">
        <v>32</v>
      </c>
      <c r="BQ28" s="190">
        <v>0</v>
      </c>
      <c r="BR28" s="191">
        <v>0</v>
      </c>
      <c r="BS28" s="196">
        <v>0</v>
      </c>
      <c r="BT28" s="193">
        <v>0</v>
      </c>
      <c r="BU28" s="191">
        <v>20</v>
      </c>
      <c r="BV28" s="191">
        <v>108</v>
      </c>
      <c r="BW28" s="191">
        <v>0</v>
      </c>
      <c r="BX28" s="191">
        <v>29</v>
      </c>
      <c r="BY28" s="191">
        <v>29</v>
      </c>
      <c r="BZ28" s="196">
        <v>186</v>
      </c>
      <c r="CA28" s="195">
        <v>186</v>
      </c>
      <c r="CB28" s="190">
        <v>0</v>
      </c>
      <c r="CC28" s="191">
        <v>0</v>
      </c>
      <c r="CD28" s="196">
        <v>0</v>
      </c>
      <c r="CE28" s="193">
        <v>0</v>
      </c>
      <c r="CF28" s="191">
        <v>0</v>
      </c>
      <c r="CG28" s="191">
        <v>0</v>
      </c>
      <c r="CH28" s="191">
        <v>0</v>
      </c>
      <c r="CI28" s="191">
        <v>0</v>
      </c>
      <c r="CJ28" s="191">
        <v>2</v>
      </c>
      <c r="CK28" s="196">
        <v>2</v>
      </c>
      <c r="CL28" s="195">
        <v>2</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6">
        <v>0</v>
      </c>
      <c r="E29" s="207">
        <v>0</v>
      </c>
      <c r="F29" s="193">
        <v>0</v>
      </c>
      <c r="G29" s="191">
        <v>8</v>
      </c>
      <c r="H29" s="191">
        <v>155</v>
      </c>
      <c r="I29" s="191">
        <v>145</v>
      </c>
      <c r="J29" s="191">
        <v>64</v>
      </c>
      <c r="K29" s="191">
        <v>111</v>
      </c>
      <c r="L29" s="194">
        <v>483</v>
      </c>
      <c r="M29" s="195">
        <v>483</v>
      </c>
      <c r="N29" s="190">
        <v>0</v>
      </c>
      <c r="O29" s="191">
        <v>0</v>
      </c>
      <c r="P29" s="196">
        <v>0</v>
      </c>
      <c r="Q29" s="193">
        <v>0</v>
      </c>
      <c r="R29" s="191">
        <v>0</v>
      </c>
      <c r="S29" s="191">
        <v>0</v>
      </c>
      <c r="T29" s="191">
        <v>0</v>
      </c>
      <c r="U29" s="191">
        <v>5</v>
      </c>
      <c r="V29" s="191">
        <v>0</v>
      </c>
      <c r="W29" s="196">
        <v>5</v>
      </c>
      <c r="X29" s="195">
        <v>5</v>
      </c>
      <c r="Y29" s="190">
        <v>4</v>
      </c>
      <c r="Z29" s="191">
        <v>24</v>
      </c>
      <c r="AA29" s="196">
        <v>28</v>
      </c>
      <c r="AB29" s="193">
        <v>0</v>
      </c>
      <c r="AC29" s="191">
        <v>9</v>
      </c>
      <c r="AD29" s="191">
        <v>26</v>
      </c>
      <c r="AE29" s="191">
        <v>33</v>
      </c>
      <c r="AF29" s="191">
        <v>39</v>
      </c>
      <c r="AG29" s="191">
        <v>0</v>
      </c>
      <c r="AH29" s="196">
        <v>107</v>
      </c>
      <c r="AI29" s="195">
        <v>135</v>
      </c>
      <c r="AJ29" s="190">
        <v>0</v>
      </c>
      <c r="AK29" s="191">
        <v>0</v>
      </c>
      <c r="AL29" s="196">
        <v>0</v>
      </c>
      <c r="AM29" s="193">
        <v>0</v>
      </c>
      <c r="AN29" s="191">
        <v>0</v>
      </c>
      <c r="AO29" s="191">
        <v>0</v>
      </c>
      <c r="AP29" s="191">
        <v>0</v>
      </c>
      <c r="AQ29" s="191">
        <v>0</v>
      </c>
      <c r="AR29" s="191">
        <v>0</v>
      </c>
      <c r="AS29" s="196">
        <v>0</v>
      </c>
      <c r="AT29" s="195">
        <v>0</v>
      </c>
      <c r="AU29" s="190">
        <v>0</v>
      </c>
      <c r="AV29" s="191">
        <v>0</v>
      </c>
      <c r="AW29" s="196">
        <v>0</v>
      </c>
      <c r="AX29" s="193">
        <v>0</v>
      </c>
      <c r="AY29" s="191">
        <v>58</v>
      </c>
      <c r="AZ29" s="191">
        <v>14</v>
      </c>
      <c r="BA29" s="191">
        <v>32</v>
      </c>
      <c r="BB29" s="191">
        <v>37</v>
      </c>
      <c r="BC29" s="191">
        <v>0</v>
      </c>
      <c r="BD29" s="194">
        <v>141</v>
      </c>
      <c r="BE29" s="195">
        <v>141</v>
      </c>
      <c r="BF29" s="190">
        <v>0</v>
      </c>
      <c r="BG29" s="191">
        <v>0</v>
      </c>
      <c r="BH29" s="196">
        <v>0</v>
      </c>
      <c r="BI29" s="193">
        <v>0</v>
      </c>
      <c r="BJ29" s="191">
        <v>16</v>
      </c>
      <c r="BK29" s="191">
        <v>18</v>
      </c>
      <c r="BL29" s="191">
        <v>8</v>
      </c>
      <c r="BM29" s="191">
        <v>0</v>
      </c>
      <c r="BN29" s="191">
        <v>0</v>
      </c>
      <c r="BO29" s="196">
        <v>42</v>
      </c>
      <c r="BP29" s="195">
        <v>42</v>
      </c>
      <c r="BQ29" s="190">
        <v>0</v>
      </c>
      <c r="BR29" s="191">
        <v>0</v>
      </c>
      <c r="BS29" s="196">
        <v>0</v>
      </c>
      <c r="BT29" s="193">
        <v>0</v>
      </c>
      <c r="BU29" s="191">
        <v>0</v>
      </c>
      <c r="BV29" s="191">
        <v>0</v>
      </c>
      <c r="BW29" s="191">
        <v>3</v>
      </c>
      <c r="BX29" s="191">
        <v>10</v>
      </c>
      <c r="BY29" s="191">
        <v>0</v>
      </c>
      <c r="BZ29" s="196">
        <v>13</v>
      </c>
      <c r="CA29" s="195">
        <v>13</v>
      </c>
      <c r="CB29" s="190">
        <v>0</v>
      </c>
      <c r="CC29" s="191">
        <v>0</v>
      </c>
      <c r="CD29" s="196">
        <v>0</v>
      </c>
      <c r="CE29" s="193">
        <v>0</v>
      </c>
      <c r="CF29" s="191">
        <v>6</v>
      </c>
      <c r="CG29" s="191">
        <v>0</v>
      </c>
      <c r="CH29" s="191">
        <v>5</v>
      </c>
      <c r="CI29" s="191">
        <v>0</v>
      </c>
      <c r="CJ29" s="191">
        <v>0</v>
      </c>
      <c r="CK29" s="196">
        <v>11</v>
      </c>
      <c r="CL29" s="195">
        <v>11</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6">
        <v>0</v>
      </c>
      <c r="E30" s="207">
        <v>0</v>
      </c>
      <c r="F30" s="193">
        <v>0</v>
      </c>
      <c r="G30" s="191">
        <v>9</v>
      </c>
      <c r="H30" s="191">
        <v>8</v>
      </c>
      <c r="I30" s="191">
        <v>0</v>
      </c>
      <c r="J30" s="191">
        <v>31</v>
      </c>
      <c r="K30" s="191">
        <v>0</v>
      </c>
      <c r="L30" s="194">
        <v>48</v>
      </c>
      <c r="M30" s="195">
        <v>48</v>
      </c>
      <c r="N30" s="190">
        <v>0</v>
      </c>
      <c r="O30" s="191">
        <v>0</v>
      </c>
      <c r="P30" s="196">
        <v>0</v>
      </c>
      <c r="Q30" s="193">
        <v>0</v>
      </c>
      <c r="R30" s="191">
        <v>0</v>
      </c>
      <c r="S30" s="191">
        <v>0</v>
      </c>
      <c r="T30" s="191">
        <v>0</v>
      </c>
      <c r="U30" s="191">
        <v>0</v>
      </c>
      <c r="V30" s="191">
        <v>0</v>
      </c>
      <c r="W30" s="196">
        <v>0</v>
      </c>
      <c r="X30" s="195">
        <v>0</v>
      </c>
      <c r="Y30" s="190">
        <v>0</v>
      </c>
      <c r="Z30" s="191">
        <v>2</v>
      </c>
      <c r="AA30" s="196">
        <v>2</v>
      </c>
      <c r="AB30" s="193">
        <v>0</v>
      </c>
      <c r="AC30" s="191">
        <v>0</v>
      </c>
      <c r="AD30" s="191">
        <v>10</v>
      </c>
      <c r="AE30" s="191">
        <v>2</v>
      </c>
      <c r="AF30" s="191">
        <v>0</v>
      </c>
      <c r="AG30" s="191">
        <v>0</v>
      </c>
      <c r="AH30" s="196">
        <v>12</v>
      </c>
      <c r="AI30" s="195">
        <v>14</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9</v>
      </c>
      <c r="BA30" s="191">
        <v>14</v>
      </c>
      <c r="BB30" s="191">
        <v>0</v>
      </c>
      <c r="BC30" s="191">
        <v>0</v>
      </c>
      <c r="BD30" s="194">
        <v>23</v>
      </c>
      <c r="BE30" s="195">
        <v>23</v>
      </c>
      <c r="BF30" s="190">
        <v>0</v>
      </c>
      <c r="BG30" s="191">
        <v>0</v>
      </c>
      <c r="BH30" s="196">
        <v>0</v>
      </c>
      <c r="BI30" s="193">
        <v>0</v>
      </c>
      <c r="BJ30" s="191">
        <v>0</v>
      </c>
      <c r="BK30" s="191">
        <v>0</v>
      </c>
      <c r="BL30" s="191">
        <v>8</v>
      </c>
      <c r="BM30" s="191">
        <v>0</v>
      </c>
      <c r="BN30" s="191">
        <v>0</v>
      </c>
      <c r="BO30" s="196">
        <v>8</v>
      </c>
      <c r="BP30" s="195">
        <v>8</v>
      </c>
      <c r="BQ30" s="190">
        <v>0</v>
      </c>
      <c r="BR30" s="191">
        <v>0</v>
      </c>
      <c r="BS30" s="196">
        <v>0</v>
      </c>
      <c r="BT30" s="193">
        <v>0</v>
      </c>
      <c r="BU30" s="191">
        <v>0</v>
      </c>
      <c r="BV30" s="191">
        <v>0</v>
      </c>
      <c r="BW30" s="191">
        <v>16</v>
      </c>
      <c r="BX30" s="191">
        <v>0</v>
      </c>
      <c r="BY30" s="191">
        <v>0</v>
      </c>
      <c r="BZ30" s="196">
        <v>16</v>
      </c>
      <c r="CA30" s="195">
        <v>16</v>
      </c>
      <c r="CB30" s="190">
        <v>0</v>
      </c>
      <c r="CC30" s="191">
        <v>0</v>
      </c>
      <c r="CD30" s="196">
        <v>0</v>
      </c>
      <c r="CE30" s="193">
        <v>0</v>
      </c>
      <c r="CF30" s="191">
        <v>5</v>
      </c>
      <c r="CG30" s="191">
        <v>0</v>
      </c>
      <c r="CH30" s="191">
        <v>0</v>
      </c>
      <c r="CI30" s="191">
        <v>0</v>
      </c>
      <c r="CJ30" s="191">
        <v>0</v>
      </c>
      <c r="CK30" s="196">
        <v>5</v>
      </c>
      <c r="CL30" s="195">
        <v>5</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6">
        <v>0</v>
      </c>
      <c r="E31" s="207">
        <v>0</v>
      </c>
      <c r="F31" s="193">
        <v>0</v>
      </c>
      <c r="G31" s="191">
        <v>14</v>
      </c>
      <c r="H31" s="191">
        <v>28</v>
      </c>
      <c r="I31" s="191">
        <v>70</v>
      </c>
      <c r="J31" s="191">
        <v>87</v>
      </c>
      <c r="K31" s="191">
        <v>0</v>
      </c>
      <c r="L31" s="194">
        <v>199</v>
      </c>
      <c r="M31" s="195">
        <v>199</v>
      </c>
      <c r="N31" s="190">
        <v>0</v>
      </c>
      <c r="O31" s="191">
        <v>0</v>
      </c>
      <c r="P31" s="196">
        <v>0</v>
      </c>
      <c r="Q31" s="193">
        <v>0</v>
      </c>
      <c r="R31" s="191">
        <v>0</v>
      </c>
      <c r="S31" s="191">
        <v>0</v>
      </c>
      <c r="T31" s="191">
        <v>0</v>
      </c>
      <c r="U31" s="191">
        <v>0</v>
      </c>
      <c r="V31" s="191">
        <v>0</v>
      </c>
      <c r="W31" s="196">
        <v>0</v>
      </c>
      <c r="X31" s="195">
        <v>0</v>
      </c>
      <c r="Y31" s="190">
        <v>2</v>
      </c>
      <c r="Z31" s="191">
        <v>8</v>
      </c>
      <c r="AA31" s="196">
        <v>10</v>
      </c>
      <c r="AB31" s="193">
        <v>0</v>
      </c>
      <c r="AC31" s="191">
        <v>38</v>
      </c>
      <c r="AD31" s="191">
        <v>39</v>
      </c>
      <c r="AE31" s="191">
        <v>3</v>
      </c>
      <c r="AF31" s="191">
        <v>1</v>
      </c>
      <c r="AG31" s="191">
        <v>0</v>
      </c>
      <c r="AH31" s="196">
        <v>81</v>
      </c>
      <c r="AI31" s="195">
        <v>91</v>
      </c>
      <c r="AJ31" s="190">
        <v>0</v>
      </c>
      <c r="AK31" s="191">
        <v>22</v>
      </c>
      <c r="AL31" s="196">
        <v>22</v>
      </c>
      <c r="AM31" s="193">
        <v>0</v>
      </c>
      <c r="AN31" s="191">
        <v>0</v>
      </c>
      <c r="AO31" s="191">
        <v>0</v>
      </c>
      <c r="AP31" s="191">
        <v>0</v>
      </c>
      <c r="AQ31" s="191">
        <v>0</v>
      </c>
      <c r="AR31" s="191">
        <v>0</v>
      </c>
      <c r="AS31" s="196">
        <v>0</v>
      </c>
      <c r="AT31" s="195">
        <v>22</v>
      </c>
      <c r="AU31" s="190">
        <v>0</v>
      </c>
      <c r="AV31" s="191">
        <v>0</v>
      </c>
      <c r="AW31" s="196">
        <v>0</v>
      </c>
      <c r="AX31" s="193">
        <v>0</v>
      </c>
      <c r="AY31" s="191">
        <v>31</v>
      </c>
      <c r="AZ31" s="191">
        <v>7</v>
      </c>
      <c r="BA31" s="191">
        <v>0</v>
      </c>
      <c r="BB31" s="191">
        <v>0</v>
      </c>
      <c r="BC31" s="191">
        <v>0</v>
      </c>
      <c r="BD31" s="194">
        <v>38</v>
      </c>
      <c r="BE31" s="195">
        <v>38</v>
      </c>
      <c r="BF31" s="190">
        <v>0</v>
      </c>
      <c r="BG31" s="191">
        <v>0</v>
      </c>
      <c r="BH31" s="196">
        <v>0</v>
      </c>
      <c r="BI31" s="193">
        <v>0</v>
      </c>
      <c r="BJ31" s="191">
        <v>6</v>
      </c>
      <c r="BK31" s="191">
        <v>0</v>
      </c>
      <c r="BL31" s="191">
        <v>0</v>
      </c>
      <c r="BM31" s="191">
        <v>0</v>
      </c>
      <c r="BN31" s="191">
        <v>0</v>
      </c>
      <c r="BO31" s="196">
        <v>6</v>
      </c>
      <c r="BP31" s="195">
        <v>6</v>
      </c>
      <c r="BQ31" s="190">
        <v>0</v>
      </c>
      <c r="BR31" s="191">
        <v>0</v>
      </c>
      <c r="BS31" s="196">
        <v>0</v>
      </c>
      <c r="BT31" s="193">
        <v>0</v>
      </c>
      <c r="BU31" s="191">
        <v>0</v>
      </c>
      <c r="BV31" s="191">
        <v>4</v>
      </c>
      <c r="BW31" s="191">
        <v>0</v>
      </c>
      <c r="BX31" s="191">
        <v>0</v>
      </c>
      <c r="BY31" s="191">
        <v>0</v>
      </c>
      <c r="BZ31" s="196">
        <v>4</v>
      </c>
      <c r="CA31" s="195">
        <v>4</v>
      </c>
      <c r="CB31" s="190">
        <v>0</v>
      </c>
      <c r="CC31" s="191">
        <v>0</v>
      </c>
      <c r="CD31" s="196">
        <v>0</v>
      </c>
      <c r="CE31" s="193">
        <v>0</v>
      </c>
      <c r="CF31" s="191">
        <v>0</v>
      </c>
      <c r="CG31" s="191">
        <v>0</v>
      </c>
      <c r="CH31" s="191">
        <v>0</v>
      </c>
      <c r="CI31" s="191">
        <v>0</v>
      </c>
      <c r="CJ31" s="191">
        <v>0</v>
      </c>
      <c r="CK31" s="196">
        <v>0</v>
      </c>
      <c r="CL31" s="195">
        <v>0</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6">
        <v>0</v>
      </c>
      <c r="E32" s="207">
        <v>0</v>
      </c>
      <c r="F32" s="193">
        <v>0</v>
      </c>
      <c r="G32" s="191">
        <v>11</v>
      </c>
      <c r="H32" s="191">
        <v>9</v>
      </c>
      <c r="I32" s="191">
        <v>56</v>
      </c>
      <c r="J32" s="191">
        <v>46</v>
      </c>
      <c r="K32" s="191">
        <v>0</v>
      </c>
      <c r="L32" s="194">
        <v>122</v>
      </c>
      <c r="M32" s="195">
        <v>122</v>
      </c>
      <c r="N32" s="190">
        <v>0</v>
      </c>
      <c r="O32" s="191">
        <v>0</v>
      </c>
      <c r="P32" s="196">
        <v>0</v>
      </c>
      <c r="Q32" s="193">
        <v>0</v>
      </c>
      <c r="R32" s="191">
        <v>0</v>
      </c>
      <c r="S32" s="191">
        <v>0</v>
      </c>
      <c r="T32" s="191">
        <v>5</v>
      </c>
      <c r="U32" s="191">
        <v>0</v>
      </c>
      <c r="V32" s="191">
        <v>0</v>
      </c>
      <c r="W32" s="196">
        <v>5</v>
      </c>
      <c r="X32" s="195">
        <v>5</v>
      </c>
      <c r="Y32" s="190">
        <v>0</v>
      </c>
      <c r="Z32" s="191">
        <v>0</v>
      </c>
      <c r="AA32" s="196">
        <v>0</v>
      </c>
      <c r="AB32" s="193">
        <v>0</v>
      </c>
      <c r="AC32" s="191">
        <v>29</v>
      </c>
      <c r="AD32" s="191">
        <v>12</v>
      </c>
      <c r="AE32" s="191">
        <v>4</v>
      </c>
      <c r="AF32" s="191">
        <v>0</v>
      </c>
      <c r="AG32" s="191">
        <v>0</v>
      </c>
      <c r="AH32" s="196">
        <v>45</v>
      </c>
      <c r="AI32" s="195">
        <v>45</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5</v>
      </c>
      <c r="AZ32" s="191">
        <v>0</v>
      </c>
      <c r="BA32" s="191">
        <v>4</v>
      </c>
      <c r="BB32" s="191">
        <v>0</v>
      </c>
      <c r="BC32" s="191">
        <v>0</v>
      </c>
      <c r="BD32" s="194">
        <v>9</v>
      </c>
      <c r="BE32" s="195">
        <v>9</v>
      </c>
      <c r="BF32" s="190">
        <v>0</v>
      </c>
      <c r="BG32" s="191">
        <v>0</v>
      </c>
      <c r="BH32" s="196">
        <v>0</v>
      </c>
      <c r="BI32" s="193">
        <v>0</v>
      </c>
      <c r="BJ32" s="191">
        <v>7</v>
      </c>
      <c r="BK32" s="191">
        <v>0</v>
      </c>
      <c r="BL32" s="191">
        <v>0</v>
      </c>
      <c r="BM32" s="191">
        <v>9</v>
      </c>
      <c r="BN32" s="191">
        <v>0</v>
      </c>
      <c r="BO32" s="196">
        <v>16</v>
      </c>
      <c r="BP32" s="195">
        <v>16</v>
      </c>
      <c r="BQ32" s="190">
        <v>0</v>
      </c>
      <c r="BR32" s="191">
        <v>0</v>
      </c>
      <c r="BS32" s="196">
        <v>0</v>
      </c>
      <c r="BT32" s="193">
        <v>0</v>
      </c>
      <c r="BU32" s="191">
        <v>4</v>
      </c>
      <c r="BV32" s="191">
        <v>6</v>
      </c>
      <c r="BW32" s="191">
        <v>0</v>
      </c>
      <c r="BX32" s="191">
        <v>0</v>
      </c>
      <c r="BY32" s="191">
        <v>0</v>
      </c>
      <c r="BZ32" s="196">
        <v>10</v>
      </c>
      <c r="CA32" s="195">
        <v>10</v>
      </c>
      <c r="CB32" s="190">
        <v>0</v>
      </c>
      <c r="CC32" s="191">
        <v>0</v>
      </c>
      <c r="CD32" s="196">
        <v>0</v>
      </c>
      <c r="CE32" s="193">
        <v>0</v>
      </c>
      <c r="CF32" s="191">
        <v>2</v>
      </c>
      <c r="CG32" s="191">
        <v>0</v>
      </c>
      <c r="CH32" s="191">
        <v>0</v>
      </c>
      <c r="CI32" s="191">
        <v>0</v>
      </c>
      <c r="CJ32" s="191">
        <v>0</v>
      </c>
      <c r="CK32" s="196">
        <v>2</v>
      </c>
      <c r="CL32" s="195">
        <v>2</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6">
        <v>0</v>
      </c>
      <c r="E33" s="207">
        <v>0</v>
      </c>
      <c r="F33" s="193">
        <v>0</v>
      </c>
      <c r="G33" s="191">
        <v>12</v>
      </c>
      <c r="H33" s="191">
        <v>0</v>
      </c>
      <c r="I33" s="191">
        <v>0</v>
      </c>
      <c r="J33" s="191">
        <v>0</v>
      </c>
      <c r="K33" s="191">
        <v>0</v>
      </c>
      <c r="L33" s="194">
        <v>12</v>
      </c>
      <c r="M33" s="195">
        <v>12</v>
      </c>
      <c r="N33" s="190">
        <v>0</v>
      </c>
      <c r="O33" s="191">
        <v>0</v>
      </c>
      <c r="P33" s="196">
        <v>0</v>
      </c>
      <c r="Q33" s="193">
        <v>0</v>
      </c>
      <c r="R33" s="191">
        <v>0</v>
      </c>
      <c r="S33" s="191">
        <v>0</v>
      </c>
      <c r="T33" s="191">
        <v>0</v>
      </c>
      <c r="U33" s="191">
        <v>0</v>
      </c>
      <c r="V33" s="191">
        <v>12</v>
      </c>
      <c r="W33" s="196">
        <v>12</v>
      </c>
      <c r="X33" s="195">
        <v>12</v>
      </c>
      <c r="Y33" s="190">
        <v>0</v>
      </c>
      <c r="Z33" s="191">
        <v>8</v>
      </c>
      <c r="AA33" s="196">
        <v>8</v>
      </c>
      <c r="AB33" s="193">
        <v>0</v>
      </c>
      <c r="AC33" s="191">
        <v>12</v>
      </c>
      <c r="AD33" s="191">
        <v>0</v>
      </c>
      <c r="AE33" s="191">
        <v>34</v>
      </c>
      <c r="AF33" s="191">
        <v>0</v>
      </c>
      <c r="AG33" s="191">
        <v>29</v>
      </c>
      <c r="AH33" s="196">
        <v>75</v>
      </c>
      <c r="AI33" s="195">
        <v>8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21</v>
      </c>
      <c r="AZ33" s="191">
        <v>21</v>
      </c>
      <c r="BA33" s="191">
        <v>0</v>
      </c>
      <c r="BB33" s="191">
        <v>7</v>
      </c>
      <c r="BC33" s="191">
        <v>0</v>
      </c>
      <c r="BD33" s="194">
        <v>49</v>
      </c>
      <c r="BE33" s="195">
        <v>49</v>
      </c>
      <c r="BF33" s="190">
        <v>0</v>
      </c>
      <c r="BG33" s="191">
        <v>0</v>
      </c>
      <c r="BH33" s="196">
        <v>0</v>
      </c>
      <c r="BI33" s="193">
        <v>0</v>
      </c>
      <c r="BJ33" s="191">
        <v>0</v>
      </c>
      <c r="BK33" s="191">
        <v>1</v>
      </c>
      <c r="BL33" s="191">
        <v>20</v>
      </c>
      <c r="BM33" s="191">
        <v>0</v>
      </c>
      <c r="BN33" s="191">
        <v>0</v>
      </c>
      <c r="BO33" s="196">
        <v>21</v>
      </c>
      <c r="BP33" s="195">
        <v>21</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29</v>
      </c>
      <c r="CI33" s="191">
        <v>0</v>
      </c>
      <c r="CJ33" s="191">
        <v>0</v>
      </c>
      <c r="CK33" s="196">
        <v>29</v>
      </c>
      <c r="CL33" s="195">
        <v>29</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6">
        <v>0</v>
      </c>
      <c r="E34" s="207">
        <v>0</v>
      </c>
      <c r="F34" s="193">
        <v>0</v>
      </c>
      <c r="G34" s="191">
        <v>0</v>
      </c>
      <c r="H34" s="191">
        <v>27</v>
      </c>
      <c r="I34" s="191">
        <v>0</v>
      </c>
      <c r="J34" s="191">
        <v>0</v>
      </c>
      <c r="K34" s="191">
        <v>316</v>
      </c>
      <c r="L34" s="194">
        <v>343</v>
      </c>
      <c r="M34" s="195">
        <v>343</v>
      </c>
      <c r="N34" s="190">
        <v>0</v>
      </c>
      <c r="O34" s="191">
        <v>0</v>
      </c>
      <c r="P34" s="196">
        <v>0</v>
      </c>
      <c r="Q34" s="193">
        <v>0</v>
      </c>
      <c r="R34" s="191">
        <v>0</v>
      </c>
      <c r="S34" s="191">
        <v>0</v>
      </c>
      <c r="T34" s="191">
        <v>0</v>
      </c>
      <c r="U34" s="191">
        <v>0</v>
      </c>
      <c r="V34" s="191">
        <v>0</v>
      </c>
      <c r="W34" s="196">
        <v>0</v>
      </c>
      <c r="X34" s="195">
        <v>0</v>
      </c>
      <c r="Y34" s="190">
        <v>8</v>
      </c>
      <c r="Z34" s="191">
        <v>9</v>
      </c>
      <c r="AA34" s="196">
        <v>17</v>
      </c>
      <c r="AB34" s="193">
        <v>0</v>
      </c>
      <c r="AC34" s="191">
        <v>22</v>
      </c>
      <c r="AD34" s="191">
        <v>0</v>
      </c>
      <c r="AE34" s="191">
        <v>4</v>
      </c>
      <c r="AF34" s="191">
        <v>0</v>
      </c>
      <c r="AG34" s="191">
        <v>0</v>
      </c>
      <c r="AH34" s="196">
        <v>26</v>
      </c>
      <c r="AI34" s="195">
        <v>43</v>
      </c>
      <c r="AJ34" s="190">
        <v>0</v>
      </c>
      <c r="AK34" s="191">
        <v>0</v>
      </c>
      <c r="AL34" s="196">
        <v>0</v>
      </c>
      <c r="AM34" s="193">
        <v>0</v>
      </c>
      <c r="AN34" s="191">
        <v>0</v>
      </c>
      <c r="AO34" s="191">
        <v>0</v>
      </c>
      <c r="AP34" s="191">
        <v>0</v>
      </c>
      <c r="AQ34" s="191">
        <v>15</v>
      </c>
      <c r="AR34" s="191">
        <v>0</v>
      </c>
      <c r="AS34" s="196">
        <v>15</v>
      </c>
      <c r="AT34" s="195">
        <v>15</v>
      </c>
      <c r="AU34" s="190">
        <v>0</v>
      </c>
      <c r="AV34" s="191">
        <v>0</v>
      </c>
      <c r="AW34" s="196">
        <v>0</v>
      </c>
      <c r="AX34" s="193">
        <v>0</v>
      </c>
      <c r="AY34" s="191">
        <v>53</v>
      </c>
      <c r="AZ34" s="191">
        <v>27</v>
      </c>
      <c r="BA34" s="191">
        <v>0</v>
      </c>
      <c r="BB34" s="191">
        <v>3</v>
      </c>
      <c r="BC34" s="191">
        <v>0</v>
      </c>
      <c r="BD34" s="194">
        <v>83</v>
      </c>
      <c r="BE34" s="195">
        <v>83</v>
      </c>
      <c r="BF34" s="190">
        <v>0</v>
      </c>
      <c r="BG34" s="191">
        <v>0</v>
      </c>
      <c r="BH34" s="196">
        <v>0</v>
      </c>
      <c r="BI34" s="193">
        <v>0</v>
      </c>
      <c r="BJ34" s="191">
        <v>0</v>
      </c>
      <c r="BK34" s="191">
        <v>12</v>
      </c>
      <c r="BL34" s="191">
        <v>0</v>
      </c>
      <c r="BM34" s="191">
        <v>5</v>
      </c>
      <c r="BN34" s="191">
        <v>0</v>
      </c>
      <c r="BO34" s="196">
        <v>17</v>
      </c>
      <c r="BP34" s="195">
        <v>17</v>
      </c>
      <c r="BQ34" s="190">
        <v>0</v>
      </c>
      <c r="BR34" s="191">
        <v>0</v>
      </c>
      <c r="BS34" s="196">
        <v>0</v>
      </c>
      <c r="BT34" s="193">
        <v>0</v>
      </c>
      <c r="BU34" s="191">
        <v>0</v>
      </c>
      <c r="BV34" s="191">
        <v>0</v>
      </c>
      <c r="BW34" s="191">
        <v>0</v>
      </c>
      <c r="BX34" s="191">
        <v>11</v>
      </c>
      <c r="BY34" s="191">
        <v>0</v>
      </c>
      <c r="BZ34" s="196">
        <v>11</v>
      </c>
      <c r="CA34" s="195">
        <v>11</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6">
        <v>0</v>
      </c>
      <c r="E35" s="207">
        <v>0</v>
      </c>
      <c r="F35" s="193">
        <v>0</v>
      </c>
      <c r="G35" s="191">
        <v>40</v>
      </c>
      <c r="H35" s="191">
        <v>0</v>
      </c>
      <c r="I35" s="191">
        <v>26</v>
      </c>
      <c r="J35" s="191">
        <v>0</v>
      </c>
      <c r="K35" s="191">
        <v>0</v>
      </c>
      <c r="L35" s="194">
        <v>66</v>
      </c>
      <c r="M35" s="195">
        <v>66</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0</v>
      </c>
      <c r="AD35" s="191">
        <v>21</v>
      </c>
      <c r="AE35" s="191">
        <v>0</v>
      </c>
      <c r="AF35" s="191">
        <v>0</v>
      </c>
      <c r="AG35" s="191">
        <v>0</v>
      </c>
      <c r="AH35" s="196">
        <v>41</v>
      </c>
      <c r="AI35" s="195">
        <v>41</v>
      </c>
      <c r="AJ35" s="190">
        <v>0</v>
      </c>
      <c r="AK35" s="191">
        <v>0</v>
      </c>
      <c r="AL35" s="196">
        <v>0</v>
      </c>
      <c r="AM35" s="193">
        <v>0</v>
      </c>
      <c r="AN35" s="191">
        <v>15</v>
      </c>
      <c r="AO35" s="191">
        <v>21</v>
      </c>
      <c r="AP35" s="191">
        <v>26</v>
      </c>
      <c r="AQ35" s="191">
        <v>21</v>
      </c>
      <c r="AR35" s="191">
        <v>0</v>
      </c>
      <c r="AS35" s="196">
        <v>83</v>
      </c>
      <c r="AT35" s="195">
        <v>83</v>
      </c>
      <c r="AU35" s="190">
        <v>0</v>
      </c>
      <c r="AV35" s="191">
        <v>0</v>
      </c>
      <c r="AW35" s="196">
        <v>0</v>
      </c>
      <c r="AX35" s="193">
        <v>0</v>
      </c>
      <c r="AY35" s="191">
        <v>15</v>
      </c>
      <c r="AZ35" s="191">
        <v>0</v>
      </c>
      <c r="BA35" s="191">
        <v>0</v>
      </c>
      <c r="BB35" s="191">
        <v>0</v>
      </c>
      <c r="BC35" s="191">
        <v>0</v>
      </c>
      <c r="BD35" s="194">
        <v>15</v>
      </c>
      <c r="BE35" s="195">
        <v>15</v>
      </c>
      <c r="BF35" s="190">
        <v>0</v>
      </c>
      <c r="BG35" s="191">
        <v>0</v>
      </c>
      <c r="BH35" s="196">
        <v>0</v>
      </c>
      <c r="BI35" s="193">
        <v>0</v>
      </c>
      <c r="BJ35" s="191">
        <v>9</v>
      </c>
      <c r="BK35" s="191">
        <v>0</v>
      </c>
      <c r="BL35" s="191">
        <v>0</v>
      </c>
      <c r="BM35" s="191">
        <v>0</v>
      </c>
      <c r="BN35" s="191">
        <v>0</v>
      </c>
      <c r="BO35" s="196">
        <v>9</v>
      </c>
      <c r="BP35" s="195">
        <v>9</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3</v>
      </c>
      <c r="CG35" s="191">
        <v>0</v>
      </c>
      <c r="CH35" s="191">
        <v>0</v>
      </c>
      <c r="CI35" s="191">
        <v>0</v>
      </c>
      <c r="CJ35" s="191">
        <v>0</v>
      </c>
      <c r="CK35" s="196">
        <v>3</v>
      </c>
      <c r="CL35" s="195">
        <v>3</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6">
        <v>0</v>
      </c>
      <c r="E36" s="207">
        <v>0</v>
      </c>
      <c r="F36" s="193">
        <v>0</v>
      </c>
      <c r="G36" s="191">
        <v>11</v>
      </c>
      <c r="H36" s="191">
        <v>13</v>
      </c>
      <c r="I36" s="191">
        <v>0</v>
      </c>
      <c r="J36" s="191">
        <v>0</v>
      </c>
      <c r="K36" s="191">
        <v>0</v>
      </c>
      <c r="L36" s="194">
        <v>24</v>
      </c>
      <c r="M36" s="195">
        <v>24</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2</v>
      </c>
      <c r="AD36" s="191">
        <v>4</v>
      </c>
      <c r="AE36" s="191">
        <v>0</v>
      </c>
      <c r="AF36" s="191">
        <v>0</v>
      </c>
      <c r="AG36" s="191">
        <v>0</v>
      </c>
      <c r="AH36" s="196">
        <v>16</v>
      </c>
      <c r="AI36" s="195">
        <v>16</v>
      </c>
      <c r="AJ36" s="190">
        <v>0</v>
      </c>
      <c r="AK36" s="191">
        <v>0</v>
      </c>
      <c r="AL36" s="196">
        <v>0</v>
      </c>
      <c r="AM36" s="193">
        <v>0</v>
      </c>
      <c r="AN36" s="191">
        <v>0</v>
      </c>
      <c r="AO36" s="191">
        <v>18</v>
      </c>
      <c r="AP36" s="191">
        <v>0</v>
      </c>
      <c r="AQ36" s="191">
        <v>0</v>
      </c>
      <c r="AR36" s="191">
        <v>0</v>
      </c>
      <c r="AS36" s="196">
        <v>18</v>
      </c>
      <c r="AT36" s="195">
        <v>18</v>
      </c>
      <c r="AU36" s="190">
        <v>0</v>
      </c>
      <c r="AV36" s="191">
        <v>0</v>
      </c>
      <c r="AW36" s="196">
        <v>0</v>
      </c>
      <c r="AX36" s="193">
        <v>0</v>
      </c>
      <c r="AY36" s="191">
        <v>0</v>
      </c>
      <c r="AZ36" s="191">
        <v>8</v>
      </c>
      <c r="BA36" s="191">
        <v>24</v>
      </c>
      <c r="BB36" s="191">
        <v>12</v>
      </c>
      <c r="BC36" s="191">
        <v>0</v>
      </c>
      <c r="BD36" s="194">
        <v>44</v>
      </c>
      <c r="BE36" s="195">
        <v>44</v>
      </c>
      <c r="BF36" s="190">
        <v>0</v>
      </c>
      <c r="BG36" s="191">
        <v>0</v>
      </c>
      <c r="BH36" s="196">
        <v>0</v>
      </c>
      <c r="BI36" s="193">
        <v>0</v>
      </c>
      <c r="BJ36" s="191">
        <v>0</v>
      </c>
      <c r="BK36" s="191">
        <v>0</v>
      </c>
      <c r="BL36" s="191">
        <v>0</v>
      </c>
      <c r="BM36" s="191">
        <v>0</v>
      </c>
      <c r="BN36" s="191">
        <v>0</v>
      </c>
      <c r="BO36" s="196">
        <v>0</v>
      </c>
      <c r="BP36" s="195">
        <v>0</v>
      </c>
      <c r="BQ36" s="190">
        <v>0</v>
      </c>
      <c r="BR36" s="191">
        <v>0</v>
      </c>
      <c r="BS36" s="196">
        <v>0</v>
      </c>
      <c r="BT36" s="193">
        <v>0</v>
      </c>
      <c r="BU36" s="191">
        <v>0</v>
      </c>
      <c r="BV36" s="191">
        <v>0</v>
      </c>
      <c r="BW36" s="191">
        <v>2</v>
      </c>
      <c r="BX36" s="191">
        <v>0</v>
      </c>
      <c r="BY36" s="191">
        <v>0</v>
      </c>
      <c r="BZ36" s="196">
        <v>2</v>
      </c>
      <c r="CA36" s="195">
        <v>2</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6">
        <v>0</v>
      </c>
      <c r="E37" s="207">
        <v>0</v>
      </c>
      <c r="F37" s="193">
        <v>0</v>
      </c>
      <c r="G37" s="191">
        <v>17</v>
      </c>
      <c r="H37" s="191">
        <v>184</v>
      </c>
      <c r="I37" s="191">
        <v>23</v>
      </c>
      <c r="J37" s="191">
        <v>0</v>
      </c>
      <c r="K37" s="191">
        <v>0</v>
      </c>
      <c r="L37" s="194">
        <v>224</v>
      </c>
      <c r="M37" s="195">
        <v>224</v>
      </c>
      <c r="N37" s="190">
        <v>0</v>
      </c>
      <c r="O37" s="191">
        <v>0</v>
      </c>
      <c r="P37" s="196">
        <v>0</v>
      </c>
      <c r="Q37" s="193">
        <v>0</v>
      </c>
      <c r="R37" s="191">
        <v>0</v>
      </c>
      <c r="S37" s="191">
        <v>0</v>
      </c>
      <c r="T37" s="191">
        <v>1</v>
      </c>
      <c r="U37" s="191">
        <v>0</v>
      </c>
      <c r="V37" s="191">
        <v>0</v>
      </c>
      <c r="W37" s="196">
        <v>1</v>
      </c>
      <c r="X37" s="195">
        <v>1</v>
      </c>
      <c r="Y37" s="190">
        <v>2</v>
      </c>
      <c r="Z37" s="191">
        <v>7</v>
      </c>
      <c r="AA37" s="196">
        <v>9</v>
      </c>
      <c r="AB37" s="193">
        <v>0</v>
      </c>
      <c r="AC37" s="191">
        <v>20</v>
      </c>
      <c r="AD37" s="191">
        <v>28</v>
      </c>
      <c r="AE37" s="191">
        <v>31</v>
      </c>
      <c r="AF37" s="191">
        <v>0</v>
      </c>
      <c r="AG37" s="191">
        <v>5</v>
      </c>
      <c r="AH37" s="196">
        <v>84</v>
      </c>
      <c r="AI37" s="195">
        <v>93</v>
      </c>
      <c r="AJ37" s="190">
        <v>8</v>
      </c>
      <c r="AK37" s="191">
        <v>24</v>
      </c>
      <c r="AL37" s="196">
        <v>32</v>
      </c>
      <c r="AM37" s="193">
        <v>0</v>
      </c>
      <c r="AN37" s="191">
        <v>0</v>
      </c>
      <c r="AO37" s="191">
        <v>24</v>
      </c>
      <c r="AP37" s="191">
        <v>0</v>
      </c>
      <c r="AQ37" s="191">
        <v>0</v>
      </c>
      <c r="AR37" s="191">
        <v>14</v>
      </c>
      <c r="AS37" s="196">
        <v>38</v>
      </c>
      <c r="AT37" s="195">
        <v>70</v>
      </c>
      <c r="AU37" s="190">
        <v>0</v>
      </c>
      <c r="AV37" s="191">
        <v>0</v>
      </c>
      <c r="AW37" s="196">
        <v>0</v>
      </c>
      <c r="AX37" s="193">
        <v>0</v>
      </c>
      <c r="AY37" s="191">
        <v>42</v>
      </c>
      <c r="AZ37" s="191">
        <v>24</v>
      </c>
      <c r="BA37" s="191">
        <v>11</v>
      </c>
      <c r="BB37" s="191">
        <v>0</v>
      </c>
      <c r="BC37" s="191">
        <v>4</v>
      </c>
      <c r="BD37" s="194">
        <v>81</v>
      </c>
      <c r="BE37" s="195">
        <v>81</v>
      </c>
      <c r="BF37" s="190">
        <v>0</v>
      </c>
      <c r="BG37" s="191">
        <v>0</v>
      </c>
      <c r="BH37" s="196">
        <v>0</v>
      </c>
      <c r="BI37" s="193">
        <v>0</v>
      </c>
      <c r="BJ37" s="191">
        <v>6</v>
      </c>
      <c r="BK37" s="191">
        <v>11</v>
      </c>
      <c r="BL37" s="191">
        <v>21</v>
      </c>
      <c r="BM37" s="191">
        <v>0</v>
      </c>
      <c r="BN37" s="191">
        <v>0</v>
      </c>
      <c r="BO37" s="196">
        <v>38</v>
      </c>
      <c r="BP37" s="195">
        <v>38</v>
      </c>
      <c r="BQ37" s="190">
        <v>0</v>
      </c>
      <c r="BR37" s="191">
        <v>0</v>
      </c>
      <c r="BS37" s="196">
        <v>0</v>
      </c>
      <c r="BT37" s="193">
        <v>0</v>
      </c>
      <c r="BU37" s="191">
        <v>0</v>
      </c>
      <c r="BV37" s="191">
        <v>3</v>
      </c>
      <c r="BW37" s="191">
        <v>3</v>
      </c>
      <c r="BX37" s="191">
        <v>0</v>
      </c>
      <c r="BY37" s="191">
        <v>13</v>
      </c>
      <c r="BZ37" s="196">
        <v>19</v>
      </c>
      <c r="CA37" s="195">
        <v>19</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6">
        <v>0</v>
      </c>
      <c r="E38" s="207">
        <v>0</v>
      </c>
      <c r="F38" s="193">
        <v>0</v>
      </c>
      <c r="G38" s="191">
        <v>12</v>
      </c>
      <c r="H38" s="191">
        <v>197</v>
      </c>
      <c r="I38" s="191">
        <v>8</v>
      </c>
      <c r="J38" s="191">
        <v>0</v>
      </c>
      <c r="K38" s="191">
        <v>0</v>
      </c>
      <c r="L38" s="194">
        <v>217</v>
      </c>
      <c r="M38" s="195">
        <v>217</v>
      </c>
      <c r="N38" s="190">
        <v>0</v>
      </c>
      <c r="O38" s="191">
        <v>0</v>
      </c>
      <c r="P38" s="196">
        <v>0</v>
      </c>
      <c r="Q38" s="193">
        <v>0</v>
      </c>
      <c r="R38" s="191">
        <v>0</v>
      </c>
      <c r="S38" s="191">
        <v>0</v>
      </c>
      <c r="T38" s="191">
        <v>0</v>
      </c>
      <c r="U38" s="191">
        <v>0</v>
      </c>
      <c r="V38" s="191">
        <v>0</v>
      </c>
      <c r="W38" s="196">
        <v>0</v>
      </c>
      <c r="X38" s="195">
        <v>0</v>
      </c>
      <c r="Y38" s="190">
        <v>0</v>
      </c>
      <c r="Z38" s="191">
        <v>9</v>
      </c>
      <c r="AA38" s="196">
        <v>9</v>
      </c>
      <c r="AB38" s="193">
        <v>0</v>
      </c>
      <c r="AC38" s="191">
        <v>4</v>
      </c>
      <c r="AD38" s="191">
        <v>12</v>
      </c>
      <c r="AE38" s="191">
        <v>0</v>
      </c>
      <c r="AF38" s="191">
        <v>5</v>
      </c>
      <c r="AG38" s="191">
        <v>0</v>
      </c>
      <c r="AH38" s="196">
        <v>21</v>
      </c>
      <c r="AI38" s="195">
        <v>30</v>
      </c>
      <c r="AJ38" s="190">
        <v>0</v>
      </c>
      <c r="AK38" s="191">
        <v>0</v>
      </c>
      <c r="AL38" s="196">
        <v>0</v>
      </c>
      <c r="AM38" s="193">
        <v>0</v>
      </c>
      <c r="AN38" s="191">
        <v>16</v>
      </c>
      <c r="AO38" s="191">
        <v>0</v>
      </c>
      <c r="AP38" s="191">
        <v>0</v>
      </c>
      <c r="AQ38" s="191">
        <v>0</v>
      </c>
      <c r="AR38" s="191">
        <v>0</v>
      </c>
      <c r="AS38" s="196">
        <v>16</v>
      </c>
      <c r="AT38" s="195">
        <v>16</v>
      </c>
      <c r="AU38" s="190">
        <v>0</v>
      </c>
      <c r="AV38" s="191">
        <v>0</v>
      </c>
      <c r="AW38" s="196">
        <v>0</v>
      </c>
      <c r="AX38" s="193">
        <v>0</v>
      </c>
      <c r="AY38" s="191">
        <v>5</v>
      </c>
      <c r="AZ38" s="191">
        <v>47</v>
      </c>
      <c r="BA38" s="191">
        <v>0</v>
      </c>
      <c r="BB38" s="191">
        <v>26</v>
      </c>
      <c r="BC38" s="191">
        <v>0</v>
      </c>
      <c r="BD38" s="194">
        <v>78</v>
      </c>
      <c r="BE38" s="195">
        <v>78</v>
      </c>
      <c r="BF38" s="190">
        <v>0</v>
      </c>
      <c r="BG38" s="191">
        <v>0</v>
      </c>
      <c r="BH38" s="196">
        <v>0</v>
      </c>
      <c r="BI38" s="193">
        <v>0</v>
      </c>
      <c r="BJ38" s="191">
        <v>0</v>
      </c>
      <c r="BK38" s="191">
        <v>0</v>
      </c>
      <c r="BL38" s="191">
        <v>8</v>
      </c>
      <c r="BM38" s="191">
        <v>0</v>
      </c>
      <c r="BN38" s="191">
        <v>0</v>
      </c>
      <c r="BO38" s="196">
        <v>8</v>
      </c>
      <c r="BP38" s="195">
        <v>8</v>
      </c>
      <c r="BQ38" s="190">
        <v>0</v>
      </c>
      <c r="BR38" s="191">
        <v>0</v>
      </c>
      <c r="BS38" s="196">
        <v>0</v>
      </c>
      <c r="BT38" s="193">
        <v>0</v>
      </c>
      <c r="BU38" s="191">
        <v>0</v>
      </c>
      <c r="BV38" s="191">
        <v>23</v>
      </c>
      <c r="BW38" s="191">
        <v>0</v>
      </c>
      <c r="BX38" s="191">
        <v>10</v>
      </c>
      <c r="BY38" s="191">
        <v>0</v>
      </c>
      <c r="BZ38" s="196">
        <v>33</v>
      </c>
      <c r="CA38" s="195">
        <v>33</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203">
        <v>0</v>
      </c>
      <c r="E39" s="208">
        <v>0</v>
      </c>
      <c r="F39" s="200">
        <v>0</v>
      </c>
      <c r="G39" s="198">
        <v>0</v>
      </c>
      <c r="H39" s="198">
        <v>0</v>
      </c>
      <c r="I39" s="198">
        <v>0</v>
      </c>
      <c r="J39" s="198">
        <v>0</v>
      </c>
      <c r="K39" s="198">
        <v>18</v>
      </c>
      <c r="L39" s="201">
        <v>18</v>
      </c>
      <c r="M39" s="202">
        <v>18</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27</v>
      </c>
      <c r="AE39" s="198">
        <v>0</v>
      </c>
      <c r="AF39" s="198">
        <v>0</v>
      </c>
      <c r="AG39" s="198">
        <v>4</v>
      </c>
      <c r="AH39" s="203">
        <v>31</v>
      </c>
      <c r="AI39" s="202">
        <v>3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4</v>
      </c>
      <c r="BA39" s="198">
        <v>0</v>
      </c>
      <c r="BB39" s="198">
        <v>0</v>
      </c>
      <c r="BC39" s="198">
        <v>0</v>
      </c>
      <c r="BD39" s="201">
        <v>4</v>
      </c>
      <c r="BE39" s="202">
        <v>4</v>
      </c>
      <c r="BF39" s="197">
        <v>0</v>
      </c>
      <c r="BG39" s="198">
        <v>0</v>
      </c>
      <c r="BH39" s="203">
        <v>0</v>
      </c>
      <c r="BI39" s="200">
        <v>0</v>
      </c>
      <c r="BJ39" s="198">
        <v>0</v>
      </c>
      <c r="BK39" s="198">
        <v>0</v>
      </c>
      <c r="BL39" s="198">
        <v>0</v>
      </c>
      <c r="BM39" s="198">
        <v>0</v>
      </c>
      <c r="BN39" s="198">
        <v>0</v>
      </c>
      <c r="BO39" s="203">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9</v>
      </c>
      <c r="CK39" s="203">
        <v>9</v>
      </c>
      <c r="CL39" s="202">
        <v>9</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77734375" style="70" customWidth="1"/>
    <col min="6" max="6" width="9.109375" style="70" customWidth="1"/>
    <col min="7" max="7" width="9.44140625" style="70" customWidth="1"/>
    <col min="8" max="26" width="7.77734375" style="70" customWidth="1"/>
    <col min="27" max="35" width="7.77734375" style="71" customWidth="1"/>
    <col min="36" max="16384" width="9" style="71"/>
  </cols>
  <sheetData>
    <row r="1" spans="2:35" ht="24" customHeight="1" x14ac:dyDescent="0.2">
      <c r="B1" s="10" t="s">
        <v>126</v>
      </c>
      <c r="F1" s="12"/>
      <c r="H1" s="442">
        <f>第１表!F2</f>
        <v>6</v>
      </c>
      <c r="I1" s="442"/>
      <c r="J1" s="418">
        <f>第１表!G2</f>
        <v>11</v>
      </c>
      <c r="K1" s="447">
        <f>IF(J1&lt;3,J1-2+12,J1-2)</f>
        <v>9</v>
      </c>
      <c r="L1" s="447"/>
    </row>
    <row r="2" spans="2:35" ht="24" customHeight="1" thickBot="1" x14ac:dyDescent="0.25">
      <c r="J2" s="209"/>
      <c r="K2" s="209"/>
      <c r="L2" s="209"/>
      <c r="M2" s="209"/>
      <c r="N2" s="209"/>
      <c r="O2" s="209"/>
      <c r="P2" s="210"/>
      <c r="Q2" s="210"/>
      <c r="R2" s="210"/>
    </row>
    <row r="3" spans="2:35" ht="21" customHeight="1" thickBot="1" x14ac:dyDescent="0.25">
      <c r="B3" s="119"/>
      <c r="C3" s="444" t="s">
        <v>53</v>
      </c>
      <c r="D3" s="445"/>
      <c r="E3" s="445"/>
      <c r="F3" s="445"/>
      <c r="G3" s="445"/>
      <c r="H3" s="445"/>
      <c r="I3" s="445"/>
      <c r="J3" s="445"/>
      <c r="K3" s="445"/>
      <c r="L3" s="445"/>
      <c r="M3" s="446"/>
      <c r="N3" s="444" t="s">
        <v>54</v>
      </c>
      <c r="O3" s="445"/>
      <c r="P3" s="445"/>
      <c r="Q3" s="445"/>
      <c r="R3" s="445"/>
      <c r="S3" s="445"/>
      <c r="T3" s="445"/>
      <c r="U3" s="445"/>
      <c r="V3" s="445"/>
      <c r="W3" s="445"/>
      <c r="X3" s="446"/>
      <c r="Y3" s="444" t="s">
        <v>55</v>
      </c>
      <c r="Z3" s="445"/>
      <c r="AA3" s="445"/>
      <c r="AB3" s="445"/>
      <c r="AC3" s="445"/>
      <c r="AD3" s="445"/>
      <c r="AE3" s="445"/>
      <c r="AF3" s="445"/>
      <c r="AG3" s="445"/>
      <c r="AH3" s="445"/>
      <c r="AI3" s="446"/>
    </row>
    <row r="4" spans="2:35"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211">
        <v>180</v>
      </c>
      <c r="D5" s="212">
        <v>322</v>
      </c>
      <c r="E5" s="213">
        <v>502</v>
      </c>
      <c r="F5" s="214">
        <v>0</v>
      </c>
      <c r="G5" s="212">
        <v>19910</v>
      </c>
      <c r="H5" s="212">
        <v>20387</v>
      </c>
      <c r="I5" s="212">
        <v>13147</v>
      </c>
      <c r="J5" s="212">
        <v>8188</v>
      </c>
      <c r="K5" s="212">
        <v>5124</v>
      </c>
      <c r="L5" s="213">
        <v>66756</v>
      </c>
      <c r="M5" s="215">
        <v>67258</v>
      </c>
      <c r="N5" s="216">
        <v>2</v>
      </c>
      <c r="O5" s="212">
        <v>2</v>
      </c>
      <c r="P5" s="213">
        <v>4</v>
      </c>
      <c r="Q5" s="214">
        <v>0</v>
      </c>
      <c r="R5" s="212">
        <v>201</v>
      </c>
      <c r="S5" s="212">
        <v>388</v>
      </c>
      <c r="T5" s="212">
        <v>233</v>
      </c>
      <c r="U5" s="212">
        <v>166</v>
      </c>
      <c r="V5" s="212">
        <v>158</v>
      </c>
      <c r="W5" s="213">
        <v>1146</v>
      </c>
      <c r="X5" s="215">
        <v>1150</v>
      </c>
      <c r="Y5" s="216">
        <v>182</v>
      </c>
      <c r="Z5" s="212">
        <v>324</v>
      </c>
      <c r="AA5" s="213">
        <v>506</v>
      </c>
      <c r="AB5" s="214">
        <v>0</v>
      </c>
      <c r="AC5" s="212">
        <v>20111</v>
      </c>
      <c r="AD5" s="212">
        <v>20775</v>
      </c>
      <c r="AE5" s="212">
        <v>13380</v>
      </c>
      <c r="AF5" s="212">
        <v>8354</v>
      </c>
      <c r="AG5" s="212">
        <v>5282</v>
      </c>
      <c r="AH5" s="213">
        <v>67902</v>
      </c>
      <c r="AI5" s="215">
        <v>68408</v>
      </c>
    </row>
    <row r="6" spans="2:35" ht="21" customHeight="1" x14ac:dyDescent="0.2">
      <c r="B6" s="95" t="s">
        <v>5</v>
      </c>
      <c r="C6" s="217">
        <v>65</v>
      </c>
      <c r="D6" s="218">
        <v>138</v>
      </c>
      <c r="E6" s="219">
        <v>203</v>
      </c>
      <c r="F6" s="220">
        <v>0</v>
      </c>
      <c r="G6" s="218">
        <v>7425</v>
      </c>
      <c r="H6" s="218">
        <v>9582</v>
      </c>
      <c r="I6" s="218">
        <v>5783</v>
      </c>
      <c r="J6" s="218">
        <v>3583</v>
      </c>
      <c r="K6" s="218">
        <v>2362</v>
      </c>
      <c r="L6" s="219">
        <v>28735</v>
      </c>
      <c r="M6" s="221">
        <v>28938</v>
      </c>
      <c r="N6" s="222">
        <v>1</v>
      </c>
      <c r="O6" s="218">
        <v>1</v>
      </c>
      <c r="P6" s="219">
        <v>2</v>
      </c>
      <c r="Q6" s="220">
        <v>0</v>
      </c>
      <c r="R6" s="218">
        <v>59</v>
      </c>
      <c r="S6" s="218">
        <v>195</v>
      </c>
      <c r="T6" s="218">
        <v>113</v>
      </c>
      <c r="U6" s="218">
        <v>88</v>
      </c>
      <c r="V6" s="218">
        <v>84</v>
      </c>
      <c r="W6" s="219">
        <v>539</v>
      </c>
      <c r="X6" s="221">
        <v>541</v>
      </c>
      <c r="Y6" s="222">
        <v>66</v>
      </c>
      <c r="Z6" s="218">
        <v>139</v>
      </c>
      <c r="AA6" s="219">
        <v>205</v>
      </c>
      <c r="AB6" s="220">
        <v>0</v>
      </c>
      <c r="AC6" s="218">
        <v>7484</v>
      </c>
      <c r="AD6" s="218">
        <v>9777</v>
      </c>
      <c r="AE6" s="218">
        <v>5896</v>
      </c>
      <c r="AF6" s="218">
        <v>3671</v>
      </c>
      <c r="AG6" s="218">
        <v>2446</v>
      </c>
      <c r="AH6" s="219">
        <v>29274</v>
      </c>
      <c r="AI6" s="221">
        <v>29479</v>
      </c>
    </row>
    <row r="7" spans="2:35" ht="21" customHeight="1" x14ac:dyDescent="0.2">
      <c r="B7" s="106" t="s">
        <v>6</v>
      </c>
      <c r="C7" s="217">
        <v>25</v>
      </c>
      <c r="D7" s="218">
        <v>42</v>
      </c>
      <c r="E7" s="219">
        <v>67</v>
      </c>
      <c r="F7" s="220">
        <v>0</v>
      </c>
      <c r="G7" s="218">
        <v>2974</v>
      </c>
      <c r="H7" s="218">
        <v>2760</v>
      </c>
      <c r="I7" s="218">
        <v>1950</v>
      </c>
      <c r="J7" s="218">
        <v>1295</v>
      </c>
      <c r="K7" s="218">
        <v>893</v>
      </c>
      <c r="L7" s="219">
        <v>9872</v>
      </c>
      <c r="M7" s="221">
        <v>9939</v>
      </c>
      <c r="N7" s="222">
        <v>0</v>
      </c>
      <c r="O7" s="218">
        <v>0</v>
      </c>
      <c r="P7" s="219">
        <v>0</v>
      </c>
      <c r="Q7" s="220">
        <v>0</v>
      </c>
      <c r="R7" s="218">
        <v>26</v>
      </c>
      <c r="S7" s="218">
        <v>30</v>
      </c>
      <c r="T7" s="218">
        <v>27</v>
      </c>
      <c r="U7" s="218">
        <v>26</v>
      </c>
      <c r="V7" s="218">
        <v>25</v>
      </c>
      <c r="W7" s="219">
        <v>134</v>
      </c>
      <c r="X7" s="221">
        <v>134</v>
      </c>
      <c r="Y7" s="222">
        <v>25</v>
      </c>
      <c r="Z7" s="218">
        <v>42</v>
      </c>
      <c r="AA7" s="219">
        <v>67</v>
      </c>
      <c r="AB7" s="220">
        <v>0</v>
      </c>
      <c r="AC7" s="218">
        <v>3000</v>
      </c>
      <c r="AD7" s="218">
        <v>2790</v>
      </c>
      <c r="AE7" s="218">
        <v>1977</v>
      </c>
      <c r="AF7" s="218">
        <v>1321</v>
      </c>
      <c r="AG7" s="218">
        <v>918</v>
      </c>
      <c r="AH7" s="219">
        <v>10006</v>
      </c>
      <c r="AI7" s="221">
        <v>10073</v>
      </c>
    </row>
    <row r="8" spans="2:35" ht="21" customHeight="1" x14ac:dyDescent="0.2">
      <c r="B8" s="106" t="s">
        <v>14</v>
      </c>
      <c r="C8" s="217">
        <v>20</v>
      </c>
      <c r="D8" s="218">
        <v>25</v>
      </c>
      <c r="E8" s="219">
        <v>45</v>
      </c>
      <c r="F8" s="220">
        <v>0</v>
      </c>
      <c r="G8" s="218">
        <v>1562</v>
      </c>
      <c r="H8" s="218">
        <v>1778</v>
      </c>
      <c r="I8" s="218">
        <v>1231</v>
      </c>
      <c r="J8" s="218">
        <v>702</v>
      </c>
      <c r="K8" s="218">
        <v>358</v>
      </c>
      <c r="L8" s="219">
        <v>5631</v>
      </c>
      <c r="M8" s="221">
        <v>5676</v>
      </c>
      <c r="N8" s="222">
        <v>1</v>
      </c>
      <c r="O8" s="218">
        <v>0</v>
      </c>
      <c r="P8" s="219">
        <v>1</v>
      </c>
      <c r="Q8" s="220">
        <v>0</v>
      </c>
      <c r="R8" s="218">
        <v>15</v>
      </c>
      <c r="S8" s="218">
        <v>41</v>
      </c>
      <c r="T8" s="218">
        <v>19</v>
      </c>
      <c r="U8" s="218">
        <v>6</v>
      </c>
      <c r="V8" s="218">
        <v>8</v>
      </c>
      <c r="W8" s="219">
        <v>89</v>
      </c>
      <c r="X8" s="221">
        <v>90</v>
      </c>
      <c r="Y8" s="222">
        <v>21</v>
      </c>
      <c r="Z8" s="218">
        <v>25</v>
      </c>
      <c r="AA8" s="219">
        <v>46</v>
      </c>
      <c r="AB8" s="220">
        <v>0</v>
      </c>
      <c r="AC8" s="218">
        <v>1577</v>
      </c>
      <c r="AD8" s="218">
        <v>1819</v>
      </c>
      <c r="AE8" s="218">
        <v>1250</v>
      </c>
      <c r="AF8" s="218">
        <v>708</v>
      </c>
      <c r="AG8" s="218">
        <v>366</v>
      </c>
      <c r="AH8" s="219">
        <v>5720</v>
      </c>
      <c r="AI8" s="221">
        <v>5766</v>
      </c>
    </row>
    <row r="9" spans="2:35" ht="21" customHeight="1" x14ac:dyDescent="0.2">
      <c r="B9" s="106" t="s">
        <v>7</v>
      </c>
      <c r="C9" s="217">
        <v>4</v>
      </c>
      <c r="D9" s="218">
        <v>5</v>
      </c>
      <c r="E9" s="219">
        <v>9</v>
      </c>
      <c r="F9" s="220">
        <v>0</v>
      </c>
      <c r="G9" s="218">
        <v>1517</v>
      </c>
      <c r="H9" s="218">
        <v>1011</v>
      </c>
      <c r="I9" s="218">
        <v>565</v>
      </c>
      <c r="J9" s="218">
        <v>306</v>
      </c>
      <c r="K9" s="218">
        <v>177</v>
      </c>
      <c r="L9" s="219">
        <v>3576</v>
      </c>
      <c r="M9" s="221">
        <v>3585</v>
      </c>
      <c r="N9" s="222">
        <v>0</v>
      </c>
      <c r="O9" s="218">
        <v>0</v>
      </c>
      <c r="P9" s="219">
        <v>0</v>
      </c>
      <c r="Q9" s="220">
        <v>0</v>
      </c>
      <c r="R9" s="218">
        <v>23</v>
      </c>
      <c r="S9" s="218">
        <v>17</v>
      </c>
      <c r="T9" s="218">
        <v>11</v>
      </c>
      <c r="U9" s="218">
        <v>3</v>
      </c>
      <c r="V9" s="218">
        <v>5</v>
      </c>
      <c r="W9" s="219">
        <v>59</v>
      </c>
      <c r="X9" s="221">
        <v>59</v>
      </c>
      <c r="Y9" s="222">
        <v>4</v>
      </c>
      <c r="Z9" s="218">
        <v>5</v>
      </c>
      <c r="AA9" s="219">
        <v>9</v>
      </c>
      <c r="AB9" s="220">
        <v>0</v>
      </c>
      <c r="AC9" s="218">
        <v>1540</v>
      </c>
      <c r="AD9" s="218">
        <v>1028</v>
      </c>
      <c r="AE9" s="218">
        <v>576</v>
      </c>
      <c r="AF9" s="218">
        <v>309</v>
      </c>
      <c r="AG9" s="218">
        <v>182</v>
      </c>
      <c r="AH9" s="219">
        <v>3635</v>
      </c>
      <c r="AI9" s="221">
        <v>3644</v>
      </c>
    </row>
    <row r="10" spans="2:35" ht="21" customHeight="1" x14ac:dyDescent="0.2">
      <c r="B10" s="106" t="s">
        <v>8</v>
      </c>
      <c r="C10" s="217">
        <v>12</v>
      </c>
      <c r="D10" s="218">
        <v>11</v>
      </c>
      <c r="E10" s="219">
        <v>23</v>
      </c>
      <c r="F10" s="220">
        <v>0</v>
      </c>
      <c r="G10" s="218">
        <v>776</v>
      </c>
      <c r="H10" s="218">
        <v>683</v>
      </c>
      <c r="I10" s="218">
        <v>407</v>
      </c>
      <c r="J10" s="218">
        <v>242</v>
      </c>
      <c r="K10" s="218">
        <v>139</v>
      </c>
      <c r="L10" s="219">
        <v>2247</v>
      </c>
      <c r="M10" s="221">
        <v>2270</v>
      </c>
      <c r="N10" s="222">
        <v>0</v>
      </c>
      <c r="O10" s="218">
        <v>0</v>
      </c>
      <c r="P10" s="219">
        <v>0</v>
      </c>
      <c r="Q10" s="220">
        <v>0</v>
      </c>
      <c r="R10" s="218">
        <v>14</v>
      </c>
      <c r="S10" s="218">
        <v>27</v>
      </c>
      <c r="T10" s="218">
        <v>6</v>
      </c>
      <c r="U10" s="218">
        <v>5</v>
      </c>
      <c r="V10" s="218">
        <v>3</v>
      </c>
      <c r="W10" s="219">
        <v>55</v>
      </c>
      <c r="X10" s="221">
        <v>55</v>
      </c>
      <c r="Y10" s="222">
        <v>12</v>
      </c>
      <c r="Z10" s="218">
        <v>11</v>
      </c>
      <c r="AA10" s="219">
        <v>23</v>
      </c>
      <c r="AB10" s="220">
        <v>0</v>
      </c>
      <c r="AC10" s="218">
        <v>790</v>
      </c>
      <c r="AD10" s="218">
        <v>710</v>
      </c>
      <c r="AE10" s="218">
        <v>413</v>
      </c>
      <c r="AF10" s="218">
        <v>247</v>
      </c>
      <c r="AG10" s="218">
        <v>142</v>
      </c>
      <c r="AH10" s="219">
        <v>2302</v>
      </c>
      <c r="AI10" s="221">
        <v>2325</v>
      </c>
    </row>
    <row r="11" spans="2:35" ht="21" customHeight="1" x14ac:dyDescent="0.2">
      <c r="B11" s="106" t="s">
        <v>9</v>
      </c>
      <c r="C11" s="217">
        <v>5</v>
      </c>
      <c r="D11" s="218">
        <v>5</v>
      </c>
      <c r="E11" s="219">
        <v>10</v>
      </c>
      <c r="F11" s="220">
        <v>0</v>
      </c>
      <c r="G11" s="218">
        <v>534</v>
      </c>
      <c r="H11" s="218">
        <v>398</v>
      </c>
      <c r="I11" s="218">
        <v>265</v>
      </c>
      <c r="J11" s="218">
        <v>209</v>
      </c>
      <c r="K11" s="218">
        <v>100</v>
      </c>
      <c r="L11" s="219">
        <v>1506</v>
      </c>
      <c r="M11" s="221">
        <v>1516</v>
      </c>
      <c r="N11" s="222">
        <v>0</v>
      </c>
      <c r="O11" s="218">
        <v>0</v>
      </c>
      <c r="P11" s="219">
        <v>0</v>
      </c>
      <c r="Q11" s="220">
        <v>0</v>
      </c>
      <c r="R11" s="218">
        <v>13</v>
      </c>
      <c r="S11" s="218">
        <v>14</v>
      </c>
      <c r="T11" s="218">
        <v>4</v>
      </c>
      <c r="U11" s="218">
        <v>3</v>
      </c>
      <c r="V11" s="218">
        <v>3</v>
      </c>
      <c r="W11" s="219">
        <v>37</v>
      </c>
      <c r="X11" s="221">
        <v>37</v>
      </c>
      <c r="Y11" s="222">
        <v>5</v>
      </c>
      <c r="Z11" s="218">
        <v>5</v>
      </c>
      <c r="AA11" s="219">
        <v>10</v>
      </c>
      <c r="AB11" s="220">
        <v>0</v>
      </c>
      <c r="AC11" s="218">
        <v>547</v>
      </c>
      <c r="AD11" s="218">
        <v>412</v>
      </c>
      <c r="AE11" s="218">
        <v>269</v>
      </c>
      <c r="AF11" s="218">
        <v>212</v>
      </c>
      <c r="AG11" s="218">
        <v>103</v>
      </c>
      <c r="AH11" s="219">
        <v>1543</v>
      </c>
      <c r="AI11" s="221">
        <v>1553</v>
      </c>
    </row>
    <row r="12" spans="2:35" ht="21" customHeight="1" x14ac:dyDescent="0.2">
      <c r="B12" s="106" t="s">
        <v>10</v>
      </c>
      <c r="C12" s="217">
        <v>14</v>
      </c>
      <c r="D12" s="218">
        <v>17</v>
      </c>
      <c r="E12" s="219">
        <v>31</v>
      </c>
      <c r="F12" s="220">
        <v>0</v>
      </c>
      <c r="G12" s="218">
        <v>889</v>
      </c>
      <c r="H12" s="218">
        <v>511</v>
      </c>
      <c r="I12" s="218">
        <v>409</v>
      </c>
      <c r="J12" s="218">
        <v>318</v>
      </c>
      <c r="K12" s="218">
        <v>230</v>
      </c>
      <c r="L12" s="219">
        <v>2357</v>
      </c>
      <c r="M12" s="221">
        <v>2388</v>
      </c>
      <c r="N12" s="222">
        <v>0</v>
      </c>
      <c r="O12" s="218">
        <v>1</v>
      </c>
      <c r="P12" s="219">
        <v>1</v>
      </c>
      <c r="Q12" s="220">
        <v>0</v>
      </c>
      <c r="R12" s="218">
        <v>11</v>
      </c>
      <c r="S12" s="218">
        <v>8</v>
      </c>
      <c r="T12" s="218">
        <v>9</v>
      </c>
      <c r="U12" s="218">
        <v>6</v>
      </c>
      <c r="V12" s="218">
        <v>5</v>
      </c>
      <c r="W12" s="219">
        <v>39</v>
      </c>
      <c r="X12" s="221">
        <v>40</v>
      </c>
      <c r="Y12" s="222">
        <v>14</v>
      </c>
      <c r="Z12" s="218">
        <v>18</v>
      </c>
      <c r="AA12" s="219">
        <v>32</v>
      </c>
      <c r="AB12" s="220">
        <v>0</v>
      </c>
      <c r="AC12" s="218">
        <v>900</v>
      </c>
      <c r="AD12" s="218">
        <v>519</v>
      </c>
      <c r="AE12" s="218">
        <v>418</v>
      </c>
      <c r="AF12" s="218">
        <v>324</v>
      </c>
      <c r="AG12" s="218">
        <v>235</v>
      </c>
      <c r="AH12" s="219">
        <v>2396</v>
      </c>
      <c r="AI12" s="221">
        <v>2428</v>
      </c>
    </row>
    <row r="13" spans="2:35" ht="21" customHeight="1" x14ac:dyDescent="0.2">
      <c r="B13" s="106" t="s">
        <v>11</v>
      </c>
      <c r="C13" s="217">
        <v>2</v>
      </c>
      <c r="D13" s="218">
        <v>8</v>
      </c>
      <c r="E13" s="219">
        <v>10</v>
      </c>
      <c r="F13" s="220">
        <v>0</v>
      </c>
      <c r="G13" s="218">
        <v>633</v>
      </c>
      <c r="H13" s="218">
        <v>432</v>
      </c>
      <c r="I13" s="218">
        <v>301</v>
      </c>
      <c r="J13" s="218">
        <v>168</v>
      </c>
      <c r="K13" s="218">
        <v>84</v>
      </c>
      <c r="L13" s="219">
        <v>1618</v>
      </c>
      <c r="M13" s="221">
        <v>1628</v>
      </c>
      <c r="N13" s="222">
        <v>0</v>
      </c>
      <c r="O13" s="218">
        <v>0</v>
      </c>
      <c r="P13" s="219">
        <v>0</v>
      </c>
      <c r="Q13" s="220">
        <v>0</v>
      </c>
      <c r="R13" s="218">
        <v>5</v>
      </c>
      <c r="S13" s="218">
        <v>3</v>
      </c>
      <c r="T13" s="218">
        <v>6</v>
      </c>
      <c r="U13" s="218">
        <v>6</v>
      </c>
      <c r="V13" s="218">
        <v>2</v>
      </c>
      <c r="W13" s="219">
        <v>22</v>
      </c>
      <c r="X13" s="221">
        <v>22</v>
      </c>
      <c r="Y13" s="222">
        <v>2</v>
      </c>
      <c r="Z13" s="218">
        <v>8</v>
      </c>
      <c r="AA13" s="219">
        <v>10</v>
      </c>
      <c r="AB13" s="220">
        <v>0</v>
      </c>
      <c r="AC13" s="218">
        <v>638</v>
      </c>
      <c r="AD13" s="218">
        <v>435</v>
      </c>
      <c r="AE13" s="218">
        <v>307</v>
      </c>
      <c r="AF13" s="218">
        <v>174</v>
      </c>
      <c r="AG13" s="218">
        <v>86</v>
      </c>
      <c r="AH13" s="219">
        <v>1640</v>
      </c>
      <c r="AI13" s="221">
        <v>1650</v>
      </c>
    </row>
    <row r="14" spans="2:35" ht="21" customHeight="1" x14ac:dyDescent="0.2">
      <c r="B14" s="106" t="s">
        <v>12</v>
      </c>
      <c r="C14" s="217">
        <v>0</v>
      </c>
      <c r="D14" s="218">
        <v>1</v>
      </c>
      <c r="E14" s="219">
        <v>1</v>
      </c>
      <c r="F14" s="220">
        <v>0</v>
      </c>
      <c r="G14" s="218">
        <v>452</v>
      </c>
      <c r="H14" s="218">
        <v>357</v>
      </c>
      <c r="I14" s="218">
        <v>287</v>
      </c>
      <c r="J14" s="218">
        <v>191</v>
      </c>
      <c r="K14" s="218">
        <v>120</v>
      </c>
      <c r="L14" s="219">
        <v>1407</v>
      </c>
      <c r="M14" s="221">
        <v>1408</v>
      </c>
      <c r="N14" s="222">
        <v>0</v>
      </c>
      <c r="O14" s="218">
        <v>0</v>
      </c>
      <c r="P14" s="219">
        <v>0</v>
      </c>
      <c r="Q14" s="220">
        <v>0</v>
      </c>
      <c r="R14" s="218">
        <v>5</v>
      </c>
      <c r="S14" s="218">
        <v>6</v>
      </c>
      <c r="T14" s="218">
        <v>4</v>
      </c>
      <c r="U14" s="218">
        <v>1</v>
      </c>
      <c r="V14" s="218">
        <v>3</v>
      </c>
      <c r="W14" s="219">
        <v>19</v>
      </c>
      <c r="X14" s="221">
        <v>19</v>
      </c>
      <c r="Y14" s="222">
        <v>0</v>
      </c>
      <c r="Z14" s="218">
        <v>1</v>
      </c>
      <c r="AA14" s="219">
        <v>1</v>
      </c>
      <c r="AB14" s="220">
        <v>0</v>
      </c>
      <c r="AC14" s="218">
        <v>457</v>
      </c>
      <c r="AD14" s="218">
        <v>363</v>
      </c>
      <c r="AE14" s="218">
        <v>291</v>
      </c>
      <c r="AF14" s="218">
        <v>192</v>
      </c>
      <c r="AG14" s="218">
        <v>123</v>
      </c>
      <c r="AH14" s="219">
        <v>1426</v>
      </c>
      <c r="AI14" s="221">
        <v>1427</v>
      </c>
    </row>
    <row r="15" spans="2:35" ht="21" customHeight="1" x14ac:dyDescent="0.2">
      <c r="B15" s="106" t="s">
        <v>13</v>
      </c>
      <c r="C15" s="217">
        <v>5</v>
      </c>
      <c r="D15" s="218">
        <v>1</v>
      </c>
      <c r="E15" s="219">
        <v>6</v>
      </c>
      <c r="F15" s="220">
        <v>0</v>
      </c>
      <c r="G15" s="218">
        <v>180</v>
      </c>
      <c r="H15" s="218">
        <v>212</v>
      </c>
      <c r="I15" s="218">
        <v>105</v>
      </c>
      <c r="J15" s="218">
        <v>70</v>
      </c>
      <c r="K15" s="218">
        <v>44</v>
      </c>
      <c r="L15" s="219">
        <v>611</v>
      </c>
      <c r="M15" s="221">
        <v>617</v>
      </c>
      <c r="N15" s="222">
        <v>0</v>
      </c>
      <c r="O15" s="218">
        <v>0</v>
      </c>
      <c r="P15" s="219">
        <v>0</v>
      </c>
      <c r="Q15" s="220">
        <v>0</v>
      </c>
      <c r="R15" s="218">
        <v>2</v>
      </c>
      <c r="S15" s="218">
        <v>2</v>
      </c>
      <c r="T15" s="218">
        <v>3</v>
      </c>
      <c r="U15" s="218">
        <v>0</v>
      </c>
      <c r="V15" s="218">
        <v>0</v>
      </c>
      <c r="W15" s="219">
        <v>7</v>
      </c>
      <c r="X15" s="221">
        <v>7</v>
      </c>
      <c r="Y15" s="222">
        <v>5</v>
      </c>
      <c r="Z15" s="218">
        <v>1</v>
      </c>
      <c r="AA15" s="219">
        <v>6</v>
      </c>
      <c r="AB15" s="220">
        <v>0</v>
      </c>
      <c r="AC15" s="218">
        <v>182</v>
      </c>
      <c r="AD15" s="218">
        <v>214</v>
      </c>
      <c r="AE15" s="218">
        <v>108</v>
      </c>
      <c r="AF15" s="218">
        <v>70</v>
      </c>
      <c r="AG15" s="218">
        <v>44</v>
      </c>
      <c r="AH15" s="219">
        <v>618</v>
      </c>
      <c r="AI15" s="221">
        <v>624</v>
      </c>
    </row>
    <row r="16" spans="2:35" ht="21" customHeight="1" x14ac:dyDescent="0.2">
      <c r="B16" s="106" t="s">
        <v>15</v>
      </c>
      <c r="C16" s="217">
        <v>1</v>
      </c>
      <c r="D16" s="218">
        <v>14</v>
      </c>
      <c r="E16" s="219">
        <v>15</v>
      </c>
      <c r="F16" s="220">
        <v>0</v>
      </c>
      <c r="G16" s="218">
        <v>280</v>
      </c>
      <c r="H16" s="218">
        <v>268</v>
      </c>
      <c r="I16" s="218">
        <v>125</v>
      </c>
      <c r="J16" s="218">
        <v>81</v>
      </c>
      <c r="K16" s="218">
        <v>54</v>
      </c>
      <c r="L16" s="219">
        <v>808</v>
      </c>
      <c r="M16" s="221">
        <v>823</v>
      </c>
      <c r="N16" s="222">
        <v>0</v>
      </c>
      <c r="O16" s="218">
        <v>0</v>
      </c>
      <c r="P16" s="219">
        <v>0</v>
      </c>
      <c r="Q16" s="220">
        <v>0</v>
      </c>
      <c r="R16" s="218">
        <v>4</v>
      </c>
      <c r="S16" s="218">
        <v>4</v>
      </c>
      <c r="T16" s="218">
        <v>3</v>
      </c>
      <c r="U16" s="218">
        <v>1</v>
      </c>
      <c r="V16" s="218">
        <v>0</v>
      </c>
      <c r="W16" s="219">
        <v>12</v>
      </c>
      <c r="X16" s="221">
        <v>12</v>
      </c>
      <c r="Y16" s="222">
        <v>1</v>
      </c>
      <c r="Z16" s="218">
        <v>14</v>
      </c>
      <c r="AA16" s="219">
        <v>15</v>
      </c>
      <c r="AB16" s="220">
        <v>0</v>
      </c>
      <c r="AC16" s="218">
        <v>284</v>
      </c>
      <c r="AD16" s="218">
        <v>272</v>
      </c>
      <c r="AE16" s="218">
        <v>128</v>
      </c>
      <c r="AF16" s="218">
        <v>82</v>
      </c>
      <c r="AG16" s="218">
        <v>54</v>
      </c>
      <c r="AH16" s="219">
        <v>820</v>
      </c>
      <c r="AI16" s="221">
        <v>835</v>
      </c>
    </row>
    <row r="17" spans="2:35" ht="21" customHeight="1" x14ac:dyDescent="0.2">
      <c r="B17" s="106" t="s">
        <v>16</v>
      </c>
      <c r="C17" s="217">
        <v>4</v>
      </c>
      <c r="D17" s="218">
        <v>4</v>
      </c>
      <c r="E17" s="219">
        <v>8</v>
      </c>
      <c r="F17" s="220">
        <v>0</v>
      </c>
      <c r="G17" s="218">
        <v>218</v>
      </c>
      <c r="H17" s="218">
        <v>288</v>
      </c>
      <c r="I17" s="218">
        <v>180</v>
      </c>
      <c r="J17" s="218">
        <v>125</v>
      </c>
      <c r="K17" s="218">
        <v>71</v>
      </c>
      <c r="L17" s="219">
        <v>882</v>
      </c>
      <c r="M17" s="221">
        <v>890</v>
      </c>
      <c r="N17" s="222">
        <v>0</v>
      </c>
      <c r="O17" s="218">
        <v>0</v>
      </c>
      <c r="P17" s="219">
        <v>0</v>
      </c>
      <c r="Q17" s="220">
        <v>0</v>
      </c>
      <c r="R17" s="218">
        <v>4</v>
      </c>
      <c r="S17" s="218">
        <v>2</v>
      </c>
      <c r="T17" s="218">
        <v>6</v>
      </c>
      <c r="U17" s="218">
        <v>3</v>
      </c>
      <c r="V17" s="218">
        <v>1</v>
      </c>
      <c r="W17" s="219">
        <v>16</v>
      </c>
      <c r="X17" s="221">
        <v>16</v>
      </c>
      <c r="Y17" s="222">
        <v>4</v>
      </c>
      <c r="Z17" s="218">
        <v>4</v>
      </c>
      <c r="AA17" s="219">
        <v>8</v>
      </c>
      <c r="AB17" s="220">
        <v>0</v>
      </c>
      <c r="AC17" s="218">
        <v>222</v>
      </c>
      <c r="AD17" s="218">
        <v>290</v>
      </c>
      <c r="AE17" s="218">
        <v>186</v>
      </c>
      <c r="AF17" s="218">
        <v>128</v>
      </c>
      <c r="AG17" s="218">
        <v>72</v>
      </c>
      <c r="AH17" s="219">
        <v>898</v>
      </c>
      <c r="AI17" s="221">
        <v>906</v>
      </c>
    </row>
    <row r="18" spans="2:35" ht="21" customHeight="1" x14ac:dyDescent="0.2">
      <c r="B18" s="106" t="s">
        <v>17</v>
      </c>
      <c r="C18" s="217">
        <v>5</v>
      </c>
      <c r="D18" s="218">
        <v>9</v>
      </c>
      <c r="E18" s="219">
        <v>14</v>
      </c>
      <c r="F18" s="220">
        <v>0</v>
      </c>
      <c r="G18" s="218">
        <v>354</v>
      </c>
      <c r="H18" s="218">
        <v>467</v>
      </c>
      <c r="I18" s="218">
        <v>326</v>
      </c>
      <c r="J18" s="218">
        <v>213</v>
      </c>
      <c r="K18" s="218">
        <v>128</v>
      </c>
      <c r="L18" s="219">
        <v>1488</v>
      </c>
      <c r="M18" s="221">
        <v>1502</v>
      </c>
      <c r="N18" s="222">
        <v>0</v>
      </c>
      <c r="O18" s="218">
        <v>0</v>
      </c>
      <c r="P18" s="219">
        <v>0</v>
      </c>
      <c r="Q18" s="220">
        <v>0</v>
      </c>
      <c r="R18" s="218">
        <v>4</v>
      </c>
      <c r="S18" s="218">
        <v>17</v>
      </c>
      <c r="T18" s="218">
        <v>5</v>
      </c>
      <c r="U18" s="218">
        <v>7</v>
      </c>
      <c r="V18" s="218">
        <v>6</v>
      </c>
      <c r="W18" s="219">
        <v>39</v>
      </c>
      <c r="X18" s="221">
        <v>39</v>
      </c>
      <c r="Y18" s="222">
        <v>5</v>
      </c>
      <c r="Z18" s="218">
        <v>9</v>
      </c>
      <c r="AA18" s="219">
        <v>14</v>
      </c>
      <c r="AB18" s="220">
        <v>0</v>
      </c>
      <c r="AC18" s="218">
        <v>358</v>
      </c>
      <c r="AD18" s="218">
        <v>484</v>
      </c>
      <c r="AE18" s="218">
        <v>331</v>
      </c>
      <c r="AF18" s="218">
        <v>220</v>
      </c>
      <c r="AG18" s="218">
        <v>134</v>
      </c>
      <c r="AH18" s="219">
        <v>1527</v>
      </c>
      <c r="AI18" s="221">
        <v>1541</v>
      </c>
    </row>
    <row r="19" spans="2:35" ht="21" customHeight="1" x14ac:dyDescent="0.2">
      <c r="B19" s="106" t="s">
        <v>18</v>
      </c>
      <c r="C19" s="217">
        <v>4</v>
      </c>
      <c r="D19" s="218">
        <v>15</v>
      </c>
      <c r="E19" s="219">
        <v>19</v>
      </c>
      <c r="F19" s="220">
        <v>0</v>
      </c>
      <c r="G19" s="218">
        <v>436</v>
      </c>
      <c r="H19" s="218">
        <v>349</v>
      </c>
      <c r="I19" s="218">
        <v>275</v>
      </c>
      <c r="J19" s="218">
        <v>178</v>
      </c>
      <c r="K19" s="218">
        <v>88</v>
      </c>
      <c r="L19" s="219">
        <v>1326</v>
      </c>
      <c r="M19" s="221">
        <v>1345</v>
      </c>
      <c r="N19" s="222">
        <v>0</v>
      </c>
      <c r="O19" s="218">
        <v>0</v>
      </c>
      <c r="P19" s="219">
        <v>0</v>
      </c>
      <c r="Q19" s="220">
        <v>0</v>
      </c>
      <c r="R19" s="218">
        <v>5</v>
      </c>
      <c r="S19" s="218">
        <v>7</v>
      </c>
      <c r="T19" s="218">
        <v>3</v>
      </c>
      <c r="U19" s="218">
        <v>6</v>
      </c>
      <c r="V19" s="218">
        <v>5</v>
      </c>
      <c r="W19" s="219">
        <v>26</v>
      </c>
      <c r="X19" s="221">
        <v>26</v>
      </c>
      <c r="Y19" s="222">
        <v>4</v>
      </c>
      <c r="Z19" s="218">
        <v>15</v>
      </c>
      <c r="AA19" s="219">
        <v>19</v>
      </c>
      <c r="AB19" s="220">
        <v>0</v>
      </c>
      <c r="AC19" s="218">
        <v>441</v>
      </c>
      <c r="AD19" s="218">
        <v>356</v>
      </c>
      <c r="AE19" s="218">
        <v>278</v>
      </c>
      <c r="AF19" s="218">
        <v>184</v>
      </c>
      <c r="AG19" s="218">
        <v>93</v>
      </c>
      <c r="AH19" s="219">
        <v>1352</v>
      </c>
      <c r="AI19" s="221">
        <v>1371</v>
      </c>
    </row>
    <row r="20" spans="2:35" ht="21" customHeight="1" x14ac:dyDescent="0.2">
      <c r="B20" s="106" t="s">
        <v>19</v>
      </c>
      <c r="C20" s="217">
        <v>1</v>
      </c>
      <c r="D20" s="218">
        <v>2</v>
      </c>
      <c r="E20" s="219">
        <v>3</v>
      </c>
      <c r="F20" s="220">
        <v>0</v>
      </c>
      <c r="G20" s="218">
        <v>204</v>
      </c>
      <c r="H20" s="218">
        <v>172</v>
      </c>
      <c r="I20" s="218">
        <v>117</v>
      </c>
      <c r="J20" s="218">
        <v>68</v>
      </c>
      <c r="K20" s="218">
        <v>49</v>
      </c>
      <c r="L20" s="219">
        <v>610</v>
      </c>
      <c r="M20" s="221">
        <v>613</v>
      </c>
      <c r="N20" s="222">
        <v>0</v>
      </c>
      <c r="O20" s="218">
        <v>0</v>
      </c>
      <c r="P20" s="219">
        <v>0</v>
      </c>
      <c r="Q20" s="220">
        <v>0</v>
      </c>
      <c r="R20" s="218">
        <v>1</v>
      </c>
      <c r="S20" s="218">
        <v>2</v>
      </c>
      <c r="T20" s="218">
        <v>0</v>
      </c>
      <c r="U20" s="218">
        <v>2</v>
      </c>
      <c r="V20" s="218">
        <v>1</v>
      </c>
      <c r="W20" s="219">
        <v>6</v>
      </c>
      <c r="X20" s="221">
        <v>6</v>
      </c>
      <c r="Y20" s="222">
        <v>1</v>
      </c>
      <c r="Z20" s="218">
        <v>2</v>
      </c>
      <c r="AA20" s="219">
        <v>3</v>
      </c>
      <c r="AB20" s="220">
        <v>0</v>
      </c>
      <c r="AC20" s="218">
        <v>205</v>
      </c>
      <c r="AD20" s="218">
        <v>174</v>
      </c>
      <c r="AE20" s="218">
        <v>117</v>
      </c>
      <c r="AF20" s="218">
        <v>70</v>
      </c>
      <c r="AG20" s="218">
        <v>50</v>
      </c>
      <c r="AH20" s="219">
        <v>616</v>
      </c>
      <c r="AI20" s="221">
        <v>619</v>
      </c>
    </row>
    <row r="21" spans="2:35" ht="21" customHeight="1" x14ac:dyDescent="0.2">
      <c r="B21" s="106" t="s">
        <v>20</v>
      </c>
      <c r="C21" s="217">
        <v>0</v>
      </c>
      <c r="D21" s="218">
        <v>1</v>
      </c>
      <c r="E21" s="219">
        <v>1</v>
      </c>
      <c r="F21" s="220">
        <v>0</v>
      </c>
      <c r="G21" s="218">
        <v>265</v>
      </c>
      <c r="H21" s="218">
        <v>162</v>
      </c>
      <c r="I21" s="218">
        <v>132</v>
      </c>
      <c r="J21" s="218">
        <v>47</v>
      </c>
      <c r="K21" s="218">
        <v>32</v>
      </c>
      <c r="L21" s="219">
        <v>638</v>
      </c>
      <c r="M21" s="221">
        <v>639</v>
      </c>
      <c r="N21" s="222">
        <v>0</v>
      </c>
      <c r="O21" s="218">
        <v>0</v>
      </c>
      <c r="P21" s="219">
        <v>0</v>
      </c>
      <c r="Q21" s="220">
        <v>0</v>
      </c>
      <c r="R21" s="218">
        <v>5</v>
      </c>
      <c r="S21" s="218">
        <v>3</v>
      </c>
      <c r="T21" s="218">
        <v>3</v>
      </c>
      <c r="U21" s="218">
        <v>0</v>
      </c>
      <c r="V21" s="218">
        <v>1</v>
      </c>
      <c r="W21" s="219">
        <v>12</v>
      </c>
      <c r="X21" s="221">
        <v>12</v>
      </c>
      <c r="Y21" s="222">
        <v>0</v>
      </c>
      <c r="Z21" s="218">
        <v>1</v>
      </c>
      <c r="AA21" s="219">
        <v>1</v>
      </c>
      <c r="AB21" s="220">
        <v>0</v>
      </c>
      <c r="AC21" s="218">
        <v>270</v>
      </c>
      <c r="AD21" s="218">
        <v>165</v>
      </c>
      <c r="AE21" s="218">
        <v>135</v>
      </c>
      <c r="AF21" s="218">
        <v>47</v>
      </c>
      <c r="AG21" s="218">
        <v>33</v>
      </c>
      <c r="AH21" s="219">
        <v>650</v>
      </c>
      <c r="AI21" s="221">
        <v>651</v>
      </c>
    </row>
    <row r="22" spans="2:35" ht="21" customHeight="1" x14ac:dyDescent="0.2">
      <c r="B22" s="106" t="s">
        <v>21</v>
      </c>
      <c r="C22" s="217">
        <v>0</v>
      </c>
      <c r="D22" s="218">
        <v>1</v>
      </c>
      <c r="E22" s="219">
        <v>1</v>
      </c>
      <c r="F22" s="220">
        <v>0</v>
      </c>
      <c r="G22" s="218">
        <v>257</v>
      </c>
      <c r="H22" s="218">
        <v>220</v>
      </c>
      <c r="I22" s="218">
        <v>144</v>
      </c>
      <c r="J22" s="218">
        <v>55</v>
      </c>
      <c r="K22" s="218">
        <v>36</v>
      </c>
      <c r="L22" s="219">
        <v>712</v>
      </c>
      <c r="M22" s="221">
        <v>713</v>
      </c>
      <c r="N22" s="222">
        <v>0</v>
      </c>
      <c r="O22" s="218">
        <v>0</v>
      </c>
      <c r="P22" s="219">
        <v>0</v>
      </c>
      <c r="Q22" s="220">
        <v>0</v>
      </c>
      <c r="R22" s="218">
        <v>1</v>
      </c>
      <c r="S22" s="218">
        <v>6</v>
      </c>
      <c r="T22" s="218">
        <v>4</v>
      </c>
      <c r="U22" s="218">
        <v>0</v>
      </c>
      <c r="V22" s="218">
        <v>2</v>
      </c>
      <c r="W22" s="219">
        <v>13</v>
      </c>
      <c r="X22" s="221">
        <v>13</v>
      </c>
      <c r="Y22" s="222">
        <v>0</v>
      </c>
      <c r="Z22" s="218">
        <v>1</v>
      </c>
      <c r="AA22" s="219">
        <v>1</v>
      </c>
      <c r="AB22" s="220">
        <v>0</v>
      </c>
      <c r="AC22" s="218">
        <v>258</v>
      </c>
      <c r="AD22" s="218">
        <v>226</v>
      </c>
      <c r="AE22" s="218">
        <v>148</v>
      </c>
      <c r="AF22" s="218">
        <v>55</v>
      </c>
      <c r="AG22" s="218">
        <v>38</v>
      </c>
      <c r="AH22" s="219">
        <v>725</v>
      </c>
      <c r="AI22" s="221">
        <v>726</v>
      </c>
    </row>
    <row r="23" spans="2:35" ht="21" customHeight="1" x14ac:dyDescent="0.2">
      <c r="B23" s="106" t="s">
        <v>22</v>
      </c>
      <c r="C23" s="217">
        <v>4</v>
      </c>
      <c r="D23" s="218">
        <v>7</v>
      </c>
      <c r="E23" s="219">
        <v>11</v>
      </c>
      <c r="F23" s="220">
        <v>0</v>
      </c>
      <c r="G23" s="218">
        <v>164</v>
      </c>
      <c r="H23" s="218">
        <v>158</v>
      </c>
      <c r="I23" s="218">
        <v>91</v>
      </c>
      <c r="J23" s="218">
        <v>69</v>
      </c>
      <c r="K23" s="218">
        <v>26</v>
      </c>
      <c r="L23" s="219">
        <v>508</v>
      </c>
      <c r="M23" s="221">
        <v>519</v>
      </c>
      <c r="N23" s="222">
        <v>0</v>
      </c>
      <c r="O23" s="218">
        <v>0</v>
      </c>
      <c r="P23" s="219">
        <v>0</v>
      </c>
      <c r="Q23" s="220">
        <v>0</v>
      </c>
      <c r="R23" s="218">
        <v>1</v>
      </c>
      <c r="S23" s="218">
        <v>1</v>
      </c>
      <c r="T23" s="218">
        <v>1</v>
      </c>
      <c r="U23" s="218">
        <v>0</v>
      </c>
      <c r="V23" s="218">
        <v>0</v>
      </c>
      <c r="W23" s="219">
        <v>3</v>
      </c>
      <c r="X23" s="221">
        <v>3</v>
      </c>
      <c r="Y23" s="222">
        <v>4</v>
      </c>
      <c r="Z23" s="218">
        <v>7</v>
      </c>
      <c r="AA23" s="219">
        <v>11</v>
      </c>
      <c r="AB23" s="220">
        <v>0</v>
      </c>
      <c r="AC23" s="218">
        <v>165</v>
      </c>
      <c r="AD23" s="218">
        <v>159</v>
      </c>
      <c r="AE23" s="218">
        <v>92</v>
      </c>
      <c r="AF23" s="218">
        <v>69</v>
      </c>
      <c r="AG23" s="218">
        <v>26</v>
      </c>
      <c r="AH23" s="219">
        <v>511</v>
      </c>
      <c r="AI23" s="221">
        <v>522</v>
      </c>
    </row>
    <row r="24" spans="2:35" ht="21" customHeight="1" x14ac:dyDescent="0.2">
      <c r="B24" s="106" t="s">
        <v>23</v>
      </c>
      <c r="C24" s="217">
        <v>0</v>
      </c>
      <c r="D24" s="218">
        <v>0</v>
      </c>
      <c r="E24" s="219">
        <v>0</v>
      </c>
      <c r="F24" s="220">
        <v>0</v>
      </c>
      <c r="G24" s="218">
        <v>113</v>
      </c>
      <c r="H24" s="218">
        <v>78</v>
      </c>
      <c r="I24" s="218">
        <v>63</v>
      </c>
      <c r="J24" s="218">
        <v>43</v>
      </c>
      <c r="K24" s="218">
        <v>22</v>
      </c>
      <c r="L24" s="219">
        <v>319</v>
      </c>
      <c r="M24" s="221">
        <v>319</v>
      </c>
      <c r="N24" s="222">
        <v>0</v>
      </c>
      <c r="O24" s="218">
        <v>0</v>
      </c>
      <c r="P24" s="219">
        <v>0</v>
      </c>
      <c r="Q24" s="220">
        <v>0</v>
      </c>
      <c r="R24" s="218">
        <v>1</v>
      </c>
      <c r="S24" s="218">
        <v>1</v>
      </c>
      <c r="T24" s="218">
        <v>1</v>
      </c>
      <c r="U24" s="218">
        <v>0</v>
      </c>
      <c r="V24" s="218">
        <v>0</v>
      </c>
      <c r="W24" s="219">
        <v>3</v>
      </c>
      <c r="X24" s="221">
        <v>3</v>
      </c>
      <c r="Y24" s="222">
        <v>0</v>
      </c>
      <c r="Z24" s="218">
        <v>0</v>
      </c>
      <c r="AA24" s="219">
        <v>0</v>
      </c>
      <c r="AB24" s="220">
        <v>0</v>
      </c>
      <c r="AC24" s="218">
        <v>114</v>
      </c>
      <c r="AD24" s="218">
        <v>79</v>
      </c>
      <c r="AE24" s="218">
        <v>64</v>
      </c>
      <c r="AF24" s="218">
        <v>43</v>
      </c>
      <c r="AG24" s="218">
        <v>22</v>
      </c>
      <c r="AH24" s="219">
        <v>322</v>
      </c>
      <c r="AI24" s="221">
        <v>322</v>
      </c>
    </row>
    <row r="25" spans="2:35" ht="21" customHeight="1" x14ac:dyDescent="0.2">
      <c r="B25" s="106" t="s">
        <v>24</v>
      </c>
      <c r="C25" s="217">
        <v>4</v>
      </c>
      <c r="D25" s="218">
        <v>3</v>
      </c>
      <c r="E25" s="219">
        <v>7</v>
      </c>
      <c r="F25" s="220">
        <v>0</v>
      </c>
      <c r="G25" s="218">
        <v>44</v>
      </c>
      <c r="H25" s="218">
        <v>34</v>
      </c>
      <c r="I25" s="218">
        <v>29</v>
      </c>
      <c r="J25" s="218">
        <v>16</v>
      </c>
      <c r="K25" s="218">
        <v>7</v>
      </c>
      <c r="L25" s="219">
        <v>130</v>
      </c>
      <c r="M25" s="221">
        <v>137</v>
      </c>
      <c r="N25" s="222">
        <v>0</v>
      </c>
      <c r="O25" s="218">
        <v>0</v>
      </c>
      <c r="P25" s="219">
        <v>0</v>
      </c>
      <c r="Q25" s="220">
        <v>0</v>
      </c>
      <c r="R25" s="218">
        <v>0</v>
      </c>
      <c r="S25" s="218">
        <v>0</v>
      </c>
      <c r="T25" s="218">
        <v>0</v>
      </c>
      <c r="U25" s="218">
        <v>1</v>
      </c>
      <c r="V25" s="218">
        <v>0</v>
      </c>
      <c r="W25" s="219">
        <v>1</v>
      </c>
      <c r="X25" s="221">
        <v>1</v>
      </c>
      <c r="Y25" s="222">
        <v>4</v>
      </c>
      <c r="Z25" s="218">
        <v>3</v>
      </c>
      <c r="AA25" s="219">
        <v>7</v>
      </c>
      <c r="AB25" s="220">
        <v>0</v>
      </c>
      <c r="AC25" s="218">
        <v>44</v>
      </c>
      <c r="AD25" s="218">
        <v>34</v>
      </c>
      <c r="AE25" s="218">
        <v>29</v>
      </c>
      <c r="AF25" s="218">
        <v>17</v>
      </c>
      <c r="AG25" s="218">
        <v>7</v>
      </c>
      <c r="AH25" s="219">
        <v>131</v>
      </c>
      <c r="AI25" s="221">
        <v>138</v>
      </c>
    </row>
    <row r="26" spans="2:35" ht="21" customHeight="1" x14ac:dyDescent="0.2">
      <c r="B26" s="106" t="s">
        <v>25</v>
      </c>
      <c r="C26" s="217">
        <v>0</v>
      </c>
      <c r="D26" s="218">
        <v>3</v>
      </c>
      <c r="E26" s="219">
        <v>3</v>
      </c>
      <c r="F26" s="220">
        <v>0</v>
      </c>
      <c r="G26" s="218">
        <v>94</v>
      </c>
      <c r="H26" s="218">
        <v>50</v>
      </c>
      <c r="I26" s="218">
        <v>28</v>
      </c>
      <c r="J26" s="218">
        <v>16</v>
      </c>
      <c r="K26" s="218">
        <v>2</v>
      </c>
      <c r="L26" s="219">
        <v>190</v>
      </c>
      <c r="M26" s="221">
        <v>193</v>
      </c>
      <c r="N26" s="222">
        <v>0</v>
      </c>
      <c r="O26" s="218">
        <v>0</v>
      </c>
      <c r="P26" s="219">
        <v>0</v>
      </c>
      <c r="Q26" s="220">
        <v>0</v>
      </c>
      <c r="R26" s="218">
        <v>0</v>
      </c>
      <c r="S26" s="218">
        <v>0</v>
      </c>
      <c r="T26" s="218">
        <v>1</v>
      </c>
      <c r="U26" s="218">
        <v>0</v>
      </c>
      <c r="V26" s="218">
        <v>0</v>
      </c>
      <c r="W26" s="219">
        <v>1</v>
      </c>
      <c r="X26" s="221">
        <v>1</v>
      </c>
      <c r="Y26" s="222">
        <v>0</v>
      </c>
      <c r="Z26" s="218">
        <v>3</v>
      </c>
      <c r="AA26" s="219">
        <v>3</v>
      </c>
      <c r="AB26" s="220">
        <v>0</v>
      </c>
      <c r="AC26" s="218">
        <v>94</v>
      </c>
      <c r="AD26" s="218">
        <v>50</v>
      </c>
      <c r="AE26" s="218">
        <v>29</v>
      </c>
      <c r="AF26" s="218">
        <v>16</v>
      </c>
      <c r="AG26" s="218">
        <v>2</v>
      </c>
      <c r="AH26" s="219">
        <v>191</v>
      </c>
      <c r="AI26" s="221">
        <v>194</v>
      </c>
    </row>
    <row r="27" spans="2:35" ht="21" customHeight="1" x14ac:dyDescent="0.2">
      <c r="B27" s="106" t="s">
        <v>26</v>
      </c>
      <c r="C27" s="217">
        <v>0</v>
      </c>
      <c r="D27" s="218">
        <v>0</v>
      </c>
      <c r="E27" s="219">
        <v>0</v>
      </c>
      <c r="F27" s="220">
        <v>0</v>
      </c>
      <c r="G27" s="218">
        <v>62</v>
      </c>
      <c r="H27" s="218">
        <v>69</v>
      </c>
      <c r="I27" s="218">
        <v>57</v>
      </c>
      <c r="J27" s="218">
        <v>27</v>
      </c>
      <c r="K27" s="218">
        <v>12</v>
      </c>
      <c r="L27" s="219">
        <v>227</v>
      </c>
      <c r="M27" s="221">
        <v>227</v>
      </c>
      <c r="N27" s="222">
        <v>0</v>
      </c>
      <c r="O27" s="218">
        <v>0</v>
      </c>
      <c r="P27" s="219">
        <v>0</v>
      </c>
      <c r="Q27" s="220">
        <v>0</v>
      </c>
      <c r="R27" s="218">
        <v>0</v>
      </c>
      <c r="S27" s="218">
        <v>0</v>
      </c>
      <c r="T27" s="218">
        <v>0</v>
      </c>
      <c r="U27" s="218">
        <v>0</v>
      </c>
      <c r="V27" s="218">
        <v>1</v>
      </c>
      <c r="W27" s="219">
        <v>1</v>
      </c>
      <c r="X27" s="221">
        <v>1</v>
      </c>
      <c r="Y27" s="222">
        <v>0</v>
      </c>
      <c r="Z27" s="218">
        <v>0</v>
      </c>
      <c r="AA27" s="219">
        <v>0</v>
      </c>
      <c r="AB27" s="220">
        <v>0</v>
      </c>
      <c r="AC27" s="218">
        <v>62</v>
      </c>
      <c r="AD27" s="218">
        <v>69</v>
      </c>
      <c r="AE27" s="218">
        <v>57</v>
      </c>
      <c r="AF27" s="218">
        <v>27</v>
      </c>
      <c r="AG27" s="218">
        <v>13</v>
      </c>
      <c r="AH27" s="219">
        <v>228</v>
      </c>
      <c r="AI27" s="221">
        <v>228</v>
      </c>
    </row>
    <row r="28" spans="2:35" ht="21" customHeight="1" x14ac:dyDescent="0.2">
      <c r="B28" s="106" t="s">
        <v>27</v>
      </c>
      <c r="C28" s="217">
        <v>0</v>
      </c>
      <c r="D28" s="218">
        <v>0</v>
      </c>
      <c r="E28" s="219">
        <v>0</v>
      </c>
      <c r="F28" s="220">
        <v>0</v>
      </c>
      <c r="G28" s="218">
        <v>58</v>
      </c>
      <c r="H28" s="218">
        <v>39</v>
      </c>
      <c r="I28" s="218">
        <v>34</v>
      </c>
      <c r="J28" s="218">
        <v>21</v>
      </c>
      <c r="K28" s="218">
        <v>12</v>
      </c>
      <c r="L28" s="219">
        <v>164</v>
      </c>
      <c r="M28" s="221">
        <v>164</v>
      </c>
      <c r="N28" s="222">
        <v>0</v>
      </c>
      <c r="O28" s="218">
        <v>0</v>
      </c>
      <c r="P28" s="219">
        <v>0</v>
      </c>
      <c r="Q28" s="220">
        <v>0</v>
      </c>
      <c r="R28" s="218">
        <v>1</v>
      </c>
      <c r="S28" s="218">
        <v>0</v>
      </c>
      <c r="T28" s="218">
        <v>1</v>
      </c>
      <c r="U28" s="218">
        <v>0</v>
      </c>
      <c r="V28" s="218">
        <v>0</v>
      </c>
      <c r="W28" s="219">
        <v>2</v>
      </c>
      <c r="X28" s="221">
        <v>2</v>
      </c>
      <c r="Y28" s="222">
        <v>0</v>
      </c>
      <c r="Z28" s="218">
        <v>0</v>
      </c>
      <c r="AA28" s="219">
        <v>0</v>
      </c>
      <c r="AB28" s="220">
        <v>0</v>
      </c>
      <c r="AC28" s="218">
        <v>59</v>
      </c>
      <c r="AD28" s="218">
        <v>39</v>
      </c>
      <c r="AE28" s="218">
        <v>35</v>
      </c>
      <c r="AF28" s="218">
        <v>21</v>
      </c>
      <c r="AG28" s="218">
        <v>12</v>
      </c>
      <c r="AH28" s="219">
        <v>166</v>
      </c>
      <c r="AI28" s="221">
        <v>166</v>
      </c>
    </row>
    <row r="29" spans="2:35" ht="21" customHeight="1" x14ac:dyDescent="0.2">
      <c r="B29" s="106" t="s">
        <v>28</v>
      </c>
      <c r="C29" s="217">
        <v>0</v>
      </c>
      <c r="D29" s="218">
        <v>0</v>
      </c>
      <c r="E29" s="219">
        <v>0</v>
      </c>
      <c r="F29" s="220">
        <v>0</v>
      </c>
      <c r="G29" s="218">
        <v>32</v>
      </c>
      <c r="H29" s="218">
        <v>23</v>
      </c>
      <c r="I29" s="218">
        <v>6</v>
      </c>
      <c r="J29" s="218">
        <v>6</v>
      </c>
      <c r="K29" s="218">
        <v>5</v>
      </c>
      <c r="L29" s="219">
        <v>72</v>
      </c>
      <c r="M29" s="221">
        <v>72</v>
      </c>
      <c r="N29" s="222">
        <v>0</v>
      </c>
      <c r="O29" s="218">
        <v>0</v>
      </c>
      <c r="P29" s="219">
        <v>0</v>
      </c>
      <c r="Q29" s="220">
        <v>0</v>
      </c>
      <c r="R29" s="218">
        <v>0</v>
      </c>
      <c r="S29" s="218">
        <v>0</v>
      </c>
      <c r="T29" s="218">
        <v>1</v>
      </c>
      <c r="U29" s="218">
        <v>0</v>
      </c>
      <c r="V29" s="218">
        <v>1</v>
      </c>
      <c r="W29" s="219">
        <v>2</v>
      </c>
      <c r="X29" s="221">
        <v>2</v>
      </c>
      <c r="Y29" s="222">
        <v>0</v>
      </c>
      <c r="Z29" s="218">
        <v>0</v>
      </c>
      <c r="AA29" s="219">
        <v>0</v>
      </c>
      <c r="AB29" s="220">
        <v>0</v>
      </c>
      <c r="AC29" s="218">
        <v>32</v>
      </c>
      <c r="AD29" s="218">
        <v>23</v>
      </c>
      <c r="AE29" s="218">
        <v>7</v>
      </c>
      <c r="AF29" s="218">
        <v>6</v>
      </c>
      <c r="AG29" s="218">
        <v>6</v>
      </c>
      <c r="AH29" s="219">
        <v>74</v>
      </c>
      <c r="AI29" s="221">
        <v>74</v>
      </c>
    </row>
    <row r="30" spans="2:35" ht="21" customHeight="1" x14ac:dyDescent="0.2">
      <c r="B30" s="106" t="s">
        <v>29</v>
      </c>
      <c r="C30" s="217">
        <v>0</v>
      </c>
      <c r="D30" s="218">
        <v>0</v>
      </c>
      <c r="E30" s="219">
        <v>0</v>
      </c>
      <c r="F30" s="220">
        <v>0</v>
      </c>
      <c r="G30" s="218">
        <v>25</v>
      </c>
      <c r="H30" s="218">
        <v>38</v>
      </c>
      <c r="I30" s="218">
        <v>36</v>
      </c>
      <c r="J30" s="218">
        <v>18</v>
      </c>
      <c r="K30" s="218">
        <v>10</v>
      </c>
      <c r="L30" s="219">
        <v>127</v>
      </c>
      <c r="M30" s="221">
        <v>127</v>
      </c>
      <c r="N30" s="222">
        <v>0</v>
      </c>
      <c r="O30" s="218">
        <v>0</v>
      </c>
      <c r="P30" s="219">
        <v>0</v>
      </c>
      <c r="Q30" s="220">
        <v>0</v>
      </c>
      <c r="R30" s="218">
        <v>0</v>
      </c>
      <c r="S30" s="218">
        <v>1</v>
      </c>
      <c r="T30" s="218">
        <v>0</v>
      </c>
      <c r="U30" s="218">
        <v>0</v>
      </c>
      <c r="V30" s="218">
        <v>0</v>
      </c>
      <c r="W30" s="219">
        <v>1</v>
      </c>
      <c r="X30" s="221">
        <v>1</v>
      </c>
      <c r="Y30" s="222">
        <v>0</v>
      </c>
      <c r="Z30" s="218">
        <v>0</v>
      </c>
      <c r="AA30" s="219">
        <v>0</v>
      </c>
      <c r="AB30" s="220">
        <v>0</v>
      </c>
      <c r="AC30" s="218">
        <v>25</v>
      </c>
      <c r="AD30" s="218">
        <v>39</v>
      </c>
      <c r="AE30" s="218">
        <v>36</v>
      </c>
      <c r="AF30" s="218">
        <v>18</v>
      </c>
      <c r="AG30" s="218">
        <v>10</v>
      </c>
      <c r="AH30" s="219">
        <v>128</v>
      </c>
      <c r="AI30" s="221">
        <v>128</v>
      </c>
    </row>
    <row r="31" spans="2:35" ht="21" customHeight="1" x14ac:dyDescent="0.2">
      <c r="B31" s="106" t="s">
        <v>30</v>
      </c>
      <c r="C31" s="217">
        <v>0</v>
      </c>
      <c r="D31" s="218">
        <v>0</v>
      </c>
      <c r="E31" s="219">
        <v>0</v>
      </c>
      <c r="F31" s="220">
        <v>0</v>
      </c>
      <c r="G31" s="218">
        <v>27</v>
      </c>
      <c r="H31" s="218">
        <v>22</v>
      </c>
      <c r="I31" s="218">
        <v>14</v>
      </c>
      <c r="J31" s="218">
        <v>6</v>
      </c>
      <c r="K31" s="218">
        <v>5</v>
      </c>
      <c r="L31" s="219">
        <v>74</v>
      </c>
      <c r="M31" s="221">
        <v>74</v>
      </c>
      <c r="N31" s="222">
        <v>0</v>
      </c>
      <c r="O31" s="218">
        <v>0</v>
      </c>
      <c r="P31" s="219">
        <v>0</v>
      </c>
      <c r="Q31" s="220">
        <v>0</v>
      </c>
      <c r="R31" s="218">
        <v>1</v>
      </c>
      <c r="S31" s="218">
        <v>1</v>
      </c>
      <c r="T31" s="218">
        <v>0</v>
      </c>
      <c r="U31" s="218">
        <v>0</v>
      </c>
      <c r="V31" s="218">
        <v>0</v>
      </c>
      <c r="W31" s="219">
        <v>2</v>
      </c>
      <c r="X31" s="221">
        <v>2</v>
      </c>
      <c r="Y31" s="222">
        <v>0</v>
      </c>
      <c r="Z31" s="218">
        <v>0</v>
      </c>
      <c r="AA31" s="219">
        <v>0</v>
      </c>
      <c r="AB31" s="220">
        <v>0</v>
      </c>
      <c r="AC31" s="218">
        <v>28</v>
      </c>
      <c r="AD31" s="218">
        <v>23</v>
      </c>
      <c r="AE31" s="218">
        <v>14</v>
      </c>
      <c r="AF31" s="218">
        <v>6</v>
      </c>
      <c r="AG31" s="218">
        <v>5</v>
      </c>
      <c r="AH31" s="219">
        <v>76</v>
      </c>
      <c r="AI31" s="221">
        <v>76</v>
      </c>
    </row>
    <row r="32" spans="2:35" ht="21" customHeight="1" x14ac:dyDescent="0.2">
      <c r="B32" s="106" t="s">
        <v>31</v>
      </c>
      <c r="C32" s="217">
        <v>0</v>
      </c>
      <c r="D32" s="218">
        <v>0</v>
      </c>
      <c r="E32" s="219">
        <v>0</v>
      </c>
      <c r="F32" s="220">
        <v>0</v>
      </c>
      <c r="G32" s="218">
        <v>40</v>
      </c>
      <c r="H32" s="218">
        <v>36</v>
      </c>
      <c r="I32" s="218">
        <v>24</v>
      </c>
      <c r="J32" s="218">
        <v>17</v>
      </c>
      <c r="K32" s="218">
        <v>5</v>
      </c>
      <c r="L32" s="219">
        <v>122</v>
      </c>
      <c r="M32" s="221">
        <v>122</v>
      </c>
      <c r="N32" s="222">
        <v>0</v>
      </c>
      <c r="O32" s="218">
        <v>0</v>
      </c>
      <c r="P32" s="219">
        <v>0</v>
      </c>
      <c r="Q32" s="220">
        <v>0</v>
      </c>
      <c r="R32" s="218">
        <v>0</v>
      </c>
      <c r="S32" s="218">
        <v>0</v>
      </c>
      <c r="T32" s="218">
        <v>0</v>
      </c>
      <c r="U32" s="218">
        <v>0</v>
      </c>
      <c r="V32" s="218">
        <v>0</v>
      </c>
      <c r="W32" s="219">
        <v>0</v>
      </c>
      <c r="X32" s="221">
        <v>0</v>
      </c>
      <c r="Y32" s="222">
        <v>0</v>
      </c>
      <c r="Z32" s="218">
        <v>0</v>
      </c>
      <c r="AA32" s="219">
        <v>0</v>
      </c>
      <c r="AB32" s="220">
        <v>0</v>
      </c>
      <c r="AC32" s="218">
        <v>40</v>
      </c>
      <c r="AD32" s="218">
        <v>36</v>
      </c>
      <c r="AE32" s="218">
        <v>24</v>
      </c>
      <c r="AF32" s="218">
        <v>17</v>
      </c>
      <c r="AG32" s="218">
        <v>5</v>
      </c>
      <c r="AH32" s="219">
        <v>122</v>
      </c>
      <c r="AI32" s="221">
        <v>122</v>
      </c>
    </row>
    <row r="33" spans="2:35" ht="21" customHeight="1" x14ac:dyDescent="0.2">
      <c r="B33" s="106" t="s">
        <v>32</v>
      </c>
      <c r="C33" s="217">
        <v>1</v>
      </c>
      <c r="D33" s="218">
        <v>3</v>
      </c>
      <c r="E33" s="219">
        <v>4</v>
      </c>
      <c r="F33" s="220">
        <v>0</v>
      </c>
      <c r="G33" s="218">
        <v>70</v>
      </c>
      <c r="H33" s="218">
        <v>43</v>
      </c>
      <c r="I33" s="218">
        <v>36</v>
      </c>
      <c r="J33" s="218">
        <v>30</v>
      </c>
      <c r="K33" s="218">
        <v>12</v>
      </c>
      <c r="L33" s="219">
        <v>191</v>
      </c>
      <c r="M33" s="221">
        <v>195</v>
      </c>
      <c r="N33" s="222">
        <v>0</v>
      </c>
      <c r="O33" s="218">
        <v>0</v>
      </c>
      <c r="P33" s="219">
        <v>0</v>
      </c>
      <c r="Q33" s="220">
        <v>0</v>
      </c>
      <c r="R33" s="218">
        <v>0</v>
      </c>
      <c r="S33" s="218">
        <v>0</v>
      </c>
      <c r="T33" s="218">
        <v>0</v>
      </c>
      <c r="U33" s="218">
        <v>0</v>
      </c>
      <c r="V33" s="218">
        <v>0</v>
      </c>
      <c r="W33" s="219">
        <v>0</v>
      </c>
      <c r="X33" s="221">
        <v>0</v>
      </c>
      <c r="Y33" s="222">
        <v>1</v>
      </c>
      <c r="Z33" s="218">
        <v>3</v>
      </c>
      <c r="AA33" s="219">
        <v>4</v>
      </c>
      <c r="AB33" s="220">
        <v>0</v>
      </c>
      <c r="AC33" s="218">
        <v>70</v>
      </c>
      <c r="AD33" s="218">
        <v>43</v>
      </c>
      <c r="AE33" s="218">
        <v>36</v>
      </c>
      <c r="AF33" s="218">
        <v>30</v>
      </c>
      <c r="AG33" s="218">
        <v>12</v>
      </c>
      <c r="AH33" s="219">
        <v>191</v>
      </c>
      <c r="AI33" s="221">
        <v>195</v>
      </c>
    </row>
    <row r="34" spans="2:35" ht="21" customHeight="1" x14ac:dyDescent="0.2">
      <c r="B34" s="106" t="s">
        <v>33</v>
      </c>
      <c r="C34" s="217">
        <v>0</v>
      </c>
      <c r="D34" s="218">
        <v>1</v>
      </c>
      <c r="E34" s="219">
        <v>1</v>
      </c>
      <c r="F34" s="220">
        <v>0</v>
      </c>
      <c r="G34" s="218">
        <v>29</v>
      </c>
      <c r="H34" s="218">
        <v>10</v>
      </c>
      <c r="I34" s="218">
        <v>13</v>
      </c>
      <c r="J34" s="218">
        <v>5</v>
      </c>
      <c r="K34" s="218">
        <v>2</v>
      </c>
      <c r="L34" s="219">
        <v>59</v>
      </c>
      <c r="M34" s="221">
        <v>60</v>
      </c>
      <c r="N34" s="222">
        <v>0</v>
      </c>
      <c r="O34" s="218">
        <v>0</v>
      </c>
      <c r="P34" s="219">
        <v>0</v>
      </c>
      <c r="Q34" s="220">
        <v>0</v>
      </c>
      <c r="R34" s="218">
        <v>0</v>
      </c>
      <c r="S34" s="218">
        <v>0</v>
      </c>
      <c r="T34" s="218">
        <v>0</v>
      </c>
      <c r="U34" s="218">
        <v>0</v>
      </c>
      <c r="V34" s="218">
        <v>0</v>
      </c>
      <c r="W34" s="219">
        <v>0</v>
      </c>
      <c r="X34" s="221">
        <v>0</v>
      </c>
      <c r="Y34" s="222">
        <v>0</v>
      </c>
      <c r="Z34" s="218">
        <v>1</v>
      </c>
      <c r="AA34" s="219">
        <v>1</v>
      </c>
      <c r="AB34" s="220">
        <v>0</v>
      </c>
      <c r="AC34" s="218">
        <v>29</v>
      </c>
      <c r="AD34" s="218">
        <v>10</v>
      </c>
      <c r="AE34" s="218">
        <v>13</v>
      </c>
      <c r="AF34" s="218">
        <v>5</v>
      </c>
      <c r="AG34" s="218">
        <v>2</v>
      </c>
      <c r="AH34" s="219">
        <v>59</v>
      </c>
      <c r="AI34" s="221">
        <v>60</v>
      </c>
    </row>
    <row r="35" spans="2:35" ht="21" customHeight="1" x14ac:dyDescent="0.2">
      <c r="B35" s="106" t="s">
        <v>34</v>
      </c>
      <c r="C35" s="217">
        <v>1</v>
      </c>
      <c r="D35" s="218">
        <v>3</v>
      </c>
      <c r="E35" s="219">
        <v>4</v>
      </c>
      <c r="F35" s="220">
        <v>0</v>
      </c>
      <c r="G35" s="218">
        <v>40</v>
      </c>
      <c r="H35" s="218">
        <v>20</v>
      </c>
      <c r="I35" s="218">
        <v>10</v>
      </c>
      <c r="J35" s="218">
        <v>10</v>
      </c>
      <c r="K35" s="218">
        <v>5</v>
      </c>
      <c r="L35" s="219">
        <v>85</v>
      </c>
      <c r="M35" s="221">
        <v>89</v>
      </c>
      <c r="N35" s="222">
        <v>0</v>
      </c>
      <c r="O35" s="218">
        <v>0</v>
      </c>
      <c r="P35" s="219">
        <v>0</v>
      </c>
      <c r="Q35" s="220">
        <v>0</v>
      </c>
      <c r="R35" s="218">
        <v>0</v>
      </c>
      <c r="S35" s="218">
        <v>0</v>
      </c>
      <c r="T35" s="218">
        <v>0</v>
      </c>
      <c r="U35" s="218">
        <v>0</v>
      </c>
      <c r="V35" s="218">
        <v>0</v>
      </c>
      <c r="W35" s="219">
        <v>0</v>
      </c>
      <c r="X35" s="221">
        <v>0</v>
      </c>
      <c r="Y35" s="222">
        <v>1</v>
      </c>
      <c r="Z35" s="218">
        <v>3</v>
      </c>
      <c r="AA35" s="219">
        <v>4</v>
      </c>
      <c r="AB35" s="220">
        <v>0</v>
      </c>
      <c r="AC35" s="218">
        <v>40</v>
      </c>
      <c r="AD35" s="218">
        <v>20</v>
      </c>
      <c r="AE35" s="218">
        <v>10</v>
      </c>
      <c r="AF35" s="218">
        <v>10</v>
      </c>
      <c r="AG35" s="218">
        <v>5</v>
      </c>
      <c r="AH35" s="219">
        <v>85</v>
      </c>
      <c r="AI35" s="221">
        <v>89</v>
      </c>
    </row>
    <row r="36" spans="2:35" ht="21" customHeight="1" x14ac:dyDescent="0.2">
      <c r="B36" s="106" t="s">
        <v>35</v>
      </c>
      <c r="C36" s="217">
        <v>3</v>
      </c>
      <c r="D36" s="218">
        <v>3</v>
      </c>
      <c r="E36" s="219">
        <v>6</v>
      </c>
      <c r="F36" s="220">
        <v>0</v>
      </c>
      <c r="G36" s="218">
        <v>46</v>
      </c>
      <c r="H36" s="218">
        <v>28</v>
      </c>
      <c r="I36" s="218">
        <v>36</v>
      </c>
      <c r="J36" s="218">
        <v>21</v>
      </c>
      <c r="K36" s="218">
        <v>10</v>
      </c>
      <c r="L36" s="219">
        <v>141</v>
      </c>
      <c r="M36" s="221">
        <v>147</v>
      </c>
      <c r="N36" s="222">
        <v>0</v>
      </c>
      <c r="O36" s="218">
        <v>0</v>
      </c>
      <c r="P36" s="219">
        <v>0</v>
      </c>
      <c r="Q36" s="220">
        <v>0</v>
      </c>
      <c r="R36" s="218">
        <v>0</v>
      </c>
      <c r="S36" s="218">
        <v>0</v>
      </c>
      <c r="T36" s="218">
        <v>0</v>
      </c>
      <c r="U36" s="218">
        <v>1</v>
      </c>
      <c r="V36" s="218">
        <v>0</v>
      </c>
      <c r="W36" s="219">
        <v>1</v>
      </c>
      <c r="X36" s="221">
        <v>1</v>
      </c>
      <c r="Y36" s="222">
        <v>3</v>
      </c>
      <c r="Z36" s="218">
        <v>3</v>
      </c>
      <c r="AA36" s="219">
        <v>6</v>
      </c>
      <c r="AB36" s="220">
        <v>0</v>
      </c>
      <c r="AC36" s="218">
        <v>46</v>
      </c>
      <c r="AD36" s="218">
        <v>28</v>
      </c>
      <c r="AE36" s="218">
        <v>36</v>
      </c>
      <c r="AF36" s="218">
        <v>22</v>
      </c>
      <c r="AG36" s="218">
        <v>10</v>
      </c>
      <c r="AH36" s="219">
        <v>142</v>
      </c>
      <c r="AI36" s="221">
        <v>148</v>
      </c>
    </row>
    <row r="37" spans="2:35" ht="21" customHeight="1" x14ac:dyDescent="0.2">
      <c r="B37" s="106" t="s">
        <v>36</v>
      </c>
      <c r="C37" s="217">
        <v>0</v>
      </c>
      <c r="D37" s="218">
        <v>0</v>
      </c>
      <c r="E37" s="219">
        <v>0</v>
      </c>
      <c r="F37" s="220">
        <v>0</v>
      </c>
      <c r="G37" s="218">
        <v>95</v>
      </c>
      <c r="H37" s="218">
        <v>80</v>
      </c>
      <c r="I37" s="218">
        <v>59</v>
      </c>
      <c r="J37" s="218">
        <v>24</v>
      </c>
      <c r="K37" s="218">
        <v>20</v>
      </c>
      <c r="L37" s="219">
        <v>278</v>
      </c>
      <c r="M37" s="221">
        <v>278</v>
      </c>
      <c r="N37" s="222">
        <v>0</v>
      </c>
      <c r="O37" s="218">
        <v>0</v>
      </c>
      <c r="P37" s="219">
        <v>0</v>
      </c>
      <c r="Q37" s="220">
        <v>0</v>
      </c>
      <c r="R37" s="218">
        <v>0</v>
      </c>
      <c r="S37" s="218">
        <v>0</v>
      </c>
      <c r="T37" s="218">
        <v>2</v>
      </c>
      <c r="U37" s="218">
        <v>1</v>
      </c>
      <c r="V37" s="218">
        <v>2</v>
      </c>
      <c r="W37" s="219">
        <v>5</v>
      </c>
      <c r="X37" s="221">
        <v>5</v>
      </c>
      <c r="Y37" s="222">
        <v>0</v>
      </c>
      <c r="Z37" s="218">
        <v>0</v>
      </c>
      <c r="AA37" s="219">
        <v>0</v>
      </c>
      <c r="AB37" s="220">
        <v>0</v>
      </c>
      <c r="AC37" s="218">
        <v>95</v>
      </c>
      <c r="AD37" s="218">
        <v>80</v>
      </c>
      <c r="AE37" s="218">
        <v>61</v>
      </c>
      <c r="AF37" s="218">
        <v>25</v>
      </c>
      <c r="AG37" s="218">
        <v>22</v>
      </c>
      <c r="AH37" s="219">
        <v>283</v>
      </c>
      <c r="AI37" s="221">
        <v>283</v>
      </c>
    </row>
    <row r="38" spans="2:35" ht="21" customHeight="1" thickBot="1" x14ac:dyDescent="0.25">
      <c r="B38" s="108" t="s">
        <v>37</v>
      </c>
      <c r="C38" s="223">
        <v>0</v>
      </c>
      <c r="D38" s="224">
        <v>0</v>
      </c>
      <c r="E38" s="225">
        <v>0</v>
      </c>
      <c r="F38" s="226">
        <v>0</v>
      </c>
      <c r="G38" s="224">
        <v>15</v>
      </c>
      <c r="H38" s="224">
        <v>9</v>
      </c>
      <c r="I38" s="224">
        <v>9</v>
      </c>
      <c r="J38" s="224">
        <v>8</v>
      </c>
      <c r="K38" s="224">
        <v>4</v>
      </c>
      <c r="L38" s="225">
        <v>45</v>
      </c>
      <c r="M38" s="227">
        <v>45</v>
      </c>
      <c r="N38" s="228">
        <v>0</v>
      </c>
      <c r="O38" s="224">
        <v>0</v>
      </c>
      <c r="P38" s="225">
        <v>0</v>
      </c>
      <c r="Q38" s="226">
        <v>0</v>
      </c>
      <c r="R38" s="224">
        <v>0</v>
      </c>
      <c r="S38" s="224">
        <v>0</v>
      </c>
      <c r="T38" s="224">
        <v>0</v>
      </c>
      <c r="U38" s="224">
        <v>0</v>
      </c>
      <c r="V38" s="224">
        <v>0</v>
      </c>
      <c r="W38" s="225">
        <v>0</v>
      </c>
      <c r="X38" s="227">
        <v>0</v>
      </c>
      <c r="Y38" s="228">
        <v>0</v>
      </c>
      <c r="Z38" s="224">
        <v>0</v>
      </c>
      <c r="AA38" s="225">
        <v>0</v>
      </c>
      <c r="AB38" s="226">
        <v>0</v>
      </c>
      <c r="AC38" s="224">
        <v>15</v>
      </c>
      <c r="AD38" s="224">
        <v>9</v>
      </c>
      <c r="AE38" s="224">
        <v>9</v>
      </c>
      <c r="AF38" s="224">
        <v>8</v>
      </c>
      <c r="AG38" s="224">
        <v>4</v>
      </c>
      <c r="AH38" s="225">
        <v>45</v>
      </c>
      <c r="AI38" s="227">
        <v>45</v>
      </c>
    </row>
    <row r="39" spans="2:35" x14ac:dyDescent="0.2">
      <c r="AA39" s="70"/>
      <c r="AB39" s="70"/>
      <c r="AC39" s="70"/>
      <c r="AD39" s="70"/>
      <c r="AE39" s="70"/>
      <c r="AF39" s="70"/>
      <c r="AG39" s="70"/>
      <c r="AH39" s="70"/>
      <c r="AI39" s="70"/>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1</v>
      </c>
      <c r="L1" s="447">
        <f>IF(K1&lt;3,K1+12-2,K1-2)</f>
        <v>9</v>
      </c>
      <c r="M1" s="447"/>
    </row>
    <row r="2" spans="2:101" s="71" customFormat="1" ht="24" customHeight="1" thickBot="1" x14ac:dyDescent="0.25">
      <c r="B2" s="142" t="s">
        <v>130</v>
      </c>
    </row>
    <row r="3" spans="2:101" ht="21" customHeight="1" thickBot="1" x14ac:dyDescent="0.25">
      <c r="B3" s="478"/>
      <c r="C3" s="472" t="s">
        <v>113</v>
      </c>
      <c r="D3" s="473"/>
      <c r="E3" s="473"/>
      <c r="F3" s="473"/>
      <c r="G3" s="473"/>
      <c r="H3" s="473"/>
      <c r="I3" s="473"/>
      <c r="J3" s="473"/>
      <c r="K3" s="473"/>
      <c r="L3" s="473"/>
      <c r="M3" s="474"/>
      <c r="N3" s="472" t="s">
        <v>114</v>
      </c>
      <c r="O3" s="473"/>
      <c r="P3" s="473"/>
      <c r="Q3" s="473"/>
      <c r="R3" s="473"/>
      <c r="S3" s="473"/>
      <c r="T3" s="473"/>
      <c r="U3" s="473"/>
      <c r="V3" s="473"/>
      <c r="W3" s="473"/>
      <c r="X3" s="474"/>
      <c r="Y3" s="472" t="s">
        <v>139</v>
      </c>
      <c r="Z3" s="473"/>
      <c r="AA3" s="473"/>
      <c r="AB3" s="473"/>
      <c r="AC3" s="473"/>
      <c r="AD3" s="473"/>
      <c r="AE3" s="473"/>
      <c r="AF3" s="473"/>
      <c r="AG3" s="473"/>
      <c r="AH3" s="473"/>
      <c r="AI3" s="474"/>
      <c r="AJ3" s="472" t="s">
        <v>90</v>
      </c>
      <c r="AK3" s="473"/>
      <c r="AL3" s="473"/>
      <c r="AM3" s="473"/>
      <c r="AN3" s="473"/>
      <c r="AO3" s="473"/>
      <c r="AP3" s="473"/>
      <c r="AQ3" s="473"/>
      <c r="AR3" s="473"/>
      <c r="AS3" s="473"/>
      <c r="AT3" s="474"/>
      <c r="AU3" s="481" t="s">
        <v>89</v>
      </c>
      <c r="AV3" s="482"/>
      <c r="AW3" s="482"/>
      <c r="AX3" s="482"/>
      <c r="AY3" s="482"/>
      <c r="AZ3" s="482"/>
      <c r="BA3" s="482"/>
      <c r="BB3" s="482"/>
      <c r="BC3" s="482"/>
      <c r="BD3" s="482"/>
      <c r="BE3" s="483"/>
      <c r="BF3" s="481" t="s">
        <v>91</v>
      </c>
      <c r="BG3" s="482"/>
      <c r="BH3" s="482"/>
      <c r="BI3" s="482"/>
      <c r="BJ3" s="482"/>
      <c r="BK3" s="482"/>
      <c r="BL3" s="482"/>
      <c r="BM3" s="482"/>
      <c r="BN3" s="482"/>
      <c r="BO3" s="482"/>
      <c r="BP3" s="483"/>
      <c r="BQ3" s="481" t="s">
        <v>92</v>
      </c>
      <c r="BR3" s="482"/>
      <c r="BS3" s="482"/>
      <c r="BT3" s="482"/>
      <c r="BU3" s="482"/>
      <c r="BV3" s="482"/>
      <c r="BW3" s="482"/>
      <c r="BX3" s="482"/>
      <c r="BY3" s="482"/>
      <c r="BZ3" s="482"/>
      <c r="CA3" s="483"/>
      <c r="CB3" s="481" t="s">
        <v>93</v>
      </c>
      <c r="CC3" s="482"/>
      <c r="CD3" s="482"/>
      <c r="CE3" s="482"/>
      <c r="CF3" s="482"/>
      <c r="CG3" s="482"/>
      <c r="CH3" s="482"/>
      <c r="CI3" s="482"/>
      <c r="CJ3" s="482"/>
      <c r="CK3" s="482"/>
      <c r="CL3" s="483"/>
      <c r="CM3" s="482" t="s">
        <v>138</v>
      </c>
      <c r="CN3" s="482"/>
      <c r="CO3" s="482"/>
      <c r="CP3" s="482"/>
      <c r="CQ3" s="482"/>
      <c r="CR3" s="482"/>
      <c r="CS3" s="482"/>
      <c r="CT3" s="482"/>
      <c r="CU3" s="482"/>
      <c r="CV3" s="482"/>
      <c r="CW3" s="483"/>
    </row>
    <row r="4" spans="2:101" ht="21" customHeight="1" x14ac:dyDescent="0.2">
      <c r="B4" s="479"/>
      <c r="C4" s="465" t="s">
        <v>61</v>
      </c>
      <c r="D4" s="466"/>
      <c r="E4" s="467"/>
      <c r="F4" s="468" t="s">
        <v>62</v>
      </c>
      <c r="G4" s="466"/>
      <c r="H4" s="466"/>
      <c r="I4" s="466"/>
      <c r="J4" s="466"/>
      <c r="K4" s="466"/>
      <c r="L4" s="471"/>
      <c r="M4" s="469" t="s">
        <v>52</v>
      </c>
      <c r="N4" s="465" t="s">
        <v>61</v>
      </c>
      <c r="O4" s="466"/>
      <c r="P4" s="467"/>
      <c r="Q4" s="468" t="s">
        <v>62</v>
      </c>
      <c r="R4" s="466"/>
      <c r="S4" s="466"/>
      <c r="T4" s="466"/>
      <c r="U4" s="466"/>
      <c r="V4" s="466"/>
      <c r="W4" s="467"/>
      <c r="X4" s="469" t="s">
        <v>52</v>
      </c>
      <c r="Y4" s="465" t="s">
        <v>61</v>
      </c>
      <c r="Z4" s="466"/>
      <c r="AA4" s="467"/>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93" t="s">
        <v>61</v>
      </c>
      <c r="AV4" s="491"/>
      <c r="AW4" s="492"/>
      <c r="AX4" s="490" t="s">
        <v>62</v>
      </c>
      <c r="AY4" s="491"/>
      <c r="AZ4" s="491"/>
      <c r="BA4" s="491"/>
      <c r="BB4" s="491"/>
      <c r="BC4" s="491"/>
      <c r="BD4" s="492"/>
      <c r="BE4" s="494" t="s">
        <v>52</v>
      </c>
      <c r="BF4" s="493" t="s">
        <v>61</v>
      </c>
      <c r="BG4" s="491"/>
      <c r="BH4" s="492"/>
      <c r="BI4" s="490" t="s">
        <v>62</v>
      </c>
      <c r="BJ4" s="491"/>
      <c r="BK4" s="491"/>
      <c r="BL4" s="491"/>
      <c r="BM4" s="491"/>
      <c r="BN4" s="491"/>
      <c r="BO4" s="492"/>
      <c r="BP4" s="494" t="s">
        <v>52</v>
      </c>
      <c r="BQ4" s="493" t="s">
        <v>61</v>
      </c>
      <c r="BR4" s="491"/>
      <c r="BS4" s="492"/>
      <c r="BT4" s="490" t="s">
        <v>62</v>
      </c>
      <c r="BU4" s="491"/>
      <c r="BV4" s="491"/>
      <c r="BW4" s="491"/>
      <c r="BX4" s="491"/>
      <c r="BY4" s="491"/>
      <c r="BZ4" s="492"/>
      <c r="CA4" s="494" t="s">
        <v>52</v>
      </c>
      <c r="CB4" s="493" t="s">
        <v>61</v>
      </c>
      <c r="CC4" s="491"/>
      <c r="CD4" s="492"/>
      <c r="CE4" s="490" t="s">
        <v>62</v>
      </c>
      <c r="CF4" s="491"/>
      <c r="CG4" s="491"/>
      <c r="CH4" s="491"/>
      <c r="CI4" s="491"/>
      <c r="CJ4" s="491"/>
      <c r="CK4" s="492"/>
      <c r="CL4" s="494" t="s">
        <v>52</v>
      </c>
      <c r="CM4" s="493" t="s">
        <v>61</v>
      </c>
      <c r="CN4" s="491"/>
      <c r="CO4" s="492"/>
      <c r="CP4" s="490" t="s">
        <v>62</v>
      </c>
      <c r="CQ4" s="491"/>
      <c r="CR4" s="491"/>
      <c r="CS4" s="491"/>
      <c r="CT4" s="491"/>
      <c r="CU4" s="491"/>
      <c r="CV4" s="492"/>
      <c r="CW4" s="494" t="s">
        <v>52</v>
      </c>
    </row>
    <row r="5" spans="2:101" ht="30" customHeight="1" thickBot="1" x14ac:dyDescent="0.25">
      <c r="B5" s="480"/>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95"/>
      <c r="BF5" s="177" t="s">
        <v>43</v>
      </c>
      <c r="BG5" s="178" t="s">
        <v>44</v>
      </c>
      <c r="BH5" s="182" t="s">
        <v>45</v>
      </c>
      <c r="BI5" s="180" t="s">
        <v>83</v>
      </c>
      <c r="BJ5" s="178" t="s">
        <v>47</v>
      </c>
      <c r="BK5" s="178" t="s">
        <v>48</v>
      </c>
      <c r="BL5" s="178" t="s">
        <v>49</v>
      </c>
      <c r="BM5" s="178" t="s">
        <v>50</v>
      </c>
      <c r="BN5" s="178" t="s">
        <v>51</v>
      </c>
      <c r="BO5" s="182" t="s">
        <v>45</v>
      </c>
      <c r="BP5" s="495"/>
      <c r="BQ5" s="177" t="s">
        <v>43</v>
      </c>
      <c r="BR5" s="178" t="s">
        <v>44</v>
      </c>
      <c r="BS5" s="182" t="s">
        <v>45</v>
      </c>
      <c r="BT5" s="180" t="s">
        <v>83</v>
      </c>
      <c r="BU5" s="178" t="s">
        <v>47</v>
      </c>
      <c r="BV5" s="178" t="s">
        <v>48</v>
      </c>
      <c r="BW5" s="178" t="s">
        <v>49</v>
      </c>
      <c r="BX5" s="178" t="s">
        <v>50</v>
      </c>
      <c r="BY5" s="178" t="s">
        <v>51</v>
      </c>
      <c r="BZ5" s="182" t="s">
        <v>45</v>
      </c>
      <c r="CA5" s="495"/>
      <c r="CB5" s="177" t="s">
        <v>43</v>
      </c>
      <c r="CC5" s="178" t="s">
        <v>44</v>
      </c>
      <c r="CD5" s="182" t="s">
        <v>45</v>
      </c>
      <c r="CE5" s="180" t="s">
        <v>83</v>
      </c>
      <c r="CF5" s="178" t="s">
        <v>47</v>
      </c>
      <c r="CG5" s="178" t="s">
        <v>48</v>
      </c>
      <c r="CH5" s="178" t="s">
        <v>49</v>
      </c>
      <c r="CI5" s="178" t="s">
        <v>50</v>
      </c>
      <c r="CJ5" s="178" t="s">
        <v>51</v>
      </c>
      <c r="CK5" s="182" t="s">
        <v>45</v>
      </c>
      <c r="CL5" s="495"/>
      <c r="CM5" s="177" t="s">
        <v>43</v>
      </c>
      <c r="CN5" s="178" t="s">
        <v>44</v>
      </c>
      <c r="CO5" s="182" t="s">
        <v>45</v>
      </c>
      <c r="CP5" s="180" t="s">
        <v>83</v>
      </c>
      <c r="CQ5" s="178" t="s">
        <v>47</v>
      </c>
      <c r="CR5" s="178" t="s">
        <v>48</v>
      </c>
      <c r="CS5" s="178" t="s">
        <v>49</v>
      </c>
      <c r="CT5" s="178" t="s">
        <v>50</v>
      </c>
      <c r="CU5" s="178" t="s">
        <v>51</v>
      </c>
      <c r="CV5" s="182" t="s">
        <v>45</v>
      </c>
      <c r="CW5" s="495"/>
    </row>
    <row r="6" spans="2:101" ht="21" customHeight="1" x14ac:dyDescent="0.2">
      <c r="B6" s="84" t="s">
        <v>4</v>
      </c>
      <c r="C6" s="183">
        <v>0</v>
      </c>
      <c r="D6" s="189">
        <v>0</v>
      </c>
      <c r="E6" s="206">
        <v>0</v>
      </c>
      <c r="F6" s="186">
        <v>0</v>
      </c>
      <c r="G6" s="184">
        <v>323</v>
      </c>
      <c r="H6" s="184">
        <v>431</v>
      </c>
      <c r="I6" s="184">
        <v>357</v>
      </c>
      <c r="J6" s="184">
        <v>463</v>
      </c>
      <c r="K6" s="184">
        <v>391</v>
      </c>
      <c r="L6" s="187">
        <v>1965</v>
      </c>
      <c r="M6" s="188">
        <v>1965</v>
      </c>
      <c r="N6" s="183">
        <v>0</v>
      </c>
      <c r="O6" s="184">
        <v>0</v>
      </c>
      <c r="P6" s="189">
        <v>0</v>
      </c>
      <c r="Q6" s="186">
        <v>0</v>
      </c>
      <c r="R6" s="184">
        <v>207</v>
      </c>
      <c r="S6" s="184">
        <v>491</v>
      </c>
      <c r="T6" s="184">
        <v>455</v>
      </c>
      <c r="U6" s="184">
        <v>420</v>
      </c>
      <c r="V6" s="184">
        <v>410</v>
      </c>
      <c r="W6" s="189">
        <v>1983</v>
      </c>
      <c r="X6" s="188">
        <v>1983</v>
      </c>
      <c r="Y6" s="183">
        <v>0</v>
      </c>
      <c r="Z6" s="184">
        <v>0</v>
      </c>
      <c r="AA6" s="189">
        <v>0</v>
      </c>
      <c r="AB6" s="186">
        <v>0</v>
      </c>
      <c r="AC6" s="184">
        <v>14555</v>
      </c>
      <c r="AD6" s="184">
        <v>13760</v>
      </c>
      <c r="AE6" s="184">
        <v>6136</v>
      </c>
      <c r="AF6" s="184">
        <v>2935</v>
      </c>
      <c r="AG6" s="184">
        <v>1302</v>
      </c>
      <c r="AH6" s="189">
        <v>38688</v>
      </c>
      <c r="AI6" s="188">
        <v>38688</v>
      </c>
      <c r="AJ6" s="183">
        <v>8</v>
      </c>
      <c r="AK6" s="184">
        <v>10</v>
      </c>
      <c r="AL6" s="189">
        <v>18</v>
      </c>
      <c r="AM6" s="186">
        <v>0</v>
      </c>
      <c r="AN6" s="184">
        <v>813</v>
      </c>
      <c r="AO6" s="184">
        <v>984</v>
      </c>
      <c r="AP6" s="184">
        <v>1078</v>
      </c>
      <c r="AQ6" s="184">
        <v>558</v>
      </c>
      <c r="AR6" s="184">
        <v>439</v>
      </c>
      <c r="AS6" s="189">
        <v>3872</v>
      </c>
      <c r="AT6" s="188">
        <v>3890</v>
      </c>
      <c r="AU6" s="183">
        <v>174</v>
      </c>
      <c r="AV6" s="184">
        <v>275</v>
      </c>
      <c r="AW6" s="189">
        <v>449</v>
      </c>
      <c r="AX6" s="186">
        <v>0</v>
      </c>
      <c r="AY6" s="184">
        <v>1506</v>
      </c>
      <c r="AZ6" s="184">
        <v>1652</v>
      </c>
      <c r="BA6" s="184">
        <v>1343</v>
      </c>
      <c r="BB6" s="184">
        <v>923</v>
      </c>
      <c r="BC6" s="184">
        <v>570</v>
      </c>
      <c r="BD6" s="189">
        <v>5994</v>
      </c>
      <c r="BE6" s="188">
        <v>6443</v>
      </c>
      <c r="BF6" s="183">
        <v>0</v>
      </c>
      <c r="BG6" s="184">
        <v>39</v>
      </c>
      <c r="BH6" s="189">
        <v>39</v>
      </c>
      <c r="BI6" s="186">
        <v>0</v>
      </c>
      <c r="BJ6" s="184">
        <v>2665</v>
      </c>
      <c r="BK6" s="184">
        <v>3373</v>
      </c>
      <c r="BL6" s="184">
        <v>3731</v>
      </c>
      <c r="BM6" s="184">
        <v>2429</v>
      </c>
      <c r="BN6" s="184">
        <v>1578</v>
      </c>
      <c r="BO6" s="187">
        <v>13776</v>
      </c>
      <c r="BP6" s="188">
        <v>13815</v>
      </c>
      <c r="BQ6" s="183">
        <v>1</v>
      </c>
      <c r="BR6" s="184">
        <v>0</v>
      </c>
      <c r="BS6" s="189">
        <v>1</v>
      </c>
      <c r="BT6" s="186">
        <v>0</v>
      </c>
      <c r="BU6" s="184">
        <v>38</v>
      </c>
      <c r="BV6" s="184">
        <v>47</v>
      </c>
      <c r="BW6" s="184">
        <v>69</v>
      </c>
      <c r="BX6" s="184">
        <v>66</v>
      </c>
      <c r="BY6" s="184">
        <v>53</v>
      </c>
      <c r="BZ6" s="189">
        <v>273</v>
      </c>
      <c r="CA6" s="188">
        <v>274</v>
      </c>
      <c r="CB6" s="183">
        <v>0</v>
      </c>
      <c r="CC6" s="184">
        <v>0</v>
      </c>
      <c r="CD6" s="189">
        <v>0</v>
      </c>
      <c r="CE6" s="186">
        <v>0</v>
      </c>
      <c r="CF6" s="184">
        <v>6</v>
      </c>
      <c r="CG6" s="184">
        <v>28</v>
      </c>
      <c r="CH6" s="184">
        <v>216</v>
      </c>
      <c r="CI6" s="184">
        <v>359</v>
      </c>
      <c r="CJ6" s="184">
        <v>207</v>
      </c>
      <c r="CK6" s="189">
        <v>816</v>
      </c>
      <c r="CL6" s="188">
        <v>816</v>
      </c>
      <c r="CM6" s="183">
        <v>0</v>
      </c>
      <c r="CN6" s="184">
        <v>0</v>
      </c>
      <c r="CO6" s="189">
        <v>0</v>
      </c>
      <c r="CP6" s="186">
        <v>0</v>
      </c>
      <c r="CQ6" s="184">
        <v>226</v>
      </c>
      <c r="CR6" s="184">
        <v>319</v>
      </c>
      <c r="CS6" s="184">
        <v>344</v>
      </c>
      <c r="CT6" s="184">
        <v>421</v>
      </c>
      <c r="CU6" s="184">
        <v>485</v>
      </c>
      <c r="CV6" s="189">
        <v>1795</v>
      </c>
      <c r="CW6" s="188">
        <v>1795</v>
      </c>
    </row>
    <row r="7" spans="2:101" ht="21" customHeight="1" x14ac:dyDescent="0.2">
      <c r="B7" s="95" t="s">
        <v>5</v>
      </c>
      <c r="C7" s="190">
        <v>0</v>
      </c>
      <c r="D7" s="196">
        <v>0</v>
      </c>
      <c r="E7" s="207">
        <v>0</v>
      </c>
      <c r="F7" s="193">
        <v>0</v>
      </c>
      <c r="G7" s="191">
        <v>126</v>
      </c>
      <c r="H7" s="191">
        <v>197</v>
      </c>
      <c r="I7" s="191">
        <v>173</v>
      </c>
      <c r="J7" s="191">
        <v>217</v>
      </c>
      <c r="K7" s="191">
        <v>172</v>
      </c>
      <c r="L7" s="194">
        <v>885</v>
      </c>
      <c r="M7" s="195">
        <v>885</v>
      </c>
      <c r="N7" s="190">
        <v>0</v>
      </c>
      <c r="O7" s="191">
        <v>0</v>
      </c>
      <c r="P7" s="196">
        <v>0</v>
      </c>
      <c r="Q7" s="193">
        <v>0</v>
      </c>
      <c r="R7" s="191">
        <v>106</v>
      </c>
      <c r="S7" s="191">
        <v>372</v>
      </c>
      <c r="T7" s="191">
        <v>334</v>
      </c>
      <c r="U7" s="191">
        <v>312</v>
      </c>
      <c r="V7" s="191">
        <v>305</v>
      </c>
      <c r="W7" s="196">
        <v>1429</v>
      </c>
      <c r="X7" s="195">
        <v>1429</v>
      </c>
      <c r="Y7" s="190">
        <v>0</v>
      </c>
      <c r="Z7" s="191">
        <v>0</v>
      </c>
      <c r="AA7" s="196">
        <v>0</v>
      </c>
      <c r="AB7" s="193">
        <v>0</v>
      </c>
      <c r="AC7" s="191">
        <v>5203</v>
      </c>
      <c r="AD7" s="191">
        <v>6577</v>
      </c>
      <c r="AE7" s="191">
        <v>2850</v>
      </c>
      <c r="AF7" s="191">
        <v>1326</v>
      </c>
      <c r="AG7" s="191">
        <v>608</v>
      </c>
      <c r="AH7" s="196">
        <v>16564</v>
      </c>
      <c r="AI7" s="195">
        <v>16564</v>
      </c>
      <c r="AJ7" s="190">
        <v>4</v>
      </c>
      <c r="AK7" s="191">
        <v>3</v>
      </c>
      <c r="AL7" s="196">
        <v>7</v>
      </c>
      <c r="AM7" s="193">
        <v>0</v>
      </c>
      <c r="AN7" s="191">
        <v>403</v>
      </c>
      <c r="AO7" s="191">
        <v>507</v>
      </c>
      <c r="AP7" s="191">
        <v>546</v>
      </c>
      <c r="AQ7" s="191">
        <v>320</v>
      </c>
      <c r="AR7" s="191">
        <v>234</v>
      </c>
      <c r="AS7" s="196">
        <v>2010</v>
      </c>
      <c r="AT7" s="195">
        <v>2017</v>
      </c>
      <c r="AU7" s="190">
        <v>61</v>
      </c>
      <c r="AV7" s="191">
        <v>116</v>
      </c>
      <c r="AW7" s="196">
        <v>177</v>
      </c>
      <c r="AX7" s="193">
        <v>0</v>
      </c>
      <c r="AY7" s="191">
        <v>569</v>
      </c>
      <c r="AZ7" s="191">
        <v>770</v>
      </c>
      <c r="BA7" s="191">
        <v>526</v>
      </c>
      <c r="BB7" s="191">
        <v>422</v>
      </c>
      <c r="BC7" s="191">
        <v>278</v>
      </c>
      <c r="BD7" s="196">
        <v>2565</v>
      </c>
      <c r="BE7" s="195">
        <v>2742</v>
      </c>
      <c r="BF7" s="190">
        <v>0</v>
      </c>
      <c r="BG7" s="191">
        <v>19</v>
      </c>
      <c r="BH7" s="196">
        <v>19</v>
      </c>
      <c r="BI7" s="193">
        <v>0</v>
      </c>
      <c r="BJ7" s="191">
        <v>1156</v>
      </c>
      <c r="BK7" s="191">
        <v>1455</v>
      </c>
      <c r="BL7" s="191">
        <v>1574</v>
      </c>
      <c r="BM7" s="191">
        <v>1040</v>
      </c>
      <c r="BN7" s="191">
        <v>719</v>
      </c>
      <c r="BO7" s="194">
        <v>5944</v>
      </c>
      <c r="BP7" s="195">
        <v>5963</v>
      </c>
      <c r="BQ7" s="190">
        <v>0</v>
      </c>
      <c r="BR7" s="191">
        <v>0</v>
      </c>
      <c r="BS7" s="196">
        <v>0</v>
      </c>
      <c r="BT7" s="193">
        <v>0</v>
      </c>
      <c r="BU7" s="191">
        <v>1</v>
      </c>
      <c r="BV7" s="191">
        <v>3</v>
      </c>
      <c r="BW7" s="191">
        <v>4</v>
      </c>
      <c r="BX7" s="191">
        <v>1</v>
      </c>
      <c r="BY7" s="191">
        <v>3</v>
      </c>
      <c r="BZ7" s="196">
        <v>12</v>
      </c>
      <c r="CA7" s="195">
        <v>12</v>
      </c>
      <c r="CB7" s="190">
        <v>0</v>
      </c>
      <c r="CC7" s="191">
        <v>0</v>
      </c>
      <c r="CD7" s="196">
        <v>0</v>
      </c>
      <c r="CE7" s="193">
        <v>0</v>
      </c>
      <c r="CF7" s="191">
        <v>3</v>
      </c>
      <c r="CG7" s="191">
        <v>12</v>
      </c>
      <c r="CH7" s="191">
        <v>19</v>
      </c>
      <c r="CI7" s="191">
        <v>48</v>
      </c>
      <c r="CJ7" s="191">
        <v>33</v>
      </c>
      <c r="CK7" s="196">
        <v>115</v>
      </c>
      <c r="CL7" s="195">
        <v>115</v>
      </c>
      <c r="CM7" s="190">
        <v>0</v>
      </c>
      <c r="CN7" s="191">
        <v>0</v>
      </c>
      <c r="CO7" s="196">
        <v>0</v>
      </c>
      <c r="CP7" s="193">
        <v>0</v>
      </c>
      <c r="CQ7" s="191">
        <v>26</v>
      </c>
      <c r="CR7" s="191">
        <v>66</v>
      </c>
      <c r="CS7" s="191">
        <v>64</v>
      </c>
      <c r="CT7" s="191">
        <v>114</v>
      </c>
      <c r="CU7" s="191">
        <v>168</v>
      </c>
      <c r="CV7" s="196">
        <v>438</v>
      </c>
      <c r="CW7" s="195">
        <v>438</v>
      </c>
    </row>
    <row r="8" spans="2:101" ht="21" customHeight="1" x14ac:dyDescent="0.2">
      <c r="B8" s="106" t="s">
        <v>6</v>
      </c>
      <c r="C8" s="190">
        <v>0</v>
      </c>
      <c r="D8" s="196">
        <v>0</v>
      </c>
      <c r="E8" s="207">
        <v>0</v>
      </c>
      <c r="F8" s="193">
        <v>0</v>
      </c>
      <c r="G8" s="191">
        <v>63</v>
      </c>
      <c r="H8" s="191">
        <v>74</v>
      </c>
      <c r="I8" s="191">
        <v>64</v>
      </c>
      <c r="J8" s="191">
        <v>118</v>
      </c>
      <c r="K8" s="191">
        <v>110</v>
      </c>
      <c r="L8" s="194">
        <v>429</v>
      </c>
      <c r="M8" s="195">
        <v>429</v>
      </c>
      <c r="N8" s="190">
        <v>0</v>
      </c>
      <c r="O8" s="191">
        <v>0</v>
      </c>
      <c r="P8" s="196">
        <v>0</v>
      </c>
      <c r="Q8" s="193">
        <v>0</v>
      </c>
      <c r="R8" s="191">
        <v>76</v>
      </c>
      <c r="S8" s="191">
        <v>100</v>
      </c>
      <c r="T8" s="191">
        <v>101</v>
      </c>
      <c r="U8" s="191">
        <v>83</v>
      </c>
      <c r="V8" s="191">
        <v>85</v>
      </c>
      <c r="W8" s="196">
        <v>445</v>
      </c>
      <c r="X8" s="195">
        <v>445</v>
      </c>
      <c r="Y8" s="190">
        <v>0</v>
      </c>
      <c r="Z8" s="191">
        <v>0</v>
      </c>
      <c r="AA8" s="196">
        <v>0</v>
      </c>
      <c r="AB8" s="193">
        <v>0</v>
      </c>
      <c r="AC8" s="191">
        <v>1955</v>
      </c>
      <c r="AD8" s="191">
        <v>1530</v>
      </c>
      <c r="AE8" s="191">
        <v>717</v>
      </c>
      <c r="AF8" s="191">
        <v>396</v>
      </c>
      <c r="AG8" s="191">
        <v>183</v>
      </c>
      <c r="AH8" s="196">
        <v>4781</v>
      </c>
      <c r="AI8" s="195">
        <v>4781</v>
      </c>
      <c r="AJ8" s="190">
        <v>1</v>
      </c>
      <c r="AK8" s="191">
        <v>0</v>
      </c>
      <c r="AL8" s="196">
        <v>1</v>
      </c>
      <c r="AM8" s="193">
        <v>0</v>
      </c>
      <c r="AN8" s="191">
        <v>164</v>
      </c>
      <c r="AO8" s="191">
        <v>233</v>
      </c>
      <c r="AP8" s="191">
        <v>252</v>
      </c>
      <c r="AQ8" s="191">
        <v>115</v>
      </c>
      <c r="AR8" s="191">
        <v>109</v>
      </c>
      <c r="AS8" s="196">
        <v>873</v>
      </c>
      <c r="AT8" s="195">
        <v>874</v>
      </c>
      <c r="AU8" s="190">
        <v>27</v>
      </c>
      <c r="AV8" s="191">
        <v>40</v>
      </c>
      <c r="AW8" s="196">
        <v>67</v>
      </c>
      <c r="AX8" s="193">
        <v>0</v>
      </c>
      <c r="AY8" s="191">
        <v>249</v>
      </c>
      <c r="AZ8" s="191">
        <v>215</v>
      </c>
      <c r="BA8" s="191">
        <v>203</v>
      </c>
      <c r="BB8" s="191">
        <v>117</v>
      </c>
      <c r="BC8" s="191">
        <v>61</v>
      </c>
      <c r="BD8" s="196">
        <v>845</v>
      </c>
      <c r="BE8" s="195">
        <v>912</v>
      </c>
      <c r="BF8" s="190">
        <v>0</v>
      </c>
      <c r="BG8" s="191">
        <v>5</v>
      </c>
      <c r="BH8" s="196">
        <v>5</v>
      </c>
      <c r="BI8" s="193">
        <v>0</v>
      </c>
      <c r="BJ8" s="191">
        <v>489</v>
      </c>
      <c r="BK8" s="191">
        <v>603</v>
      </c>
      <c r="BL8" s="191">
        <v>583</v>
      </c>
      <c r="BM8" s="191">
        <v>369</v>
      </c>
      <c r="BN8" s="191">
        <v>262</v>
      </c>
      <c r="BO8" s="194">
        <v>2306</v>
      </c>
      <c r="BP8" s="195">
        <v>2311</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2</v>
      </c>
      <c r="CG8" s="191">
        <v>9</v>
      </c>
      <c r="CH8" s="191">
        <v>69</v>
      </c>
      <c r="CI8" s="191">
        <v>97</v>
      </c>
      <c r="CJ8" s="191">
        <v>58</v>
      </c>
      <c r="CK8" s="196">
        <v>235</v>
      </c>
      <c r="CL8" s="195">
        <v>235</v>
      </c>
      <c r="CM8" s="190">
        <v>0</v>
      </c>
      <c r="CN8" s="191">
        <v>0</v>
      </c>
      <c r="CO8" s="196">
        <v>0</v>
      </c>
      <c r="CP8" s="193">
        <v>0</v>
      </c>
      <c r="CQ8" s="191">
        <v>75</v>
      </c>
      <c r="CR8" s="191">
        <v>98</v>
      </c>
      <c r="CS8" s="191">
        <v>102</v>
      </c>
      <c r="CT8" s="191">
        <v>90</v>
      </c>
      <c r="CU8" s="191">
        <v>115</v>
      </c>
      <c r="CV8" s="196">
        <v>480</v>
      </c>
      <c r="CW8" s="195">
        <v>480</v>
      </c>
    </row>
    <row r="9" spans="2:101" ht="21" customHeight="1" x14ac:dyDescent="0.2">
      <c r="B9" s="106" t="s">
        <v>14</v>
      </c>
      <c r="C9" s="190">
        <v>0</v>
      </c>
      <c r="D9" s="196">
        <v>0</v>
      </c>
      <c r="E9" s="207">
        <v>0</v>
      </c>
      <c r="F9" s="193">
        <v>0</v>
      </c>
      <c r="G9" s="191">
        <v>34</v>
      </c>
      <c r="H9" s="191">
        <v>54</v>
      </c>
      <c r="I9" s="191">
        <v>35</v>
      </c>
      <c r="J9" s="191">
        <v>37</v>
      </c>
      <c r="K9" s="191">
        <v>38</v>
      </c>
      <c r="L9" s="194">
        <v>198</v>
      </c>
      <c r="M9" s="195">
        <v>198</v>
      </c>
      <c r="N9" s="190">
        <v>0</v>
      </c>
      <c r="O9" s="191">
        <v>0</v>
      </c>
      <c r="P9" s="196">
        <v>0</v>
      </c>
      <c r="Q9" s="193">
        <v>0</v>
      </c>
      <c r="R9" s="191">
        <v>0</v>
      </c>
      <c r="S9" s="191">
        <v>0</v>
      </c>
      <c r="T9" s="191">
        <v>0</v>
      </c>
      <c r="U9" s="191">
        <v>0</v>
      </c>
      <c r="V9" s="191">
        <v>0</v>
      </c>
      <c r="W9" s="196">
        <v>0</v>
      </c>
      <c r="X9" s="195">
        <v>0</v>
      </c>
      <c r="Y9" s="190">
        <v>0</v>
      </c>
      <c r="Z9" s="191">
        <v>0</v>
      </c>
      <c r="AA9" s="196">
        <v>0</v>
      </c>
      <c r="AB9" s="193">
        <v>0</v>
      </c>
      <c r="AC9" s="191">
        <v>1189</v>
      </c>
      <c r="AD9" s="191">
        <v>1264</v>
      </c>
      <c r="AE9" s="191">
        <v>586</v>
      </c>
      <c r="AF9" s="191">
        <v>277</v>
      </c>
      <c r="AG9" s="191">
        <v>107</v>
      </c>
      <c r="AH9" s="196">
        <v>3423</v>
      </c>
      <c r="AI9" s="195">
        <v>3423</v>
      </c>
      <c r="AJ9" s="190">
        <v>0</v>
      </c>
      <c r="AK9" s="191">
        <v>0</v>
      </c>
      <c r="AL9" s="196">
        <v>0</v>
      </c>
      <c r="AM9" s="193">
        <v>0</v>
      </c>
      <c r="AN9" s="191">
        <v>18</v>
      </c>
      <c r="AO9" s="191">
        <v>21</v>
      </c>
      <c r="AP9" s="191">
        <v>30</v>
      </c>
      <c r="AQ9" s="191">
        <v>14</v>
      </c>
      <c r="AR9" s="191">
        <v>15</v>
      </c>
      <c r="AS9" s="196">
        <v>98</v>
      </c>
      <c r="AT9" s="195">
        <v>98</v>
      </c>
      <c r="AU9" s="190">
        <v>21</v>
      </c>
      <c r="AV9" s="191">
        <v>23</v>
      </c>
      <c r="AW9" s="196">
        <v>44</v>
      </c>
      <c r="AX9" s="193">
        <v>0</v>
      </c>
      <c r="AY9" s="191">
        <v>115</v>
      </c>
      <c r="AZ9" s="191">
        <v>160</v>
      </c>
      <c r="BA9" s="191">
        <v>134</v>
      </c>
      <c r="BB9" s="191">
        <v>84</v>
      </c>
      <c r="BC9" s="191">
        <v>41</v>
      </c>
      <c r="BD9" s="196">
        <v>534</v>
      </c>
      <c r="BE9" s="195">
        <v>578</v>
      </c>
      <c r="BF9" s="190">
        <v>0</v>
      </c>
      <c r="BG9" s="191">
        <v>2</v>
      </c>
      <c r="BH9" s="196">
        <v>2</v>
      </c>
      <c r="BI9" s="193">
        <v>0</v>
      </c>
      <c r="BJ9" s="191">
        <v>210</v>
      </c>
      <c r="BK9" s="191">
        <v>303</v>
      </c>
      <c r="BL9" s="191">
        <v>423</v>
      </c>
      <c r="BM9" s="191">
        <v>214</v>
      </c>
      <c r="BN9" s="191">
        <v>126</v>
      </c>
      <c r="BO9" s="194">
        <v>1276</v>
      </c>
      <c r="BP9" s="195">
        <v>1278</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3</v>
      </c>
      <c r="CI9" s="191">
        <v>33</v>
      </c>
      <c r="CJ9" s="191">
        <v>10</v>
      </c>
      <c r="CK9" s="196">
        <v>56</v>
      </c>
      <c r="CL9" s="195">
        <v>56</v>
      </c>
      <c r="CM9" s="190">
        <v>0</v>
      </c>
      <c r="CN9" s="191">
        <v>0</v>
      </c>
      <c r="CO9" s="196">
        <v>0</v>
      </c>
      <c r="CP9" s="193">
        <v>0</v>
      </c>
      <c r="CQ9" s="191">
        <v>17</v>
      </c>
      <c r="CR9" s="191">
        <v>25</v>
      </c>
      <c r="CS9" s="191">
        <v>35</v>
      </c>
      <c r="CT9" s="191">
        <v>50</v>
      </c>
      <c r="CU9" s="191">
        <v>32</v>
      </c>
      <c r="CV9" s="196">
        <v>159</v>
      </c>
      <c r="CW9" s="195">
        <v>159</v>
      </c>
    </row>
    <row r="10" spans="2:101" ht="21" customHeight="1" x14ac:dyDescent="0.2">
      <c r="B10" s="106" t="s">
        <v>7</v>
      </c>
      <c r="C10" s="190">
        <v>0</v>
      </c>
      <c r="D10" s="196">
        <v>0</v>
      </c>
      <c r="E10" s="207">
        <v>0</v>
      </c>
      <c r="F10" s="193">
        <v>0</v>
      </c>
      <c r="G10" s="191">
        <v>9</v>
      </c>
      <c r="H10" s="191">
        <v>14</v>
      </c>
      <c r="I10" s="191">
        <v>7</v>
      </c>
      <c r="J10" s="191">
        <v>8</v>
      </c>
      <c r="K10" s="191">
        <v>5</v>
      </c>
      <c r="L10" s="194">
        <v>43</v>
      </c>
      <c r="M10" s="195">
        <v>43</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1257</v>
      </c>
      <c r="AD10" s="191">
        <v>741</v>
      </c>
      <c r="AE10" s="191">
        <v>278</v>
      </c>
      <c r="AF10" s="191">
        <v>117</v>
      </c>
      <c r="AG10" s="191">
        <v>58</v>
      </c>
      <c r="AH10" s="196">
        <v>2451</v>
      </c>
      <c r="AI10" s="195">
        <v>2451</v>
      </c>
      <c r="AJ10" s="190">
        <v>1</v>
      </c>
      <c r="AK10" s="191">
        <v>2</v>
      </c>
      <c r="AL10" s="196">
        <v>3</v>
      </c>
      <c r="AM10" s="193">
        <v>0</v>
      </c>
      <c r="AN10" s="191">
        <v>86</v>
      </c>
      <c r="AO10" s="191">
        <v>87</v>
      </c>
      <c r="AP10" s="191">
        <v>92</v>
      </c>
      <c r="AQ10" s="191">
        <v>30</v>
      </c>
      <c r="AR10" s="191">
        <v>27</v>
      </c>
      <c r="AS10" s="196">
        <v>322</v>
      </c>
      <c r="AT10" s="195">
        <v>325</v>
      </c>
      <c r="AU10" s="190">
        <v>3</v>
      </c>
      <c r="AV10" s="191">
        <v>3</v>
      </c>
      <c r="AW10" s="196">
        <v>6</v>
      </c>
      <c r="AX10" s="193">
        <v>0</v>
      </c>
      <c r="AY10" s="191">
        <v>46</v>
      </c>
      <c r="AZ10" s="191">
        <v>33</v>
      </c>
      <c r="BA10" s="191">
        <v>32</v>
      </c>
      <c r="BB10" s="191">
        <v>19</v>
      </c>
      <c r="BC10" s="191">
        <v>10</v>
      </c>
      <c r="BD10" s="196">
        <v>140</v>
      </c>
      <c r="BE10" s="195">
        <v>146</v>
      </c>
      <c r="BF10" s="190">
        <v>0</v>
      </c>
      <c r="BG10" s="191">
        <v>0</v>
      </c>
      <c r="BH10" s="196">
        <v>0</v>
      </c>
      <c r="BI10" s="193">
        <v>0</v>
      </c>
      <c r="BJ10" s="191">
        <v>144</v>
      </c>
      <c r="BK10" s="191">
        <v>161</v>
      </c>
      <c r="BL10" s="191">
        <v>168</v>
      </c>
      <c r="BM10" s="191">
        <v>128</v>
      </c>
      <c r="BN10" s="191">
        <v>67</v>
      </c>
      <c r="BO10" s="194">
        <v>668</v>
      </c>
      <c r="BP10" s="195">
        <v>66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5</v>
      </c>
      <c r="CR10" s="191">
        <v>12</v>
      </c>
      <c r="CS10" s="191">
        <v>15</v>
      </c>
      <c r="CT10" s="191">
        <v>18</v>
      </c>
      <c r="CU10" s="191">
        <v>25</v>
      </c>
      <c r="CV10" s="196">
        <v>85</v>
      </c>
      <c r="CW10" s="195">
        <v>85</v>
      </c>
    </row>
    <row r="11" spans="2:101" ht="21" customHeight="1" x14ac:dyDescent="0.2">
      <c r="B11" s="106" t="s">
        <v>8</v>
      </c>
      <c r="C11" s="190">
        <v>0</v>
      </c>
      <c r="D11" s="196">
        <v>0</v>
      </c>
      <c r="E11" s="207">
        <v>0</v>
      </c>
      <c r="F11" s="193">
        <v>0</v>
      </c>
      <c r="G11" s="191">
        <v>7</v>
      </c>
      <c r="H11" s="191">
        <v>4</v>
      </c>
      <c r="I11" s="191">
        <v>4</v>
      </c>
      <c r="J11" s="191">
        <v>5</v>
      </c>
      <c r="K11" s="191">
        <v>3</v>
      </c>
      <c r="L11" s="194">
        <v>23</v>
      </c>
      <c r="M11" s="195">
        <v>23</v>
      </c>
      <c r="N11" s="190">
        <v>0</v>
      </c>
      <c r="O11" s="191">
        <v>0</v>
      </c>
      <c r="P11" s="196">
        <v>0</v>
      </c>
      <c r="Q11" s="193">
        <v>0</v>
      </c>
      <c r="R11" s="191">
        <v>2</v>
      </c>
      <c r="S11" s="191">
        <v>2</v>
      </c>
      <c r="T11" s="191">
        <v>1</v>
      </c>
      <c r="U11" s="191">
        <v>2</v>
      </c>
      <c r="V11" s="191">
        <v>2</v>
      </c>
      <c r="W11" s="196">
        <v>9</v>
      </c>
      <c r="X11" s="195">
        <v>9</v>
      </c>
      <c r="Y11" s="190">
        <v>0</v>
      </c>
      <c r="Z11" s="191">
        <v>0</v>
      </c>
      <c r="AA11" s="196">
        <v>0</v>
      </c>
      <c r="AB11" s="193">
        <v>0</v>
      </c>
      <c r="AC11" s="191">
        <v>632</v>
      </c>
      <c r="AD11" s="191">
        <v>559</v>
      </c>
      <c r="AE11" s="191">
        <v>217</v>
      </c>
      <c r="AF11" s="191">
        <v>106</v>
      </c>
      <c r="AG11" s="191">
        <v>54</v>
      </c>
      <c r="AH11" s="196">
        <v>1568</v>
      </c>
      <c r="AI11" s="195">
        <v>1568</v>
      </c>
      <c r="AJ11" s="190">
        <v>0</v>
      </c>
      <c r="AK11" s="191">
        <v>0</v>
      </c>
      <c r="AL11" s="196">
        <v>0</v>
      </c>
      <c r="AM11" s="193">
        <v>0</v>
      </c>
      <c r="AN11" s="191">
        <v>8</v>
      </c>
      <c r="AO11" s="191">
        <v>7</v>
      </c>
      <c r="AP11" s="191">
        <v>9</v>
      </c>
      <c r="AQ11" s="191">
        <v>9</v>
      </c>
      <c r="AR11" s="191">
        <v>5</v>
      </c>
      <c r="AS11" s="196">
        <v>38</v>
      </c>
      <c r="AT11" s="195">
        <v>38</v>
      </c>
      <c r="AU11" s="190">
        <v>12</v>
      </c>
      <c r="AV11" s="191">
        <v>11</v>
      </c>
      <c r="AW11" s="196">
        <v>23</v>
      </c>
      <c r="AX11" s="193">
        <v>0</v>
      </c>
      <c r="AY11" s="191">
        <v>60</v>
      </c>
      <c r="AZ11" s="191">
        <v>50</v>
      </c>
      <c r="BA11" s="191">
        <v>43</v>
      </c>
      <c r="BB11" s="191">
        <v>25</v>
      </c>
      <c r="BC11" s="191">
        <v>13</v>
      </c>
      <c r="BD11" s="196">
        <v>191</v>
      </c>
      <c r="BE11" s="195">
        <v>214</v>
      </c>
      <c r="BF11" s="190">
        <v>0</v>
      </c>
      <c r="BG11" s="191">
        <v>0</v>
      </c>
      <c r="BH11" s="196">
        <v>0</v>
      </c>
      <c r="BI11" s="193">
        <v>0</v>
      </c>
      <c r="BJ11" s="191">
        <v>69</v>
      </c>
      <c r="BK11" s="191">
        <v>63</v>
      </c>
      <c r="BL11" s="191">
        <v>97</v>
      </c>
      <c r="BM11" s="191">
        <v>56</v>
      </c>
      <c r="BN11" s="191">
        <v>43</v>
      </c>
      <c r="BO11" s="194">
        <v>328</v>
      </c>
      <c r="BP11" s="195">
        <v>328</v>
      </c>
      <c r="BQ11" s="190">
        <v>0</v>
      </c>
      <c r="BR11" s="191">
        <v>0</v>
      </c>
      <c r="BS11" s="196">
        <v>0</v>
      </c>
      <c r="BT11" s="193">
        <v>0</v>
      </c>
      <c r="BU11" s="191">
        <v>1</v>
      </c>
      <c r="BV11" s="191">
        <v>9</v>
      </c>
      <c r="BW11" s="191">
        <v>16</v>
      </c>
      <c r="BX11" s="191">
        <v>10</v>
      </c>
      <c r="BY11" s="191">
        <v>10</v>
      </c>
      <c r="BZ11" s="196">
        <v>46</v>
      </c>
      <c r="CA11" s="195">
        <v>46</v>
      </c>
      <c r="CB11" s="190">
        <v>0</v>
      </c>
      <c r="CC11" s="191">
        <v>0</v>
      </c>
      <c r="CD11" s="196">
        <v>0</v>
      </c>
      <c r="CE11" s="193">
        <v>0</v>
      </c>
      <c r="CF11" s="191">
        <v>0</v>
      </c>
      <c r="CG11" s="191">
        <v>1</v>
      </c>
      <c r="CH11" s="191">
        <v>10</v>
      </c>
      <c r="CI11" s="191">
        <v>26</v>
      </c>
      <c r="CJ11" s="191">
        <v>4</v>
      </c>
      <c r="CK11" s="196">
        <v>41</v>
      </c>
      <c r="CL11" s="195">
        <v>41</v>
      </c>
      <c r="CM11" s="190">
        <v>0</v>
      </c>
      <c r="CN11" s="191">
        <v>0</v>
      </c>
      <c r="CO11" s="196">
        <v>0</v>
      </c>
      <c r="CP11" s="193">
        <v>0</v>
      </c>
      <c r="CQ11" s="191">
        <v>15</v>
      </c>
      <c r="CR11" s="191">
        <v>20</v>
      </c>
      <c r="CS11" s="191">
        <v>17</v>
      </c>
      <c r="CT11" s="191">
        <v>13</v>
      </c>
      <c r="CU11" s="191">
        <v>10</v>
      </c>
      <c r="CV11" s="196">
        <v>75</v>
      </c>
      <c r="CW11" s="195">
        <v>75</v>
      </c>
    </row>
    <row r="12" spans="2:101" ht="21" customHeight="1" x14ac:dyDescent="0.2">
      <c r="B12" s="106" t="s">
        <v>9</v>
      </c>
      <c r="C12" s="190">
        <v>0</v>
      </c>
      <c r="D12" s="196">
        <v>0</v>
      </c>
      <c r="E12" s="207">
        <v>0</v>
      </c>
      <c r="F12" s="193">
        <v>0</v>
      </c>
      <c r="G12" s="191">
        <v>0</v>
      </c>
      <c r="H12" s="191">
        <v>3</v>
      </c>
      <c r="I12" s="191">
        <v>4</v>
      </c>
      <c r="J12" s="191">
        <v>7</v>
      </c>
      <c r="K12" s="191">
        <v>5</v>
      </c>
      <c r="L12" s="194">
        <v>19</v>
      </c>
      <c r="M12" s="195">
        <v>19</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56</v>
      </c>
      <c r="AD12" s="191">
        <v>300</v>
      </c>
      <c r="AE12" s="191">
        <v>139</v>
      </c>
      <c r="AF12" s="191">
        <v>96</v>
      </c>
      <c r="AG12" s="191">
        <v>37</v>
      </c>
      <c r="AH12" s="196">
        <v>1028</v>
      </c>
      <c r="AI12" s="195">
        <v>1028</v>
      </c>
      <c r="AJ12" s="190">
        <v>0</v>
      </c>
      <c r="AK12" s="191">
        <v>0</v>
      </c>
      <c r="AL12" s="196">
        <v>0</v>
      </c>
      <c r="AM12" s="193">
        <v>0</v>
      </c>
      <c r="AN12" s="191">
        <v>8</v>
      </c>
      <c r="AO12" s="191">
        <v>6</v>
      </c>
      <c r="AP12" s="191">
        <v>13</v>
      </c>
      <c r="AQ12" s="191">
        <v>0</v>
      </c>
      <c r="AR12" s="191">
        <v>3</v>
      </c>
      <c r="AS12" s="196">
        <v>30</v>
      </c>
      <c r="AT12" s="195">
        <v>30</v>
      </c>
      <c r="AU12" s="190">
        <v>5</v>
      </c>
      <c r="AV12" s="191">
        <v>5</v>
      </c>
      <c r="AW12" s="196">
        <v>10</v>
      </c>
      <c r="AX12" s="193">
        <v>0</v>
      </c>
      <c r="AY12" s="191">
        <v>39</v>
      </c>
      <c r="AZ12" s="191">
        <v>35</v>
      </c>
      <c r="BA12" s="191">
        <v>25</v>
      </c>
      <c r="BB12" s="191">
        <v>23</v>
      </c>
      <c r="BC12" s="191">
        <v>13</v>
      </c>
      <c r="BD12" s="196">
        <v>135</v>
      </c>
      <c r="BE12" s="195">
        <v>145</v>
      </c>
      <c r="BF12" s="190">
        <v>0</v>
      </c>
      <c r="BG12" s="191">
        <v>0</v>
      </c>
      <c r="BH12" s="196">
        <v>0</v>
      </c>
      <c r="BI12" s="193">
        <v>0</v>
      </c>
      <c r="BJ12" s="191">
        <v>39</v>
      </c>
      <c r="BK12" s="191">
        <v>58</v>
      </c>
      <c r="BL12" s="191">
        <v>80</v>
      </c>
      <c r="BM12" s="191">
        <v>68</v>
      </c>
      <c r="BN12" s="191">
        <v>30</v>
      </c>
      <c r="BO12" s="194">
        <v>275</v>
      </c>
      <c r="BP12" s="195">
        <v>275</v>
      </c>
      <c r="BQ12" s="190">
        <v>0</v>
      </c>
      <c r="BR12" s="191">
        <v>0</v>
      </c>
      <c r="BS12" s="196">
        <v>0</v>
      </c>
      <c r="BT12" s="193">
        <v>0</v>
      </c>
      <c r="BU12" s="191">
        <v>2</v>
      </c>
      <c r="BV12" s="191">
        <v>4</v>
      </c>
      <c r="BW12" s="191">
        <v>6</v>
      </c>
      <c r="BX12" s="191">
        <v>8</v>
      </c>
      <c r="BY12" s="191">
        <v>4</v>
      </c>
      <c r="BZ12" s="196">
        <v>24</v>
      </c>
      <c r="CA12" s="195">
        <v>24</v>
      </c>
      <c r="CB12" s="190">
        <v>0</v>
      </c>
      <c r="CC12" s="191">
        <v>0</v>
      </c>
      <c r="CD12" s="196">
        <v>0</v>
      </c>
      <c r="CE12" s="193">
        <v>0</v>
      </c>
      <c r="CF12" s="191">
        <v>0</v>
      </c>
      <c r="CG12" s="191">
        <v>0</v>
      </c>
      <c r="CH12" s="191">
        <v>0</v>
      </c>
      <c r="CI12" s="191">
        <v>0</v>
      </c>
      <c r="CJ12" s="191">
        <v>1</v>
      </c>
      <c r="CK12" s="196">
        <v>1</v>
      </c>
      <c r="CL12" s="195">
        <v>1</v>
      </c>
      <c r="CM12" s="190">
        <v>0</v>
      </c>
      <c r="CN12" s="191">
        <v>0</v>
      </c>
      <c r="CO12" s="196">
        <v>0</v>
      </c>
      <c r="CP12" s="193">
        <v>0</v>
      </c>
      <c r="CQ12" s="191">
        <v>6</v>
      </c>
      <c r="CR12" s="191">
        <v>7</v>
      </c>
      <c r="CS12" s="191">
        <v>7</v>
      </c>
      <c r="CT12" s="191">
        <v>11</v>
      </c>
      <c r="CU12" s="191">
        <v>11</v>
      </c>
      <c r="CV12" s="196">
        <v>42</v>
      </c>
      <c r="CW12" s="195">
        <v>42</v>
      </c>
    </row>
    <row r="13" spans="2:101" ht="21" customHeight="1" x14ac:dyDescent="0.2">
      <c r="B13" s="106" t="s">
        <v>10</v>
      </c>
      <c r="C13" s="190">
        <v>0</v>
      </c>
      <c r="D13" s="196">
        <v>0</v>
      </c>
      <c r="E13" s="207">
        <v>0</v>
      </c>
      <c r="F13" s="193">
        <v>0</v>
      </c>
      <c r="G13" s="191">
        <v>24</v>
      </c>
      <c r="H13" s="191">
        <v>18</v>
      </c>
      <c r="I13" s="191">
        <v>12</v>
      </c>
      <c r="J13" s="191">
        <v>14</v>
      </c>
      <c r="K13" s="191">
        <v>18</v>
      </c>
      <c r="L13" s="194">
        <v>86</v>
      </c>
      <c r="M13" s="195">
        <v>86</v>
      </c>
      <c r="N13" s="190">
        <v>0</v>
      </c>
      <c r="O13" s="191">
        <v>0</v>
      </c>
      <c r="P13" s="196">
        <v>0</v>
      </c>
      <c r="Q13" s="193">
        <v>0</v>
      </c>
      <c r="R13" s="191">
        <v>11</v>
      </c>
      <c r="S13" s="191">
        <v>1</v>
      </c>
      <c r="T13" s="191">
        <v>6</v>
      </c>
      <c r="U13" s="191">
        <v>5</v>
      </c>
      <c r="V13" s="191">
        <v>6</v>
      </c>
      <c r="W13" s="196">
        <v>29</v>
      </c>
      <c r="X13" s="195">
        <v>29</v>
      </c>
      <c r="Y13" s="190">
        <v>0</v>
      </c>
      <c r="Z13" s="191">
        <v>0</v>
      </c>
      <c r="AA13" s="196">
        <v>0</v>
      </c>
      <c r="AB13" s="193">
        <v>0</v>
      </c>
      <c r="AC13" s="191">
        <v>591</v>
      </c>
      <c r="AD13" s="191">
        <v>256</v>
      </c>
      <c r="AE13" s="191">
        <v>127</v>
      </c>
      <c r="AF13" s="191">
        <v>65</v>
      </c>
      <c r="AG13" s="191">
        <v>12</v>
      </c>
      <c r="AH13" s="196">
        <v>1051</v>
      </c>
      <c r="AI13" s="195">
        <v>1051</v>
      </c>
      <c r="AJ13" s="190">
        <v>0</v>
      </c>
      <c r="AK13" s="191">
        <v>1</v>
      </c>
      <c r="AL13" s="196">
        <v>1</v>
      </c>
      <c r="AM13" s="193">
        <v>0</v>
      </c>
      <c r="AN13" s="191">
        <v>15</v>
      </c>
      <c r="AO13" s="191">
        <v>14</v>
      </c>
      <c r="AP13" s="191">
        <v>23</v>
      </c>
      <c r="AQ13" s="191">
        <v>13</v>
      </c>
      <c r="AR13" s="191">
        <v>8</v>
      </c>
      <c r="AS13" s="196">
        <v>73</v>
      </c>
      <c r="AT13" s="195">
        <v>74</v>
      </c>
      <c r="AU13" s="190">
        <v>13</v>
      </c>
      <c r="AV13" s="191">
        <v>15</v>
      </c>
      <c r="AW13" s="196">
        <v>28</v>
      </c>
      <c r="AX13" s="193">
        <v>0</v>
      </c>
      <c r="AY13" s="191">
        <v>95</v>
      </c>
      <c r="AZ13" s="191">
        <v>61</v>
      </c>
      <c r="BA13" s="191">
        <v>64</v>
      </c>
      <c r="BB13" s="191">
        <v>43</v>
      </c>
      <c r="BC13" s="191">
        <v>41</v>
      </c>
      <c r="BD13" s="196">
        <v>304</v>
      </c>
      <c r="BE13" s="195">
        <v>332</v>
      </c>
      <c r="BF13" s="190">
        <v>0</v>
      </c>
      <c r="BG13" s="191">
        <v>2</v>
      </c>
      <c r="BH13" s="196">
        <v>2</v>
      </c>
      <c r="BI13" s="193">
        <v>0</v>
      </c>
      <c r="BJ13" s="191">
        <v>110</v>
      </c>
      <c r="BK13" s="191">
        <v>114</v>
      </c>
      <c r="BL13" s="191">
        <v>126</v>
      </c>
      <c r="BM13" s="191">
        <v>85</v>
      </c>
      <c r="BN13" s="191">
        <v>72</v>
      </c>
      <c r="BO13" s="194">
        <v>507</v>
      </c>
      <c r="BP13" s="195">
        <v>509</v>
      </c>
      <c r="BQ13" s="190">
        <v>1</v>
      </c>
      <c r="BR13" s="191">
        <v>0</v>
      </c>
      <c r="BS13" s="196">
        <v>1</v>
      </c>
      <c r="BT13" s="193">
        <v>0</v>
      </c>
      <c r="BU13" s="191">
        <v>32</v>
      </c>
      <c r="BV13" s="191">
        <v>24</v>
      </c>
      <c r="BW13" s="191">
        <v>32</v>
      </c>
      <c r="BX13" s="191">
        <v>31</v>
      </c>
      <c r="BY13" s="191">
        <v>29</v>
      </c>
      <c r="BZ13" s="196">
        <v>148</v>
      </c>
      <c r="CA13" s="195">
        <v>149</v>
      </c>
      <c r="CB13" s="190">
        <v>0</v>
      </c>
      <c r="CC13" s="191">
        <v>0</v>
      </c>
      <c r="CD13" s="196">
        <v>0</v>
      </c>
      <c r="CE13" s="193">
        <v>0</v>
      </c>
      <c r="CF13" s="191">
        <v>0</v>
      </c>
      <c r="CG13" s="191">
        <v>1</v>
      </c>
      <c r="CH13" s="191">
        <v>4</v>
      </c>
      <c r="CI13" s="191">
        <v>21</v>
      </c>
      <c r="CJ13" s="191">
        <v>16</v>
      </c>
      <c r="CK13" s="196">
        <v>42</v>
      </c>
      <c r="CL13" s="195">
        <v>42</v>
      </c>
      <c r="CM13" s="190">
        <v>0</v>
      </c>
      <c r="CN13" s="191">
        <v>0</v>
      </c>
      <c r="CO13" s="196">
        <v>0</v>
      </c>
      <c r="CP13" s="193">
        <v>0</v>
      </c>
      <c r="CQ13" s="191">
        <v>27</v>
      </c>
      <c r="CR13" s="191">
        <v>30</v>
      </c>
      <c r="CS13" s="191">
        <v>27</v>
      </c>
      <c r="CT13" s="191">
        <v>52</v>
      </c>
      <c r="CU13" s="191">
        <v>34</v>
      </c>
      <c r="CV13" s="196">
        <v>170</v>
      </c>
      <c r="CW13" s="195">
        <v>170</v>
      </c>
    </row>
    <row r="14" spans="2:101" ht="21" customHeight="1" x14ac:dyDescent="0.2">
      <c r="B14" s="106" t="s">
        <v>11</v>
      </c>
      <c r="C14" s="190">
        <v>0</v>
      </c>
      <c r="D14" s="196">
        <v>0</v>
      </c>
      <c r="E14" s="207">
        <v>0</v>
      </c>
      <c r="F14" s="193">
        <v>0</v>
      </c>
      <c r="G14" s="191">
        <v>12</v>
      </c>
      <c r="H14" s="191">
        <v>9</v>
      </c>
      <c r="I14" s="191">
        <v>3</v>
      </c>
      <c r="J14" s="191">
        <v>7</v>
      </c>
      <c r="K14" s="191">
        <v>5</v>
      </c>
      <c r="L14" s="194">
        <v>36</v>
      </c>
      <c r="M14" s="195">
        <v>36</v>
      </c>
      <c r="N14" s="190">
        <v>0</v>
      </c>
      <c r="O14" s="191">
        <v>0</v>
      </c>
      <c r="P14" s="196">
        <v>0</v>
      </c>
      <c r="Q14" s="193">
        <v>0</v>
      </c>
      <c r="R14" s="191">
        <v>11</v>
      </c>
      <c r="S14" s="191">
        <v>12</v>
      </c>
      <c r="T14" s="191">
        <v>8</v>
      </c>
      <c r="U14" s="191">
        <v>14</v>
      </c>
      <c r="V14" s="191">
        <v>9</v>
      </c>
      <c r="W14" s="196">
        <v>54</v>
      </c>
      <c r="X14" s="195">
        <v>54</v>
      </c>
      <c r="Y14" s="190">
        <v>0</v>
      </c>
      <c r="Z14" s="191">
        <v>0</v>
      </c>
      <c r="AA14" s="196">
        <v>0</v>
      </c>
      <c r="AB14" s="193">
        <v>0</v>
      </c>
      <c r="AC14" s="191">
        <v>502</v>
      </c>
      <c r="AD14" s="191">
        <v>279</v>
      </c>
      <c r="AE14" s="191">
        <v>164</v>
      </c>
      <c r="AF14" s="191">
        <v>67</v>
      </c>
      <c r="AG14" s="191">
        <v>35</v>
      </c>
      <c r="AH14" s="196">
        <v>1047</v>
      </c>
      <c r="AI14" s="195">
        <v>1047</v>
      </c>
      <c r="AJ14" s="190">
        <v>0</v>
      </c>
      <c r="AK14" s="191">
        <v>0</v>
      </c>
      <c r="AL14" s="196">
        <v>0</v>
      </c>
      <c r="AM14" s="193">
        <v>0</v>
      </c>
      <c r="AN14" s="191">
        <v>24</v>
      </c>
      <c r="AO14" s="191">
        <v>18</v>
      </c>
      <c r="AP14" s="191">
        <v>10</v>
      </c>
      <c r="AQ14" s="191">
        <v>4</v>
      </c>
      <c r="AR14" s="191">
        <v>3</v>
      </c>
      <c r="AS14" s="196">
        <v>59</v>
      </c>
      <c r="AT14" s="195">
        <v>59</v>
      </c>
      <c r="AU14" s="190">
        <v>2</v>
      </c>
      <c r="AV14" s="191">
        <v>6</v>
      </c>
      <c r="AW14" s="196">
        <v>8</v>
      </c>
      <c r="AX14" s="193">
        <v>0</v>
      </c>
      <c r="AY14" s="191">
        <v>34</v>
      </c>
      <c r="AZ14" s="191">
        <v>40</v>
      </c>
      <c r="BA14" s="191">
        <v>38</v>
      </c>
      <c r="BB14" s="191">
        <v>20</v>
      </c>
      <c r="BC14" s="191">
        <v>9</v>
      </c>
      <c r="BD14" s="196">
        <v>141</v>
      </c>
      <c r="BE14" s="195">
        <v>149</v>
      </c>
      <c r="BF14" s="190">
        <v>0</v>
      </c>
      <c r="BG14" s="191">
        <v>2</v>
      </c>
      <c r="BH14" s="196">
        <v>2</v>
      </c>
      <c r="BI14" s="193">
        <v>0</v>
      </c>
      <c r="BJ14" s="191">
        <v>55</v>
      </c>
      <c r="BK14" s="191">
        <v>79</v>
      </c>
      <c r="BL14" s="191">
        <v>85</v>
      </c>
      <c r="BM14" s="191">
        <v>60</v>
      </c>
      <c r="BN14" s="191">
        <v>20</v>
      </c>
      <c r="BO14" s="194">
        <v>299</v>
      </c>
      <c r="BP14" s="195">
        <v>301</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1</v>
      </c>
      <c r="CH14" s="191">
        <v>0</v>
      </c>
      <c r="CI14" s="191">
        <v>1</v>
      </c>
      <c r="CJ14" s="191">
        <v>0</v>
      </c>
      <c r="CK14" s="196">
        <v>2</v>
      </c>
      <c r="CL14" s="195">
        <v>2</v>
      </c>
      <c r="CM14" s="190">
        <v>0</v>
      </c>
      <c r="CN14" s="191">
        <v>0</v>
      </c>
      <c r="CO14" s="196">
        <v>0</v>
      </c>
      <c r="CP14" s="193">
        <v>0</v>
      </c>
      <c r="CQ14" s="191">
        <v>9</v>
      </c>
      <c r="CR14" s="191">
        <v>7</v>
      </c>
      <c r="CS14" s="191">
        <v>8</v>
      </c>
      <c r="CT14" s="191">
        <v>5</v>
      </c>
      <c r="CU14" s="191">
        <v>8</v>
      </c>
      <c r="CV14" s="196">
        <v>37</v>
      </c>
      <c r="CW14" s="195">
        <v>37</v>
      </c>
    </row>
    <row r="15" spans="2:101" ht="21" customHeight="1" x14ac:dyDescent="0.2">
      <c r="B15" s="106" t="s">
        <v>12</v>
      </c>
      <c r="C15" s="190">
        <v>0</v>
      </c>
      <c r="D15" s="196">
        <v>0</v>
      </c>
      <c r="E15" s="207">
        <v>0</v>
      </c>
      <c r="F15" s="193">
        <v>0</v>
      </c>
      <c r="G15" s="191">
        <v>9</v>
      </c>
      <c r="H15" s="191">
        <v>4</v>
      </c>
      <c r="I15" s="191">
        <v>3</v>
      </c>
      <c r="J15" s="191">
        <v>5</v>
      </c>
      <c r="K15" s="191">
        <v>4</v>
      </c>
      <c r="L15" s="194">
        <v>25</v>
      </c>
      <c r="M15" s="195">
        <v>25</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374</v>
      </c>
      <c r="AD15" s="191">
        <v>255</v>
      </c>
      <c r="AE15" s="191">
        <v>153</v>
      </c>
      <c r="AF15" s="191">
        <v>67</v>
      </c>
      <c r="AG15" s="191">
        <v>29</v>
      </c>
      <c r="AH15" s="196">
        <v>878</v>
      </c>
      <c r="AI15" s="195">
        <v>878</v>
      </c>
      <c r="AJ15" s="190">
        <v>0</v>
      </c>
      <c r="AK15" s="191">
        <v>0</v>
      </c>
      <c r="AL15" s="196">
        <v>0</v>
      </c>
      <c r="AM15" s="193">
        <v>0</v>
      </c>
      <c r="AN15" s="191">
        <v>5</v>
      </c>
      <c r="AO15" s="191">
        <v>1</v>
      </c>
      <c r="AP15" s="191">
        <v>3</v>
      </c>
      <c r="AQ15" s="191">
        <v>0</v>
      </c>
      <c r="AR15" s="191">
        <v>1</v>
      </c>
      <c r="AS15" s="196">
        <v>10</v>
      </c>
      <c r="AT15" s="195">
        <v>10</v>
      </c>
      <c r="AU15" s="190">
        <v>0</v>
      </c>
      <c r="AV15" s="191">
        <v>1</v>
      </c>
      <c r="AW15" s="196">
        <v>1</v>
      </c>
      <c r="AX15" s="193">
        <v>0</v>
      </c>
      <c r="AY15" s="191">
        <v>25</v>
      </c>
      <c r="AZ15" s="191">
        <v>32</v>
      </c>
      <c r="BA15" s="191">
        <v>48</v>
      </c>
      <c r="BB15" s="191">
        <v>43</v>
      </c>
      <c r="BC15" s="191">
        <v>29</v>
      </c>
      <c r="BD15" s="196">
        <v>177</v>
      </c>
      <c r="BE15" s="195">
        <v>178</v>
      </c>
      <c r="BF15" s="190">
        <v>0</v>
      </c>
      <c r="BG15" s="191">
        <v>0</v>
      </c>
      <c r="BH15" s="196">
        <v>0</v>
      </c>
      <c r="BI15" s="193">
        <v>0</v>
      </c>
      <c r="BJ15" s="191">
        <v>43</v>
      </c>
      <c r="BK15" s="191">
        <v>51</v>
      </c>
      <c r="BL15" s="191">
        <v>45</v>
      </c>
      <c r="BM15" s="191">
        <v>33</v>
      </c>
      <c r="BN15" s="191">
        <v>35</v>
      </c>
      <c r="BO15" s="194">
        <v>207</v>
      </c>
      <c r="BP15" s="195">
        <v>207</v>
      </c>
      <c r="BQ15" s="190">
        <v>0</v>
      </c>
      <c r="BR15" s="191">
        <v>0</v>
      </c>
      <c r="BS15" s="196">
        <v>0</v>
      </c>
      <c r="BT15" s="193">
        <v>0</v>
      </c>
      <c r="BU15" s="191">
        <v>0</v>
      </c>
      <c r="BV15" s="191">
        <v>6</v>
      </c>
      <c r="BW15" s="191">
        <v>7</v>
      </c>
      <c r="BX15" s="191">
        <v>10</v>
      </c>
      <c r="BY15" s="191">
        <v>6</v>
      </c>
      <c r="BZ15" s="196">
        <v>29</v>
      </c>
      <c r="CA15" s="195">
        <v>29</v>
      </c>
      <c r="CB15" s="190">
        <v>0</v>
      </c>
      <c r="CC15" s="191">
        <v>0</v>
      </c>
      <c r="CD15" s="196">
        <v>0</v>
      </c>
      <c r="CE15" s="193">
        <v>0</v>
      </c>
      <c r="CF15" s="191">
        <v>0</v>
      </c>
      <c r="CG15" s="191">
        <v>0</v>
      </c>
      <c r="CH15" s="191">
        <v>12</v>
      </c>
      <c r="CI15" s="191">
        <v>13</v>
      </c>
      <c r="CJ15" s="191">
        <v>4</v>
      </c>
      <c r="CK15" s="196">
        <v>29</v>
      </c>
      <c r="CL15" s="195">
        <v>29</v>
      </c>
      <c r="CM15" s="190">
        <v>0</v>
      </c>
      <c r="CN15" s="191">
        <v>0</v>
      </c>
      <c r="CO15" s="196">
        <v>0</v>
      </c>
      <c r="CP15" s="193">
        <v>0</v>
      </c>
      <c r="CQ15" s="191">
        <v>8</v>
      </c>
      <c r="CR15" s="191">
        <v>15</v>
      </c>
      <c r="CS15" s="191">
        <v>25</v>
      </c>
      <c r="CT15" s="191">
        <v>22</v>
      </c>
      <c r="CU15" s="191">
        <v>15</v>
      </c>
      <c r="CV15" s="196">
        <v>85</v>
      </c>
      <c r="CW15" s="195">
        <v>85</v>
      </c>
    </row>
    <row r="16" spans="2:101" ht="21" customHeight="1" x14ac:dyDescent="0.2">
      <c r="B16" s="106" t="s">
        <v>13</v>
      </c>
      <c r="C16" s="190">
        <v>0</v>
      </c>
      <c r="D16" s="196">
        <v>0</v>
      </c>
      <c r="E16" s="207">
        <v>0</v>
      </c>
      <c r="F16" s="193">
        <v>0</v>
      </c>
      <c r="G16" s="191">
        <v>1</v>
      </c>
      <c r="H16" s="191">
        <v>1</v>
      </c>
      <c r="I16" s="191">
        <v>1</v>
      </c>
      <c r="J16" s="191">
        <v>1</v>
      </c>
      <c r="K16" s="191">
        <v>2</v>
      </c>
      <c r="L16" s="194">
        <v>6</v>
      </c>
      <c r="M16" s="195">
        <v>6</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51</v>
      </c>
      <c r="AD16" s="191">
        <v>182</v>
      </c>
      <c r="AE16" s="191">
        <v>73</v>
      </c>
      <c r="AF16" s="191">
        <v>41</v>
      </c>
      <c r="AG16" s="191">
        <v>15</v>
      </c>
      <c r="AH16" s="196">
        <v>462</v>
      </c>
      <c r="AI16" s="195">
        <v>462</v>
      </c>
      <c r="AJ16" s="190">
        <v>0</v>
      </c>
      <c r="AK16" s="191">
        <v>0</v>
      </c>
      <c r="AL16" s="196">
        <v>0</v>
      </c>
      <c r="AM16" s="193">
        <v>0</v>
      </c>
      <c r="AN16" s="191">
        <v>0</v>
      </c>
      <c r="AO16" s="191">
        <v>9</v>
      </c>
      <c r="AP16" s="191">
        <v>6</v>
      </c>
      <c r="AQ16" s="191">
        <v>3</v>
      </c>
      <c r="AR16" s="191">
        <v>8</v>
      </c>
      <c r="AS16" s="196">
        <v>26</v>
      </c>
      <c r="AT16" s="195">
        <v>26</v>
      </c>
      <c r="AU16" s="190">
        <v>5</v>
      </c>
      <c r="AV16" s="191">
        <v>1</v>
      </c>
      <c r="AW16" s="196">
        <v>6</v>
      </c>
      <c r="AX16" s="193">
        <v>0</v>
      </c>
      <c r="AY16" s="191">
        <v>14</v>
      </c>
      <c r="AZ16" s="191">
        <v>12</v>
      </c>
      <c r="BA16" s="191">
        <v>9</v>
      </c>
      <c r="BB16" s="191">
        <v>1</v>
      </c>
      <c r="BC16" s="191">
        <v>3</v>
      </c>
      <c r="BD16" s="196">
        <v>39</v>
      </c>
      <c r="BE16" s="195">
        <v>45</v>
      </c>
      <c r="BF16" s="190">
        <v>0</v>
      </c>
      <c r="BG16" s="191">
        <v>0</v>
      </c>
      <c r="BH16" s="196">
        <v>0</v>
      </c>
      <c r="BI16" s="193">
        <v>0</v>
      </c>
      <c r="BJ16" s="191">
        <v>15</v>
      </c>
      <c r="BK16" s="191">
        <v>12</v>
      </c>
      <c r="BL16" s="191">
        <v>16</v>
      </c>
      <c r="BM16" s="191">
        <v>19</v>
      </c>
      <c r="BN16" s="191">
        <v>16</v>
      </c>
      <c r="BO16" s="194">
        <v>78</v>
      </c>
      <c r="BP16" s="195">
        <v>78</v>
      </c>
      <c r="BQ16" s="190">
        <v>0</v>
      </c>
      <c r="BR16" s="191">
        <v>0</v>
      </c>
      <c r="BS16" s="196">
        <v>0</v>
      </c>
      <c r="BT16" s="193">
        <v>0</v>
      </c>
      <c r="BU16" s="191">
        <v>2</v>
      </c>
      <c r="BV16" s="191">
        <v>1</v>
      </c>
      <c r="BW16" s="191">
        <v>4</v>
      </c>
      <c r="BX16" s="191">
        <v>6</v>
      </c>
      <c r="BY16" s="191">
        <v>1</v>
      </c>
      <c r="BZ16" s="196">
        <v>14</v>
      </c>
      <c r="CA16" s="195">
        <v>14</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3</v>
      </c>
      <c r="H17" s="191">
        <v>3</v>
      </c>
      <c r="I17" s="191">
        <v>2</v>
      </c>
      <c r="J17" s="191">
        <v>4</v>
      </c>
      <c r="K17" s="191">
        <v>3</v>
      </c>
      <c r="L17" s="194">
        <v>15</v>
      </c>
      <c r="M17" s="195">
        <v>15</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212</v>
      </c>
      <c r="AD17" s="191">
        <v>200</v>
      </c>
      <c r="AE17" s="191">
        <v>73</v>
      </c>
      <c r="AF17" s="191">
        <v>38</v>
      </c>
      <c r="AG17" s="191">
        <v>20</v>
      </c>
      <c r="AH17" s="196">
        <v>543</v>
      </c>
      <c r="AI17" s="195">
        <v>543</v>
      </c>
      <c r="AJ17" s="190">
        <v>0</v>
      </c>
      <c r="AK17" s="191">
        <v>1</v>
      </c>
      <c r="AL17" s="196">
        <v>1</v>
      </c>
      <c r="AM17" s="193">
        <v>0</v>
      </c>
      <c r="AN17" s="191">
        <v>4</v>
      </c>
      <c r="AO17" s="191">
        <v>3</v>
      </c>
      <c r="AP17" s="191">
        <v>6</v>
      </c>
      <c r="AQ17" s="191">
        <v>3</v>
      </c>
      <c r="AR17" s="191">
        <v>2</v>
      </c>
      <c r="AS17" s="196">
        <v>18</v>
      </c>
      <c r="AT17" s="195">
        <v>19</v>
      </c>
      <c r="AU17" s="190">
        <v>1</v>
      </c>
      <c r="AV17" s="191">
        <v>12</v>
      </c>
      <c r="AW17" s="196">
        <v>13</v>
      </c>
      <c r="AX17" s="193">
        <v>0</v>
      </c>
      <c r="AY17" s="191">
        <v>19</v>
      </c>
      <c r="AZ17" s="191">
        <v>11</v>
      </c>
      <c r="BA17" s="191">
        <v>0</v>
      </c>
      <c r="BB17" s="191">
        <v>3</v>
      </c>
      <c r="BC17" s="191">
        <v>3</v>
      </c>
      <c r="BD17" s="196">
        <v>36</v>
      </c>
      <c r="BE17" s="195">
        <v>49</v>
      </c>
      <c r="BF17" s="190">
        <v>0</v>
      </c>
      <c r="BG17" s="191">
        <v>1</v>
      </c>
      <c r="BH17" s="196">
        <v>1</v>
      </c>
      <c r="BI17" s="193">
        <v>0</v>
      </c>
      <c r="BJ17" s="191">
        <v>42</v>
      </c>
      <c r="BK17" s="191">
        <v>45</v>
      </c>
      <c r="BL17" s="191">
        <v>36</v>
      </c>
      <c r="BM17" s="191">
        <v>24</v>
      </c>
      <c r="BN17" s="191">
        <v>17</v>
      </c>
      <c r="BO17" s="194">
        <v>164</v>
      </c>
      <c r="BP17" s="195">
        <v>165</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9</v>
      </c>
      <c r="CI17" s="191">
        <v>10</v>
      </c>
      <c r="CJ17" s="191">
        <v>8</v>
      </c>
      <c r="CK17" s="196">
        <v>27</v>
      </c>
      <c r="CL17" s="195">
        <v>27</v>
      </c>
      <c r="CM17" s="190">
        <v>0</v>
      </c>
      <c r="CN17" s="191">
        <v>0</v>
      </c>
      <c r="CO17" s="196">
        <v>0</v>
      </c>
      <c r="CP17" s="193">
        <v>0</v>
      </c>
      <c r="CQ17" s="191">
        <v>5</v>
      </c>
      <c r="CR17" s="191">
        <v>10</v>
      </c>
      <c r="CS17" s="191">
        <v>5</v>
      </c>
      <c r="CT17" s="191">
        <v>3</v>
      </c>
      <c r="CU17" s="191">
        <v>1</v>
      </c>
      <c r="CV17" s="196">
        <v>24</v>
      </c>
      <c r="CW17" s="195">
        <v>24</v>
      </c>
    </row>
    <row r="18" spans="2:101" ht="21" customHeight="1" x14ac:dyDescent="0.2">
      <c r="B18" s="106" t="s">
        <v>16</v>
      </c>
      <c r="C18" s="190">
        <v>0</v>
      </c>
      <c r="D18" s="196">
        <v>0</v>
      </c>
      <c r="E18" s="207">
        <v>0</v>
      </c>
      <c r="F18" s="193">
        <v>0</v>
      </c>
      <c r="G18" s="191">
        <v>7</v>
      </c>
      <c r="H18" s="191">
        <v>11</v>
      </c>
      <c r="I18" s="191">
        <v>19</v>
      </c>
      <c r="J18" s="191">
        <v>12</v>
      </c>
      <c r="K18" s="191">
        <v>8</v>
      </c>
      <c r="L18" s="194">
        <v>57</v>
      </c>
      <c r="M18" s="195">
        <v>57</v>
      </c>
      <c r="N18" s="190">
        <v>0</v>
      </c>
      <c r="O18" s="191">
        <v>0</v>
      </c>
      <c r="P18" s="196">
        <v>0</v>
      </c>
      <c r="Q18" s="193">
        <v>0</v>
      </c>
      <c r="R18" s="191">
        <v>0</v>
      </c>
      <c r="S18" s="191">
        <v>3</v>
      </c>
      <c r="T18" s="191">
        <v>2</v>
      </c>
      <c r="U18" s="191">
        <v>1</v>
      </c>
      <c r="V18" s="191">
        <v>1</v>
      </c>
      <c r="W18" s="196">
        <v>7</v>
      </c>
      <c r="X18" s="195">
        <v>7</v>
      </c>
      <c r="Y18" s="190">
        <v>0</v>
      </c>
      <c r="Z18" s="191">
        <v>0</v>
      </c>
      <c r="AA18" s="196">
        <v>0</v>
      </c>
      <c r="AB18" s="193">
        <v>0</v>
      </c>
      <c r="AC18" s="191">
        <v>163</v>
      </c>
      <c r="AD18" s="191">
        <v>198</v>
      </c>
      <c r="AE18" s="191">
        <v>89</v>
      </c>
      <c r="AF18" s="191">
        <v>38</v>
      </c>
      <c r="AG18" s="191">
        <v>14</v>
      </c>
      <c r="AH18" s="196">
        <v>502</v>
      </c>
      <c r="AI18" s="195">
        <v>502</v>
      </c>
      <c r="AJ18" s="190">
        <v>0</v>
      </c>
      <c r="AK18" s="191">
        <v>0</v>
      </c>
      <c r="AL18" s="196">
        <v>0</v>
      </c>
      <c r="AM18" s="193">
        <v>0</v>
      </c>
      <c r="AN18" s="191">
        <v>5</v>
      </c>
      <c r="AO18" s="191">
        <v>5</v>
      </c>
      <c r="AP18" s="191">
        <v>7</v>
      </c>
      <c r="AQ18" s="191">
        <v>6</v>
      </c>
      <c r="AR18" s="191">
        <v>3</v>
      </c>
      <c r="AS18" s="196">
        <v>26</v>
      </c>
      <c r="AT18" s="195">
        <v>26</v>
      </c>
      <c r="AU18" s="190">
        <v>4</v>
      </c>
      <c r="AV18" s="191">
        <v>3</v>
      </c>
      <c r="AW18" s="196">
        <v>7</v>
      </c>
      <c r="AX18" s="193">
        <v>0</v>
      </c>
      <c r="AY18" s="191">
        <v>21</v>
      </c>
      <c r="AZ18" s="191">
        <v>24</v>
      </c>
      <c r="BA18" s="191">
        <v>17</v>
      </c>
      <c r="BB18" s="191">
        <v>16</v>
      </c>
      <c r="BC18" s="191">
        <v>10</v>
      </c>
      <c r="BD18" s="196">
        <v>88</v>
      </c>
      <c r="BE18" s="195">
        <v>95</v>
      </c>
      <c r="BF18" s="190">
        <v>0</v>
      </c>
      <c r="BG18" s="191">
        <v>1</v>
      </c>
      <c r="BH18" s="196">
        <v>1</v>
      </c>
      <c r="BI18" s="193">
        <v>0</v>
      </c>
      <c r="BJ18" s="191">
        <v>27</v>
      </c>
      <c r="BK18" s="191">
        <v>49</v>
      </c>
      <c r="BL18" s="191">
        <v>41</v>
      </c>
      <c r="BM18" s="191">
        <v>41</v>
      </c>
      <c r="BN18" s="191">
        <v>22</v>
      </c>
      <c r="BO18" s="194">
        <v>180</v>
      </c>
      <c r="BP18" s="195">
        <v>181</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8</v>
      </c>
      <c r="CI18" s="191">
        <v>13</v>
      </c>
      <c r="CJ18" s="191">
        <v>9</v>
      </c>
      <c r="CK18" s="196">
        <v>30</v>
      </c>
      <c r="CL18" s="195">
        <v>30</v>
      </c>
      <c r="CM18" s="190">
        <v>0</v>
      </c>
      <c r="CN18" s="191">
        <v>0</v>
      </c>
      <c r="CO18" s="196">
        <v>0</v>
      </c>
      <c r="CP18" s="193">
        <v>0</v>
      </c>
      <c r="CQ18" s="191">
        <v>1</v>
      </c>
      <c r="CR18" s="191">
        <v>5</v>
      </c>
      <c r="CS18" s="191">
        <v>5</v>
      </c>
      <c r="CT18" s="191">
        <v>3</v>
      </c>
      <c r="CU18" s="191">
        <v>7</v>
      </c>
      <c r="CV18" s="196">
        <v>21</v>
      </c>
      <c r="CW18" s="195">
        <v>21</v>
      </c>
    </row>
    <row r="19" spans="2:101" ht="21" customHeight="1" x14ac:dyDescent="0.2">
      <c r="B19" s="106" t="s">
        <v>17</v>
      </c>
      <c r="C19" s="190">
        <v>0</v>
      </c>
      <c r="D19" s="196">
        <v>0</v>
      </c>
      <c r="E19" s="207">
        <v>0</v>
      </c>
      <c r="F19" s="193">
        <v>0</v>
      </c>
      <c r="G19" s="191">
        <v>1</v>
      </c>
      <c r="H19" s="191">
        <v>3</v>
      </c>
      <c r="I19" s="191">
        <v>2</v>
      </c>
      <c r="J19" s="191">
        <v>2</v>
      </c>
      <c r="K19" s="191">
        <v>1</v>
      </c>
      <c r="L19" s="194">
        <v>9</v>
      </c>
      <c r="M19" s="195">
        <v>9</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88</v>
      </c>
      <c r="AD19" s="191">
        <v>372</v>
      </c>
      <c r="AE19" s="191">
        <v>161</v>
      </c>
      <c r="AF19" s="191">
        <v>83</v>
      </c>
      <c r="AG19" s="191">
        <v>35</v>
      </c>
      <c r="AH19" s="196">
        <v>939</v>
      </c>
      <c r="AI19" s="195">
        <v>939</v>
      </c>
      <c r="AJ19" s="190">
        <v>1</v>
      </c>
      <c r="AK19" s="191">
        <v>3</v>
      </c>
      <c r="AL19" s="196">
        <v>4</v>
      </c>
      <c r="AM19" s="193">
        <v>0</v>
      </c>
      <c r="AN19" s="191">
        <v>24</v>
      </c>
      <c r="AO19" s="191">
        <v>23</v>
      </c>
      <c r="AP19" s="191">
        <v>17</v>
      </c>
      <c r="AQ19" s="191">
        <v>14</v>
      </c>
      <c r="AR19" s="191">
        <v>6</v>
      </c>
      <c r="AS19" s="196">
        <v>84</v>
      </c>
      <c r="AT19" s="195">
        <v>88</v>
      </c>
      <c r="AU19" s="190">
        <v>4</v>
      </c>
      <c r="AV19" s="191">
        <v>6</v>
      </c>
      <c r="AW19" s="196">
        <v>10</v>
      </c>
      <c r="AX19" s="193">
        <v>0</v>
      </c>
      <c r="AY19" s="191">
        <v>9</v>
      </c>
      <c r="AZ19" s="191">
        <v>28</v>
      </c>
      <c r="BA19" s="191">
        <v>37</v>
      </c>
      <c r="BB19" s="191">
        <v>27</v>
      </c>
      <c r="BC19" s="191">
        <v>19</v>
      </c>
      <c r="BD19" s="196">
        <v>120</v>
      </c>
      <c r="BE19" s="195">
        <v>130</v>
      </c>
      <c r="BF19" s="190">
        <v>0</v>
      </c>
      <c r="BG19" s="191">
        <v>0</v>
      </c>
      <c r="BH19" s="196">
        <v>0</v>
      </c>
      <c r="BI19" s="193">
        <v>0</v>
      </c>
      <c r="BJ19" s="191">
        <v>39</v>
      </c>
      <c r="BK19" s="191">
        <v>61</v>
      </c>
      <c r="BL19" s="191">
        <v>83</v>
      </c>
      <c r="BM19" s="191">
        <v>46</v>
      </c>
      <c r="BN19" s="191">
        <v>28</v>
      </c>
      <c r="BO19" s="194">
        <v>257</v>
      </c>
      <c r="BP19" s="195">
        <v>257</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1</v>
      </c>
      <c r="CH19" s="191">
        <v>28</v>
      </c>
      <c r="CI19" s="191">
        <v>44</v>
      </c>
      <c r="CJ19" s="191">
        <v>32</v>
      </c>
      <c r="CK19" s="196">
        <v>105</v>
      </c>
      <c r="CL19" s="195">
        <v>105</v>
      </c>
      <c r="CM19" s="190">
        <v>0</v>
      </c>
      <c r="CN19" s="191">
        <v>0</v>
      </c>
      <c r="CO19" s="196">
        <v>0</v>
      </c>
      <c r="CP19" s="193">
        <v>0</v>
      </c>
      <c r="CQ19" s="191">
        <v>2</v>
      </c>
      <c r="CR19" s="191">
        <v>3</v>
      </c>
      <c r="CS19" s="191">
        <v>5</v>
      </c>
      <c r="CT19" s="191">
        <v>5</v>
      </c>
      <c r="CU19" s="191">
        <v>13</v>
      </c>
      <c r="CV19" s="196">
        <v>28</v>
      </c>
      <c r="CW19" s="195">
        <v>28</v>
      </c>
    </row>
    <row r="20" spans="2:101" ht="21" customHeight="1" x14ac:dyDescent="0.2">
      <c r="B20" s="106" t="s">
        <v>18</v>
      </c>
      <c r="C20" s="190">
        <v>0</v>
      </c>
      <c r="D20" s="196">
        <v>0</v>
      </c>
      <c r="E20" s="207">
        <v>0</v>
      </c>
      <c r="F20" s="193">
        <v>0</v>
      </c>
      <c r="G20" s="191">
        <v>10</v>
      </c>
      <c r="H20" s="191">
        <v>9</v>
      </c>
      <c r="I20" s="191">
        <v>4</v>
      </c>
      <c r="J20" s="191">
        <v>11</v>
      </c>
      <c r="K20" s="191">
        <v>8</v>
      </c>
      <c r="L20" s="194">
        <v>42</v>
      </c>
      <c r="M20" s="195">
        <v>42</v>
      </c>
      <c r="N20" s="190">
        <v>0</v>
      </c>
      <c r="O20" s="191">
        <v>0</v>
      </c>
      <c r="P20" s="196">
        <v>0</v>
      </c>
      <c r="Q20" s="193">
        <v>0</v>
      </c>
      <c r="R20" s="191">
        <v>0</v>
      </c>
      <c r="S20" s="191">
        <v>0</v>
      </c>
      <c r="T20" s="191">
        <v>1</v>
      </c>
      <c r="U20" s="191">
        <v>0</v>
      </c>
      <c r="V20" s="191">
        <v>2</v>
      </c>
      <c r="W20" s="196">
        <v>3</v>
      </c>
      <c r="X20" s="195">
        <v>3</v>
      </c>
      <c r="Y20" s="190">
        <v>0</v>
      </c>
      <c r="Z20" s="191">
        <v>0</v>
      </c>
      <c r="AA20" s="196">
        <v>0</v>
      </c>
      <c r="AB20" s="193">
        <v>0</v>
      </c>
      <c r="AC20" s="191">
        <v>314</v>
      </c>
      <c r="AD20" s="191">
        <v>207</v>
      </c>
      <c r="AE20" s="191">
        <v>85</v>
      </c>
      <c r="AF20" s="191">
        <v>37</v>
      </c>
      <c r="AG20" s="191">
        <v>13</v>
      </c>
      <c r="AH20" s="196">
        <v>656</v>
      </c>
      <c r="AI20" s="195">
        <v>656</v>
      </c>
      <c r="AJ20" s="190">
        <v>0</v>
      </c>
      <c r="AK20" s="191">
        <v>0</v>
      </c>
      <c r="AL20" s="196">
        <v>0</v>
      </c>
      <c r="AM20" s="193">
        <v>0</v>
      </c>
      <c r="AN20" s="191">
        <v>10</v>
      </c>
      <c r="AO20" s="191">
        <v>15</v>
      </c>
      <c r="AP20" s="191">
        <v>24</v>
      </c>
      <c r="AQ20" s="191">
        <v>12</v>
      </c>
      <c r="AR20" s="191">
        <v>7</v>
      </c>
      <c r="AS20" s="196">
        <v>68</v>
      </c>
      <c r="AT20" s="195">
        <v>68</v>
      </c>
      <c r="AU20" s="190">
        <v>4</v>
      </c>
      <c r="AV20" s="191">
        <v>12</v>
      </c>
      <c r="AW20" s="196">
        <v>16</v>
      </c>
      <c r="AX20" s="193">
        <v>0</v>
      </c>
      <c r="AY20" s="191">
        <v>49</v>
      </c>
      <c r="AZ20" s="191">
        <v>38</v>
      </c>
      <c r="BA20" s="191">
        <v>49</v>
      </c>
      <c r="BB20" s="191">
        <v>16</v>
      </c>
      <c r="BC20" s="191">
        <v>9</v>
      </c>
      <c r="BD20" s="196">
        <v>161</v>
      </c>
      <c r="BE20" s="195">
        <v>177</v>
      </c>
      <c r="BF20" s="190">
        <v>0</v>
      </c>
      <c r="BG20" s="191">
        <v>3</v>
      </c>
      <c r="BH20" s="196">
        <v>3</v>
      </c>
      <c r="BI20" s="193">
        <v>0</v>
      </c>
      <c r="BJ20" s="191">
        <v>53</v>
      </c>
      <c r="BK20" s="191">
        <v>78</v>
      </c>
      <c r="BL20" s="191">
        <v>97</v>
      </c>
      <c r="BM20" s="191">
        <v>71</v>
      </c>
      <c r="BN20" s="191">
        <v>19</v>
      </c>
      <c r="BO20" s="194">
        <v>318</v>
      </c>
      <c r="BP20" s="195">
        <v>321</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1</v>
      </c>
      <c r="CH20" s="191">
        <v>7</v>
      </c>
      <c r="CI20" s="191">
        <v>15</v>
      </c>
      <c r="CJ20" s="191">
        <v>5</v>
      </c>
      <c r="CK20" s="196">
        <v>28</v>
      </c>
      <c r="CL20" s="195">
        <v>28</v>
      </c>
      <c r="CM20" s="190">
        <v>0</v>
      </c>
      <c r="CN20" s="191">
        <v>0</v>
      </c>
      <c r="CO20" s="196">
        <v>0</v>
      </c>
      <c r="CP20" s="193">
        <v>0</v>
      </c>
      <c r="CQ20" s="191">
        <v>6</v>
      </c>
      <c r="CR20" s="191">
        <v>9</v>
      </c>
      <c r="CS20" s="191">
        <v>12</v>
      </c>
      <c r="CT20" s="191">
        <v>22</v>
      </c>
      <c r="CU20" s="191">
        <v>30</v>
      </c>
      <c r="CV20" s="196">
        <v>79</v>
      </c>
      <c r="CW20" s="195">
        <v>79</v>
      </c>
    </row>
    <row r="21" spans="2:101" ht="21" customHeight="1" x14ac:dyDescent="0.2">
      <c r="B21" s="106" t="s">
        <v>19</v>
      </c>
      <c r="C21" s="190">
        <v>0</v>
      </c>
      <c r="D21" s="196">
        <v>0</v>
      </c>
      <c r="E21" s="207">
        <v>0</v>
      </c>
      <c r="F21" s="193">
        <v>0</v>
      </c>
      <c r="G21" s="191">
        <v>10</v>
      </c>
      <c r="H21" s="191">
        <v>11</v>
      </c>
      <c r="I21" s="191">
        <v>7</v>
      </c>
      <c r="J21" s="191">
        <v>4</v>
      </c>
      <c r="K21" s="191">
        <v>3</v>
      </c>
      <c r="L21" s="194">
        <v>35</v>
      </c>
      <c r="M21" s="195">
        <v>35</v>
      </c>
      <c r="N21" s="190">
        <v>0</v>
      </c>
      <c r="O21" s="191">
        <v>0</v>
      </c>
      <c r="P21" s="196">
        <v>0</v>
      </c>
      <c r="Q21" s="193">
        <v>0</v>
      </c>
      <c r="R21" s="191">
        <v>1</v>
      </c>
      <c r="S21" s="191">
        <v>1</v>
      </c>
      <c r="T21" s="191">
        <v>2</v>
      </c>
      <c r="U21" s="191">
        <v>3</v>
      </c>
      <c r="V21" s="191">
        <v>0</v>
      </c>
      <c r="W21" s="196">
        <v>7</v>
      </c>
      <c r="X21" s="195">
        <v>7</v>
      </c>
      <c r="Y21" s="190">
        <v>0</v>
      </c>
      <c r="Z21" s="191">
        <v>0</v>
      </c>
      <c r="AA21" s="196">
        <v>0</v>
      </c>
      <c r="AB21" s="193">
        <v>0</v>
      </c>
      <c r="AC21" s="191">
        <v>143</v>
      </c>
      <c r="AD21" s="191">
        <v>88</v>
      </c>
      <c r="AE21" s="191">
        <v>44</v>
      </c>
      <c r="AF21" s="191">
        <v>20</v>
      </c>
      <c r="AG21" s="191">
        <v>10</v>
      </c>
      <c r="AH21" s="196">
        <v>305</v>
      </c>
      <c r="AI21" s="195">
        <v>305</v>
      </c>
      <c r="AJ21" s="190">
        <v>1</v>
      </c>
      <c r="AK21" s="191">
        <v>0</v>
      </c>
      <c r="AL21" s="196">
        <v>1</v>
      </c>
      <c r="AM21" s="193">
        <v>0</v>
      </c>
      <c r="AN21" s="191">
        <v>16</v>
      </c>
      <c r="AO21" s="191">
        <v>19</v>
      </c>
      <c r="AP21" s="191">
        <v>13</v>
      </c>
      <c r="AQ21" s="191">
        <v>4</v>
      </c>
      <c r="AR21" s="191">
        <v>4</v>
      </c>
      <c r="AS21" s="196">
        <v>56</v>
      </c>
      <c r="AT21" s="195">
        <v>57</v>
      </c>
      <c r="AU21" s="190">
        <v>0</v>
      </c>
      <c r="AV21" s="191">
        <v>2</v>
      </c>
      <c r="AW21" s="196">
        <v>2</v>
      </c>
      <c r="AX21" s="193">
        <v>0</v>
      </c>
      <c r="AY21" s="191">
        <v>21</v>
      </c>
      <c r="AZ21" s="191">
        <v>25</v>
      </c>
      <c r="BA21" s="191">
        <v>19</v>
      </c>
      <c r="BB21" s="191">
        <v>14</v>
      </c>
      <c r="BC21" s="191">
        <v>6</v>
      </c>
      <c r="BD21" s="196">
        <v>85</v>
      </c>
      <c r="BE21" s="195">
        <v>87</v>
      </c>
      <c r="BF21" s="190">
        <v>0</v>
      </c>
      <c r="BG21" s="191">
        <v>0</v>
      </c>
      <c r="BH21" s="196">
        <v>0</v>
      </c>
      <c r="BI21" s="193">
        <v>0</v>
      </c>
      <c r="BJ21" s="191">
        <v>16</v>
      </c>
      <c r="BK21" s="191">
        <v>23</v>
      </c>
      <c r="BL21" s="191">
        <v>29</v>
      </c>
      <c r="BM21" s="191">
        <v>16</v>
      </c>
      <c r="BN21" s="191">
        <v>17</v>
      </c>
      <c r="BO21" s="194">
        <v>101</v>
      </c>
      <c r="BP21" s="195">
        <v>101</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2</v>
      </c>
      <c r="CS21" s="191">
        <v>3</v>
      </c>
      <c r="CT21" s="191">
        <v>5</v>
      </c>
      <c r="CU21" s="191">
        <v>8</v>
      </c>
      <c r="CV21" s="196">
        <v>18</v>
      </c>
      <c r="CW21" s="195">
        <v>18</v>
      </c>
    </row>
    <row r="22" spans="2:101" ht="21" customHeight="1" x14ac:dyDescent="0.2">
      <c r="B22" s="106" t="s">
        <v>20</v>
      </c>
      <c r="C22" s="190">
        <v>0</v>
      </c>
      <c r="D22" s="196">
        <v>0</v>
      </c>
      <c r="E22" s="207">
        <v>0</v>
      </c>
      <c r="F22" s="193">
        <v>0</v>
      </c>
      <c r="G22" s="191">
        <v>1</v>
      </c>
      <c r="H22" s="191">
        <v>0</v>
      </c>
      <c r="I22" s="191">
        <v>0</v>
      </c>
      <c r="J22" s="191">
        <v>0</v>
      </c>
      <c r="K22" s="191">
        <v>1</v>
      </c>
      <c r="L22" s="194">
        <v>2</v>
      </c>
      <c r="M22" s="195">
        <v>2</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27</v>
      </c>
      <c r="AD22" s="191">
        <v>119</v>
      </c>
      <c r="AE22" s="191">
        <v>60</v>
      </c>
      <c r="AF22" s="191">
        <v>22</v>
      </c>
      <c r="AG22" s="191">
        <v>6</v>
      </c>
      <c r="AH22" s="196">
        <v>434</v>
      </c>
      <c r="AI22" s="195">
        <v>434</v>
      </c>
      <c r="AJ22" s="190">
        <v>0</v>
      </c>
      <c r="AK22" s="191">
        <v>0</v>
      </c>
      <c r="AL22" s="196">
        <v>0</v>
      </c>
      <c r="AM22" s="193">
        <v>0</v>
      </c>
      <c r="AN22" s="191">
        <v>1</v>
      </c>
      <c r="AO22" s="191">
        <v>1</v>
      </c>
      <c r="AP22" s="191">
        <v>9</v>
      </c>
      <c r="AQ22" s="191">
        <v>2</v>
      </c>
      <c r="AR22" s="191">
        <v>1</v>
      </c>
      <c r="AS22" s="196">
        <v>14</v>
      </c>
      <c r="AT22" s="195">
        <v>14</v>
      </c>
      <c r="AU22" s="190">
        <v>0</v>
      </c>
      <c r="AV22" s="191">
        <v>0</v>
      </c>
      <c r="AW22" s="196">
        <v>0</v>
      </c>
      <c r="AX22" s="193">
        <v>0</v>
      </c>
      <c r="AY22" s="191">
        <v>18</v>
      </c>
      <c r="AZ22" s="191">
        <v>11</v>
      </c>
      <c r="BA22" s="191">
        <v>14</v>
      </c>
      <c r="BB22" s="191">
        <v>4</v>
      </c>
      <c r="BC22" s="191">
        <v>3</v>
      </c>
      <c r="BD22" s="196">
        <v>50</v>
      </c>
      <c r="BE22" s="195">
        <v>50</v>
      </c>
      <c r="BF22" s="190">
        <v>0</v>
      </c>
      <c r="BG22" s="191">
        <v>0</v>
      </c>
      <c r="BH22" s="196">
        <v>0</v>
      </c>
      <c r="BI22" s="193">
        <v>0</v>
      </c>
      <c r="BJ22" s="191">
        <v>16</v>
      </c>
      <c r="BK22" s="191">
        <v>32</v>
      </c>
      <c r="BL22" s="191">
        <v>53</v>
      </c>
      <c r="BM22" s="191">
        <v>16</v>
      </c>
      <c r="BN22" s="191">
        <v>17</v>
      </c>
      <c r="BO22" s="194">
        <v>134</v>
      </c>
      <c r="BP22" s="195">
        <v>134</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3</v>
      </c>
      <c r="I23" s="191">
        <v>1</v>
      </c>
      <c r="J23" s="191">
        <v>0</v>
      </c>
      <c r="K23" s="191">
        <v>1</v>
      </c>
      <c r="L23" s="194">
        <v>6</v>
      </c>
      <c r="M23" s="195">
        <v>6</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225</v>
      </c>
      <c r="AD23" s="191">
        <v>178</v>
      </c>
      <c r="AE23" s="191">
        <v>87</v>
      </c>
      <c r="AF23" s="191">
        <v>29</v>
      </c>
      <c r="AG23" s="191">
        <v>15</v>
      </c>
      <c r="AH23" s="196">
        <v>534</v>
      </c>
      <c r="AI23" s="195">
        <v>534</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8</v>
      </c>
      <c r="AZ23" s="191">
        <v>8</v>
      </c>
      <c r="BA23" s="191">
        <v>16</v>
      </c>
      <c r="BB23" s="191">
        <v>5</v>
      </c>
      <c r="BC23" s="191">
        <v>4</v>
      </c>
      <c r="BD23" s="196">
        <v>41</v>
      </c>
      <c r="BE23" s="195">
        <v>41</v>
      </c>
      <c r="BF23" s="190">
        <v>0</v>
      </c>
      <c r="BG23" s="191">
        <v>1</v>
      </c>
      <c r="BH23" s="196">
        <v>1</v>
      </c>
      <c r="BI23" s="193">
        <v>0</v>
      </c>
      <c r="BJ23" s="191">
        <v>16</v>
      </c>
      <c r="BK23" s="191">
        <v>36</v>
      </c>
      <c r="BL23" s="191">
        <v>38</v>
      </c>
      <c r="BM23" s="191">
        <v>21</v>
      </c>
      <c r="BN23" s="191">
        <v>12</v>
      </c>
      <c r="BO23" s="194">
        <v>123</v>
      </c>
      <c r="BP23" s="195">
        <v>12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2</v>
      </c>
      <c r="CV23" s="196">
        <v>2</v>
      </c>
      <c r="CW23" s="195">
        <v>2</v>
      </c>
    </row>
    <row r="24" spans="2:101" ht="21" customHeight="1" x14ac:dyDescent="0.2">
      <c r="B24" s="106" t="s">
        <v>22</v>
      </c>
      <c r="C24" s="190">
        <v>0</v>
      </c>
      <c r="D24" s="196">
        <v>0</v>
      </c>
      <c r="E24" s="207">
        <v>0</v>
      </c>
      <c r="F24" s="193">
        <v>0</v>
      </c>
      <c r="G24" s="191">
        <v>0</v>
      </c>
      <c r="H24" s="191">
        <v>5</v>
      </c>
      <c r="I24" s="191">
        <v>6</v>
      </c>
      <c r="J24" s="191">
        <v>4</v>
      </c>
      <c r="K24" s="191">
        <v>0</v>
      </c>
      <c r="L24" s="194">
        <v>15</v>
      </c>
      <c r="M24" s="195">
        <v>15</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135</v>
      </c>
      <c r="AD24" s="191">
        <v>108</v>
      </c>
      <c r="AE24" s="191">
        <v>42</v>
      </c>
      <c r="AF24" s="191">
        <v>25</v>
      </c>
      <c r="AG24" s="191">
        <v>7</v>
      </c>
      <c r="AH24" s="196">
        <v>317</v>
      </c>
      <c r="AI24" s="195">
        <v>317</v>
      </c>
      <c r="AJ24" s="190">
        <v>0</v>
      </c>
      <c r="AK24" s="191">
        <v>0</v>
      </c>
      <c r="AL24" s="196">
        <v>0</v>
      </c>
      <c r="AM24" s="193">
        <v>0</v>
      </c>
      <c r="AN24" s="191">
        <v>2</v>
      </c>
      <c r="AO24" s="191">
        <v>2</v>
      </c>
      <c r="AP24" s="191">
        <v>7</v>
      </c>
      <c r="AQ24" s="191">
        <v>3</v>
      </c>
      <c r="AR24" s="191">
        <v>0</v>
      </c>
      <c r="AS24" s="196">
        <v>14</v>
      </c>
      <c r="AT24" s="195">
        <v>14</v>
      </c>
      <c r="AU24" s="190">
        <v>4</v>
      </c>
      <c r="AV24" s="191">
        <v>6</v>
      </c>
      <c r="AW24" s="196">
        <v>10</v>
      </c>
      <c r="AX24" s="193">
        <v>0</v>
      </c>
      <c r="AY24" s="191">
        <v>20</v>
      </c>
      <c r="AZ24" s="191">
        <v>27</v>
      </c>
      <c r="BA24" s="191">
        <v>14</v>
      </c>
      <c r="BB24" s="191">
        <v>9</v>
      </c>
      <c r="BC24" s="191">
        <v>8</v>
      </c>
      <c r="BD24" s="196">
        <v>78</v>
      </c>
      <c r="BE24" s="195">
        <v>88</v>
      </c>
      <c r="BF24" s="190">
        <v>0</v>
      </c>
      <c r="BG24" s="191">
        <v>1</v>
      </c>
      <c r="BH24" s="196">
        <v>1</v>
      </c>
      <c r="BI24" s="193">
        <v>0</v>
      </c>
      <c r="BJ24" s="191">
        <v>9</v>
      </c>
      <c r="BK24" s="191">
        <v>19</v>
      </c>
      <c r="BL24" s="191">
        <v>16</v>
      </c>
      <c r="BM24" s="191">
        <v>13</v>
      </c>
      <c r="BN24" s="191">
        <v>4</v>
      </c>
      <c r="BO24" s="194">
        <v>61</v>
      </c>
      <c r="BP24" s="195">
        <v>62</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2</v>
      </c>
      <c r="CH24" s="191">
        <v>6</v>
      </c>
      <c r="CI24" s="191">
        <v>14</v>
      </c>
      <c r="CJ24" s="191">
        <v>8</v>
      </c>
      <c r="CK24" s="196">
        <v>30</v>
      </c>
      <c r="CL24" s="195">
        <v>3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72</v>
      </c>
      <c r="AD25" s="191">
        <v>56</v>
      </c>
      <c r="AE25" s="191">
        <v>28</v>
      </c>
      <c r="AF25" s="191">
        <v>18</v>
      </c>
      <c r="AG25" s="191">
        <v>7</v>
      </c>
      <c r="AH25" s="196">
        <v>181</v>
      </c>
      <c r="AI25" s="195">
        <v>181</v>
      </c>
      <c r="AJ25" s="190">
        <v>0</v>
      </c>
      <c r="AK25" s="191">
        <v>0</v>
      </c>
      <c r="AL25" s="196">
        <v>0</v>
      </c>
      <c r="AM25" s="193">
        <v>0</v>
      </c>
      <c r="AN25" s="191">
        <v>0</v>
      </c>
      <c r="AO25" s="191">
        <v>0</v>
      </c>
      <c r="AP25" s="191">
        <v>3</v>
      </c>
      <c r="AQ25" s="191">
        <v>0</v>
      </c>
      <c r="AR25" s="191">
        <v>0</v>
      </c>
      <c r="AS25" s="196">
        <v>3</v>
      </c>
      <c r="AT25" s="195">
        <v>3</v>
      </c>
      <c r="AU25" s="190">
        <v>0</v>
      </c>
      <c r="AV25" s="191">
        <v>0</v>
      </c>
      <c r="AW25" s="196">
        <v>0</v>
      </c>
      <c r="AX25" s="193">
        <v>0</v>
      </c>
      <c r="AY25" s="191">
        <v>5</v>
      </c>
      <c r="AZ25" s="191">
        <v>2</v>
      </c>
      <c r="BA25" s="191">
        <v>4</v>
      </c>
      <c r="BB25" s="191">
        <v>0</v>
      </c>
      <c r="BC25" s="191">
        <v>1</v>
      </c>
      <c r="BD25" s="196">
        <v>12</v>
      </c>
      <c r="BE25" s="195">
        <v>12</v>
      </c>
      <c r="BF25" s="190">
        <v>0</v>
      </c>
      <c r="BG25" s="191">
        <v>0</v>
      </c>
      <c r="BH25" s="196">
        <v>0</v>
      </c>
      <c r="BI25" s="193">
        <v>0</v>
      </c>
      <c r="BJ25" s="191">
        <v>37</v>
      </c>
      <c r="BK25" s="191">
        <v>20</v>
      </c>
      <c r="BL25" s="191">
        <v>24</v>
      </c>
      <c r="BM25" s="191">
        <v>19</v>
      </c>
      <c r="BN25" s="191">
        <v>10</v>
      </c>
      <c r="BO25" s="194">
        <v>110</v>
      </c>
      <c r="BP25" s="195">
        <v>110</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6</v>
      </c>
      <c r="CT25" s="191">
        <v>6</v>
      </c>
      <c r="CU25" s="191">
        <v>3</v>
      </c>
      <c r="CV25" s="196">
        <v>16</v>
      </c>
      <c r="CW25" s="195">
        <v>16</v>
      </c>
    </row>
    <row r="26" spans="2:101" ht="21" customHeight="1" x14ac:dyDescent="0.2">
      <c r="B26" s="106" t="s">
        <v>24</v>
      </c>
      <c r="C26" s="190">
        <v>0</v>
      </c>
      <c r="D26" s="196">
        <v>0</v>
      </c>
      <c r="E26" s="207">
        <v>0</v>
      </c>
      <c r="F26" s="193">
        <v>0</v>
      </c>
      <c r="G26" s="191">
        <v>1</v>
      </c>
      <c r="H26" s="191">
        <v>0</v>
      </c>
      <c r="I26" s="191">
        <v>2</v>
      </c>
      <c r="J26" s="191">
        <v>4</v>
      </c>
      <c r="K26" s="191">
        <v>1</v>
      </c>
      <c r="L26" s="194">
        <v>8</v>
      </c>
      <c r="M26" s="195">
        <v>8</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22</v>
      </c>
      <c r="AD26" s="191">
        <v>10</v>
      </c>
      <c r="AE26" s="191">
        <v>17</v>
      </c>
      <c r="AF26" s="191">
        <v>4</v>
      </c>
      <c r="AG26" s="191">
        <v>4</v>
      </c>
      <c r="AH26" s="196">
        <v>57</v>
      </c>
      <c r="AI26" s="195">
        <v>57</v>
      </c>
      <c r="AJ26" s="190">
        <v>0</v>
      </c>
      <c r="AK26" s="191">
        <v>0</v>
      </c>
      <c r="AL26" s="196">
        <v>0</v>
      </c>
      <c r="AM26" s="193">
        <v>0</v>
      </c>
      <c r="AN26" s="191">
        <v>6</v>
      </c>
      <c r="AO26" s="191">
        <v>4</v>
      </c>
      <c r="AP26" s="191">
        <v>2</v>
      </c>
      <c r="AQ26" s="191">
        <v>3</v>
      </c>
      <c r="AR26" s="191">
        <v>1</v>
      </c>
      <c r="AS26" s="196">
        <v>16</v>
      </c>
      <c r="AT26" s="195">
        <v>16</v>
      </c>
      <c r="AU26" s="190">
        <v>4</v>
      </c>
      <c r="AV26" s="191">
        <v>3</v>
      </c>
      <c r="AW26" s="196">
        <v>7</v>
      </c>
      <c r="AX26" s="193">
        <v>0</v>
      </c>
      <c r="AY26" s="191">
        <v>12</v>
      </c>
      <c r="AZ26" s="191">
        <v>14</v>
      </c>
      <c r="BA26" s="191">
        <v>3</v>
      </c>
      <c r="BB26" s="191">
        <v>3</v>
      </c>
      <c r="BC26" s="191">
        <v>0</v>
      </c>
      <c r="BD26" s="196">
        <v>32</v>
      </c>
      <c r="BE26" s="195">
        <v>39</v>
      </c>
      <c r="BF26" s="190">
        <v>0</v>
      </c>
      <c r="BG26" s="191">
        <v>0</v>
      </c>
      <c r="BH26" s="196">
        <v>0</v>
      </c>
      <c r="BI26" s="193">
        <v>0</v>
      </c>
      <c r="BJ26" s="191">
        <v>1</v>
      </c>
      <c r="BK26" s="191">
        <v>6</v>
      </c>
      <c r="BL26" s="191">
        <v>6</v>
      </c>
      <c r="BM26" s="191">
        <v>4</v>
      </c>
      <c r="BN26" s="191">
        <v>2</v>
      </c>
      <c r="BO26" s="194">
        <v>19</v>
      </c>
      <c r="BP26" s="195">
        <v>19</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77</v>
      </c>
      <c r="AD27" s="191">
        <v>41</v>
      </c>
      <c r="AE27" s="191">
        <v>16</v>
      </c>
      <c r="AF27" s="191">
        <v>7</v>
      </c>
      <c r="AG27" s="191">
        <v>0</v>
      </c>
      <c r="AH27" s="196">
        <v>141</v>
      </c>
      <c r="AI27" s="195">
        <v>141</v>
      </c>
      <c r="AJ27" s="190">
        <v>0</v>
      </c>
      <c r="AK27" s="191">
        <v>0</v>
      </c>
      <c r="AL27" s="196">
        <v>0</v>
      </c>
      <c r="AM27" s="193">
        <v>0</v>
      </c>
      <c r="AN27" s="191">
        <v>0</v>
      </c>
      <c r="AO27" s="191">
        <v>0</v>
      </c>
      <c r="AP27" s="191">
        <v>0</v>
      </c>
      <c r="AQ27" s="191">
        <v>0</v>
      </c>
      <c r="AR27" s="191">
        <v>0</v>
      </c>
      <c r="AS27" s="196">
        <v>0</v>
      </c>
      <c r="AT27" s="195">
        <v>0</v>
      </c>
      <c r="AU27" s="190">
        <v>0</v>
      </c>
      <c r="AV27" s="191">
        <v>3</v>
      </c>
      <c r="AW27" s="196">
        <v>3</v>
      </c>
      <c r="AX27" s="193">
        <v>0</v>
      </c>
      <c r="AY27" s="191">
        <v>6</v>
      </c>
      <c r="AZ27" s="191">
        <v>4</v>
      </c>
      <c r="BA27" s="191">
        <v>2</v>
      </c>
      <c r="BB27" s="191">
        <v>4</v>
      </c>
      <c r="BC27" s="191">
        <v>0</v>
      </c>
      <c r="BD27" s="196">
        <v>16</v>
      </c>
      <c r="BE27" s="195">
        <v>19</v>
      </c>
      <c r="BF27" s="190">
        <v>0</v>
      </c>
      <c r="BG27" s="191">
        <v>0</v>
      </c>
      <c r="BH27" s="196">
        <v>0</v>
      </c>
      <c r="BI27" s="193">
        <v>0</v>
      </c>
      <c r="BJ27" s="191">
        <v>11</v>
      </c>
      <c r="BK27" s="191">
        <v>5</v>
      </c>
      <c r="BL27" s="191">
        <v>11</v>
      </c>
      <c r="BM27" s="191">
        <v>5</v>
      </c>
      <c r="BN27" s="191">
        <v>2</v>
      </c>
      <c r="BO27" s="194">
        <v>34</v>
      </c>
      <c r="BP27" s="195">
        <v>34</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3</v>
      </c>
      <c r="AD28" s="191">
        <v>49</v>
      </c>
      <c r="AE28" s="191">
        <v>30</v>
      </c>
      <c r="AF28" s="191">
        <v>13</v>
      </c>
      <c r="AG28" s="191">
        <v>6</v>
      </c>
      <c r="AH28" s="196">
        <v>151</v>
      </c>
      <c r="AI28" s="195">
        <v>151</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4</v>
      </c>
      <c r="AZ28" s="191">
        <v>7</v>
      </c>
      <c r="BA28" s="191">
        <v>6</v>
      </c>
      <c r="BB28" s="191">
        <v>1</v>
      </c>
      <c r="BC28" s="191">
        <v>4</v>
      </c>
      <c r="BD28" s="196">
        <v>22</v>
      </c>
      <c r="BE28" s="195">
        <v>22</v>
      </c>
      <c r="BF28" s="190">
        <v>0</v>
      </c>
      <c r="BG28" s="191">
        <v>0</v>
      </c>
      <c r="BH28" s="196">
        <v>0</v>
      </c>
      <c r="BI28" s="193">
        <v>0</v>
      </c>
      <c r="BJ28" s="191">
        <v>5</v>
      </c>
      <c r="BK28" s="191">
        <v>13</v>
      </c>
      <c r="BL28" s="191">
        <v>22</v>
      </c>
      <c r="BM28" s="191">
        <v>13</v>
      </c>
      <c r="BN28" s="191">
        <v>3</v>
      </c>
      <c r="BO28" s="194">
        <v>56</v>
      </c>
      <c r="BP28" s="195">
        <v>56</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6</v>
      </c>
      <c r="AD29" s="191">
        <v>17</v>
      </c>
      <c r="AE29" s="191">
        <v>9</v>
      </c>
      <c r="AF29" s="191">
        <v>2</v>
      </c>
      <c r="AG29" s="191">
        <v>1</v>
      </c>
      <c r="AH29" s="196">
        <v>65</v>
      </c>
      <c r="AI29" s="195">
        <v>65</v>
      </c>
      <c r="AJ29" s="190">
        <v>0</v>
      </c>
      <c r="AK29" s="191">
        <v>0</v>
      </c>
      <c r="AL29" s="196">
        <v>0</v>
      </c>
      <c r="AM29" s="193">
        <v>0</v>
      </c>
      <c r="AN29" s="191">
        <v>2</v>
      </c>
      <c r="AO29" s="191">
        <v>2</v>
      </c>
      <c r="AP29" s="191">
        <v>2</v>
      </c>
      <c r="AQ29" s="191">
        <v>1</v>
      </c>
      <c r="AR29" s="191">
        <v>0</v>
      </c>
      <c r="AS29" s="196">
        <v>7</v>
      </c>
      <c r="AT29" s="195">
        <v>7</v>
      </c>
      <c r="AU29" s="190">
        <v>0</v>
      </c>
      <c r="AV29" s="191">
        <v>0</v>
      </c>
      <c r="AW29" s="196">
        <v>0</v>
      </c>
      <c r="AX29" s="193">
        <v>0</v>
      </c>
      <c r="AY29" s="191">
        <v>12</v>
      </c>
      <c r="AZ29" s="191">
        <v>7</v>
      </c>
      <c r="BA29" s="191">
        <v>5</v>
      </c>
      <c r="BB29" s="191">
        <v>2</v>
      </c>
      <c r="BC29" s="191">
        <v>0</v>
      </c>
      <c r="BD29" s="196">
        <v>26</v>
      </c>
      <c r="BE29" s="195">
        <v>26</v>
      </c>
      <c r="BF29" s="190">
        <v>0</v>
      </c>
      <c r="BG29" s="191">
        <v>0</v>
      </c>
      <c r="BH29" s="196">
        <v>0</v>
      </c>
      <c r="BI29" s="193">
        <v>0</v>
      </c>
      <c r="BJ29" s="191">
        <v>5</v>
      </c>
      <c r="BK29" s="191">
        <v>9</v>
      </c>
      <c r="BL29" s="191">
        <v>8</v>
      </c>
      <c r="BM29" s="191">
        <v>6</v>
      </c>
      <c r="BN29" s="191">
        <v>4</v>
      </c>
      <c r="BO29" s="194">
        <v>32</v>
      </c>
      <c r="BP29" s="195">
        <v>32</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7</v>
      </c>
      <c r="CI29" s="191">
        <v>9</v>
      </c>
      <c r="CJ29" s="191">
        <v>6</v>
      </c>
      <c r="CK29" s="196">
        <v>22</v>
      </c>
      <c r="CL29" s="195">
        <v>22</v>
      </c>
      <c r="CM29" s="190">
        <v>0</v>
      </c>
      <c r="CN29" s="191">
        <v>0</v>
      </c>
      <c r="CO29" s="196">
        <v>0</v>
      </c>
      <c r="CP29" s="193">
        <v>0</v>
      </c>
      <c r="CQ29" s="191">
        <v>4</v>
      </c>
      <c r="CR29" s="191">
        <v>3</v>
      </c>
      <c r="CS29" s="191">
        <v>3</v>
      </c>
      <c r="CT29" s="191">
        <v>0</v>
      </c>
      <c r="CU29" s="191">
        <v>1</v>
      </c>
      <c r="CV29" s="196">
        <v>11</v>
      </c>
      <c r="CW29" s="195">
        <v>11</v>
      </c>
    </row>
    <row r="30" spans="2:101" ht="21" customHeight="1" x14ac:dyDescent="0.2">
      <c r="B30" s="106" t="s">
        <v>28</v>
      </c>
      <c r="C30" s="190">
        <v>0</v>
      </c>
      <c r="D30" s="196">
        <v>0</v>
      </c>
      <c r="E30" s="207">
        <v>0</v>
      </c>
      <c r="F30" s="193">
        <v>0</v>
      </c>
      <c r="G30" s="191">
        <v>0</v>
      </c>
      <c r="H30" s="191">
        <v>0</v>
      </c>
      <c r="I30" s="191">
        <v>0</v>
      </c>
      <c r="J30" s="191">
        <v>0</v>
      </c>
      <c r="K30" s="191">
        <v>1</v>
      </c>
      <c r="L30" s="194">
        <v>1</v>
      </c>
      <c r="M30" s="195">
        <v>1</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26</v>
      </c>
      <c r="AD30" s="191">
        <v>15</v>
      </c>
      <c r="AE30" s="191">
        <v>3</v>
      </c>
      <c r="AF30" s="191">
        <v>1</v>
      </c>
      <c r="AG30" s="191">
        <v>1</v>
      </c>
      <c r="AH30" s="196">
        <v>46</v>
      </c>
      <c r="AI30" s="195">
        <v>46</v>
      </c>
      <c r="AJ30" s="190">
        <v>0</v>
      </c>
      <c r="AK30" s="191">
        <v>0</v>
      </c>
      <c r="AL30" s="196">
        <v>0</v>
      </c>
      <c r="AM30" s="193">
        <v>0</v>
      </c>
      <c r="AN30" s="191">
        <v>4</v>
      </c>
      <c r="AO30" s="191">
        <v>3</v>
      </c>
      <c r="AP30" s="191">
        <v>1</v>
      </c>
      <c r="AQ30" s="191">
        <v>1</v>
      </c>
      <c r="AR30" s="191">
        <v>0</v>
      </c>
      <c r="AS30" s="196">
        <v>9</v>
      </c>
      <c r="AT30" s="195">
        <v>9</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2</v>
      </c>
      <c r="BK30" s="191">
        <v>5</v>
      </c>
      <c r="BL30" s="191">
        <v>3</v>
      </c>
      <c r="BM30" s="191">
        <v>3</v>
      </c>
      <c r="BN30" s="191">
        <v>4</v>
      </c>
      <c r="BO30" s="194">
        <v>17</v>
      </c>
      <c r="BP30" s="195">
        <v>17</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1</v>
      </c>
      <c r="CJ30" s="191">
        <v>0</v>
      </c>
      <c r="CK30" s="196">
        <v>1</v>
      </c>
      <c r="CL30" s="195">
        <v>1</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2</v>
      </c>
      <c r="H31" s="191">
        <v>0</v>
      </c>
      <c r="I31" s="191">
        <v>1</v>
      </c>
      <c r="J31" s="191">
        <v>0</v>
      </c>
      <c r="K31" s="191">
        <v>0</v>
      </c>
      <c r="L31" s="194">
        <v>3</v>
      </c>
      <c r="M31" s="195">
        <v>3</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11</v>
      </c>
      <c r="AD31" s="191">
        <v>19</v>
      </c>
      <c r="AE31" s="191">
        <v>10</v>
      </c>
      <c r="AF31" s="191">
        <v>4</v>
      </c>
      <c r="AG31" s="191">
        <v>0</v>
      </c>
      <c r="AH31" s="196">
        <v>44</v>
      </c>
      <c r="AI31" s="195">
        <v>44</v>
      </c>
      <c r="AJ31" s="190">
        <v>0</v>
      </c>
      <c r="AK31" s="191">
        <v>0</v>
      </c>
      <c r="AL31" s="196">
        <v>0</v>
      </c>
      <c r="AM31" s="193">
        <v>0</v>
      </c>
      <c r="AN31" s="191">
        <v>1</v>
      </c>
      <c r="AO31" s="191">
        <v>1</v>
      </c>
      <c r="AP31" s="191">
        <v>0</v>
      </c>
      <c r="AQ31" s="191">
        <v>0</v>
      </c>
      <c r="AR31" s="191">
        <v>0</v>
      </c>
      <c r="AS31" s="196">
        <v>2</v>
      </c>
      <c r="AT31" s="195">
        <v>2</v>
      </c>
      <c r="AU31" s="190">
        <v>0</v>
      </c>
      <c r="AV31" s="191">
        <v>0</v>
      </c>
      <c r="AW31" s="196">
        <v>0</v>
      </c>
      <c r="AX31" s="193">
        <v>0</v>
      </c>
      <c r="AY31" s="191">
        <v>4</v>
      </c>
      <c r="AZ31" s="191">
        <v>5</v>
      </c>
      <c r="BA31" s="191">
        <v>3</v>
      </c>
      <c r="BB31" s="191">
        <v>6</v>
      </c>
      <c r="BC31" s="191">
        <v>2</v>
      </c>
      <c r="BD31" s="196">
        <v>20</v>
      </c>
      <c r="BE31" s="195">
        <v>20</v>
      </c>
      <c r="BF31" s="190">
        <v>0</v>
      </c>
      <c r="BG31" s="191">
        <v>0</v>
      </c>
      <c r="BH31" s="196">
        <v>0</v>
      </c>
      <c r="BI31" s="193">
        <v>0</v>
      </c>
      <c r="BJ31" s="191">
        <v>6</v>
      </c>
      <c r="BK31" s="191">
        <v>12</v>
      </c>
      <c r="BL31" s="191">
        <v>11</v>
      </c>
      <c r="BM31" s="191">
        <v>2</v>
      </c>
      <c r="BN31" s="191">
        <v>1</v>
      </c>
      <c r="BO31" s="194">
        <v>32</v>
      </c>
      <c r="BP31" s="195">
        <v>32</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1</v>
      </c>
      <c r="CI31" s="191">
        <v>6</v>
      </c>
      <c r="CJ31" s="191">
        <v>7</v>
      </c>
      <c r="CK31" s="196">
        <v>24</v>
      </c>
      <c r="CL31" s="195">
        <v>24</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2</v>
      </c>
      <c r="I32" s="191">
        <v>1</v>
      </c>
      <c r="J32" s="191">
        <v>0</v>
      </c>
      <c r="K32" s="191">
        <v>0</v>
      </c>
      <c r="L32" s="194">
        <v>3</v>
      </c>
      <c r="M32" s="195">
        <v>3</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22</v>
      </c>
      <c r="AD32" s="191">
        <v>15</v>
      </c>
      <c r="AE32" s="191">
        <v>7</v>
      </c>
      <c r="AF32" s="191">
        <v>2</v>
      </c>
      <c r="AG32" s="191">
        <v>2</v>
      </c>
      <c r="AH32" s="196">
        <v>48</v>
      </c>
      <c r="AI32" s="195">
        <v>48</v>
      </c>
      <c r="AJ32" s="190">
        <v>0</v>
      </c>
      <c r="AK32" s="191">
        <v>0</v>
      </c>
      <c r="AL32" s="196">
        <v>0</v>
      </c>
      <c r="AM32" s="193">
        <v>0</v>
      </c>
      <c r="AN32" s="191">
        <v>1</v>
      </c>
      <c r="AO32" s="191">
        <v>1</v>
      </c>
      <c r="AP32" s="191">
        <v>0</v>
      </c>
      <c r="AQ32" s="191">
        <v>0</v>
      </c>
      <c r="AR32" s="191">
        <v>0</v>
      </c>
      <c r="AS32" s="196">
        <v>2</v>
      </c>
      <c r="AT32" s="195">
        <v>2</v>
      </c>
      <c r="AU32" s="190">
        <v>0</v>
      </c>
      <c r="AV32" s="191">
        <v>0</v>
      </c>
      <c r="AW32" s="196">
        <v>0</v>
      </c>
      <c r="AX32" s="193">
        <v>0</v>
      </c>
      <c r="AY32" s="191">
        <v>0</v>
      </c>
      <c r="AZ32" s="191">
        <v>0</v>
      </c>
      <c r="BA32" s="191">
        <v>1</v>
      </c>
      <c r="BB32" s="191">
        <v>0</v>
      </c>
      <c r="BC32" s="191">
        <v>0</v>
      </c>
      <c r="BD32" s="196">
        <v>1</v>
      </c>
      <c r="BE32" s="195">
        <v>1</v>
      </c>
      <c r="BF32" s="190">
        <v>0</v>
      </c>
      <c r="BG32" s="191">
        <v>0</v>
      </c>
      <c r="BH32" s="196">
        <v>0</v>
      </c>
      <c r="BI32" s="193">
        <v>0</v>
      </c>
      <c r="BJ32" s="191">
        <v>5</v>
      </c>
      <c r="BK32" s="191">
        <v>5</v>
      </c>
      <c r="BL32" s="191">
        <v>2</v>
      </c>
      <c r="BM32" s="191">
        <v>4</v>
      </c>
      <c r="BN32" s="191">
        <v>2</v>
      </c>
      <c r="BO32" s="194">
        <v>18</v>
      </c>
      <c r="BP32" s="195">
        <v>18</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1</v>
      </c>
      <c r="I33" s="191">
        <v>1</v>
      </c>
      <c r="J33" s="191">
        <v>0</v>
      </c>
      <c r="K33" s="191">
        <v>0</v>
      </c>
      <c r="L33" s="194">
        <v>2</v>
      </c>
      <c r="M33" s="195">
        <v>2</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27</v>
      </c>
      <c r="AD33" s="191">
        <v>18</v>
      </c>
      <c r="AE33" s="191">
        <v>6</v>
      </c>
      <c r="AF33" s="191">
        <v>2</v>
      </c>
      <c r="AG33" s="191">
        <v>0</v>
      </c>
      <c r="AH33" s="196">
        <v>53</v>
      </c>
      <c r="AI33" s="195">
        <v>53</v>
      </c>
      <c r="AJ33" s="190">
        <v>0</v>
      </c>
      <c r="AK33" s="191">
        <v>0</v>
      </c>
      <c r="AL33" s="196">
        <v>0</v>
      </c>
      <c r="AM33" s="193">
        <v>0</v>
      </c>
      <c r="AN33" s="191">
        <v>0</v>
      </c>
      <c r="AO33" s="191">
        <v>1</v>
      </c>
      <c r="AP33" s="191">
        <v>1</v>
      </c>
      <c r="AQ33" s="191">
        <v>1</v>
      </c>
      <c r="AR33" s="191">
        <v>0</v>
      </c>
      <c r="AS33" s="196">
        <v>3</v>
      </c>
      <c r="AT33" s="195">
        <v>3</v>
      </c>
      <c r="AU33" s="190">
        <v>0</v>
      </c>
      <c r="AV33" s="191">
        <v>0</v>
      </c>
      <c r="AW33" s="196">
        <v>0</v>
      </c>
      <c r="AX33" s="193">
        <v>0</v>
      </c>
      <c r="AY33" s="191">
        <v>6</v>
      </c>
      <c r="AZ33" s="191">
        <v>5</v>
      </c>
      <c r="BA33" s="191">
        <v>6</v>
      </c>
      <c r="BB33" s="191">
        <v>3</v>
      </c>
      <c r="BC33" s="191">
        <v>0</v>
      </c>
      <c r="BD33" s="196">
        <v>20</v>
      </c>
      <c r="BE33" s="195">
        <v>20</v>
      </c>
      <c r="BF33" s="190">
        <v>0</v>
      </c>
      <c r="BG33" s="191">
        <v>0</v>
      </c>
      <c r="BH33" s="196">
        <v>0</v>
      </c>
      <c r="BI33" s="193">
        <v>0</v>
      </c>
      <c r="BJ33" s="191">
        <v>7</v>
      </c>
      <c r="BK33" s="191">
        <v>11</v>
      </c>
      <c r="BL33" s="191">
        <v>11</v>
      </c>
      <c r="BM33" s="191">
        <v>10</v>
      </c>
      <c r="BN33" s="191">
        <v>5</v>
      </c>
      <c r="BO33" s="194">
        <v>44</v>
      </c>
      <c r="BP33" s="195">
        <v>4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1</v>
      </c>
      <c r="CK33" s="196">
        <v>2</v>
      </c>
      <c r="CL33" s="195">
        <v>2</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3</v>
      </c>
      <c r="I34" s="191">
        <v>1</v>
      </c>
      <c r="J34" s="191">
        <v>2</v>
      </c>
      <c r="K34" s="191">
        <v>0</v>
      </c>
      <c r="L34" s="194">
        <v>7</v>
      </c>
      <c r="M34" s="195">
        <v>7</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50</v>
      </c>
      <c r="AD34" s="191">
        <v>31</v>
      </c>
      <c r="AE34" s="191">
        <v>7</v>
      </c>
      <c r="AF34" s="191">
        <v>4</v>
      </c>
      <c r="AG34" s="191">
        <v>2</v>
      </c>
      <c r="AH34" s="196">
        <v>94</v>
      </c>
      <c r="AI34" s="195">
        <v>94</v>
      </c>
      <c r="AJ34" s="190">
        <v>0</v>
      </c>
      <c r="AK34" s="191">
        <v>0</v>
      </c>
      <c r="AL34" s="196">
        <v>0</v>
      </c>
      <c r="AM34" s="193">
        <v>0</v>
      </c>
      <c r="AN34" s="191">
        <v>5</v>
      </c>
      <c r="AO34" s="191">
        <v>1</v>
      </c>
      <c r="AP34" s="191">
        <v>2</v>
      </c>
      <c r="AQ34" s="191">
        <v>0</v>
      </c>
      <c r="AR34" s="191">
        <v>1</v>
      </c>
      <c r="AS34" s="196">
        <v>9</v>
      </c>
      <c r="AT34" s="195">
        <v>9</v>
      </c>
      <c r="AU34" s="190">
        <v>0</v>
      </c>
      <c r="AV34" s="191">
        <v>1</v>
      </c>
      <c r="AW34" s="196">
        <v>1</v>
      </c>
      <c r="AX34" s="193">
        <v>0</v>
      </c>
      <c r="AY34" s="191">
        <v>10</v>
      </c>
      <c r="AZ34" s="191">
        <v>3</v>
      </c>
      <c r="BA34" s="191">
        <v>3</v>
      </c>
      <c r="BB34" s="191">
        <v>4</v>
      </c>
      <c r="BC34" s="191">
        <v>0</v>
      </c>
      <c r="BD34" s="196">
        <v>20</v>
      </c>
      <c r="BE34" s="195">
        <v>21</v>
      </c>
      <c r="BF34" s="190">
        <v>0</v>
      </c>
      <c r="BG34" s="191">
        <v>1</v>
      </c>
      <c r="BH34" s="196">
        <v>1</v>
      </c>
      <c r="BI34" s="193">
        <v>0</v>
      </c>
      <c r="BJ34" s="191">
        <v>2</v>
      </c>
      <c r="BK34" s="191">
        <v>4</v>
      </c>
      <c r="BL34" s="191">
        <v>8</v>
      </c>
      <c r="BM34" s="191">
        <v>12</v>
      </c>
      <c r="BN34" s="191">
        <v>4</v>
      </c>
      <c r="BO34" s="194">
        <v>30</v>
      </c>
      <c r="BP34" s="195">
        <v>3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1</v>
      </c>
      <c r="CG34" s="191">
        <v>0</v>
      </c>
      <c r="CH34" s="191">
        <v>13</v>
      </c>
      <c r="CI34" s="191">
        <v>7</v>
      </c>
      <c r="CJ34" s="191">
        <v>5</v>
      </c>
      <c r="CK34" s="196">
        <v>26</v>
      </c>
      <c r="CL34" s="195">
        <v>26</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6</v>
      </c>
      <c r="AD35" s="191">
        <v>8</v>
      </c>
      <c r="AE35" s="191">
        <v>4</v>
      </c>
      <c r="AF35" s="191">
        <v>3</v>
      </c>
      <c r="AG35" s="191">
        <v>1</v>
      </c>
      <c r="AH35" s="196">
        <v>42</v>
      </c>
      <c r="AI35" s="195">
        <v>4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1</v>
      </c>
      <c r="BH35" s="196">
        <v>1</v>
      </c>
      <c r="BI35" s="193">
        <v>0</v>
      </c>
      <c r="BJ35" s="191">
        <v>3</v>
      </c>
      <c r="BK35" s="191">
        <v>2</v>
      </c>
      <c r="BL35" s="191">
        <v>9</v>
      </c>
      <c r="BM35" s="191">
        <v>2</v>
      </c>
      <c r="BN35" s="191">
        <v>1</v>
      </c>
      <c r="BO35" s="194">
        <v>17</v>
      </c>
      <c r="BP35" s="195">
        <v>18</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4</v>
      </c>
      <c r="AD36" s="191">
        <v>5</v>
      </c>
      <c r="AE36" s="191">
        <v>1</v>
      </c>
      <c r="AF36" s="191">
        <v>2</v>
      </c>
      <c r="AG36" s="191">
        <v>0</v>
      </c>
      <c r="AH36" s="196">
        <v>22</v>
      </c>
      <c r="AI36" s="195">
        <v>22</v>
      </c>
      <c r="AJ36" s="190">
        <v>0</v>
      </c>
      <c r="AK36" s="191">
        <v>0</v>
      </c>
      <c r="AL36" s="196">
        <v>0</v>
      </c>
      <c r="AM36" s="193">
        <v>0</v>
      </c>
      <c r="AN36" s="191">
        <v>0</v>
      </c>
      <c r="AO36" s="191">
        <v>0</v>
      </c>
      <c r="AP36" s="191">
        <v>0</v>
      </c>
      <c r="AQ36" s="191">
        <v>0</v>
      </c>
      <c r="AR36" s="191">
        <v>1</v>
      </c>
      <c r="AS36" s="196">
        <v>1</v>
      </c>
      <c r="AT36" s="195">
        <v>1</v>
      </c>
      <c r="AU36" s="190">
        <v>1</v>
      </c>
      <c r="AV36" s="191">
        <v>3</v>
      </c>
      <c r="AW36" s="196">
        <v>4</v>
      </c>
      <c r="AX36" s="193">
        <v>0</v>
      </c>
      <c r="AY36" s="191">
        <v>9</v>
      </c>
      <c r="AZ36" s="191">
        <v>7</v>
      </c>
      <c r="BA36" s="191">
        <v>4</v>
      </c>
      <c r="BB36" s="191">
        <v>2</v>
      </c>
      <c r="BC36" s="191">
        <v>0</v>
      </c>
      <c r="BD36" s="196">
        <v>22</v>
      </c>
      <c r="BE36" s="195">
        <v>26</v>
      </c>
      <c r="BF36" s="190">
        <v>0</v>
      </c>
      <c r="BG36" s="191">
        <v>0</v>
      </c>
      <c r="BH36" s="196">
        <v>0</v>
      </c>
      <c r="BI36" s="193">
        <v>0</v>
      </c>
      <c r="BJ36" s="191">
        <v>8</v>
      </c>
      <c r="BK36" s="191">
        <v>4</v>
      </c>
      <c r="BL36" s="191">
        <v>0</v>
      </c>
      <c r="BM36" s="191">
        <v>4</v>
      </c>
      <c r="BN36" s="191">
        <v>2</v>
      </c>
      <c r="BO36" s="194">
        <v>18</v>
      </c>
      <c r="BP36" s="195">
        <v>18</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10</v>
      </c>
      <c r="CR36" s="191">
        <v>6</v>
      </c>
      <c r="CS36" s="191">
        <v>5</v>
      </c>
      <c r="CT36" s="191">
        <v>2</v>
      </c>
      <c r="CU36" s="191">
        <v>2</v>
      </c>
      <c r="CV36" s="196">
        <v>25</v>
      </c>
      <c r="CW36" s="195">
        <v>25</v>
      </c>
    </row>
    <row r="37" spans="2:101" ht="21" customHeight="1" x14ac:dyDescent="0.2">
      <c r="B37" s="106" t="s">
        <v>35</v>
      </c>
      <c r="C37" s="190">
        <v>0</v>
      </c>
      <c r="D37" s="196">
        <v>0</v>
      </c>
      <c r="E37" s="207">
        <v>0</v>
      </c>
      <c r="F37" s="193">
        <v>0</v>
      </c>
      <c r="G37" s="191">
        <v>1</v>
      </c>
      <c r="H37" s="191">
        <v>1</v>
      </c>
      <c r="I37" s="191">
        <v>2</v>
      </c>
      <c r="J37" s="191">
        <v>0</v>
      </c>
      <c r="K37" s="191">
        <v>1</v>
      </c>
      <c r="L37" s="194">
        <v>5</v>
      </c>
      <c r="M37" s="195">
        <v>5</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7</v>
      </c>
      <c r="AD37" s="191">
        <v>8</v>
      </c>
      <c r="AE37" s="191">
        <v>11</v>
      </c>
      <c r="AF37" s="191">
        <v>9</v>
      </c>
      <c r="AG37" s="191">
        <v>2</v>
      </c>
      <c r="AH37" s="196">
        <v>47</v>
      </c>
      <c r="AI37" s="195">
        <v>47</v>
      </c>
      <c r="AJ37" s="190">
        <v>0</v>
      </c>
      <c r="AK37" s="191">
        <v>0</v>
      </c>
      <c r="AL37" s="196">
        <v>0</v>
      </c>
      <c r="AM37" s="193">
        <v>0</v>
      </c>
      <c r="AN37" s="191">
        <v>0</v>
      </c>
      <c r="AO37" s="191">
        <v>0</v>
      </c>
      <c r="AP37" s="191">
        <v>0</v>
      </c>
      <c r="AQ37" s="191">
        <v>0</v>
      </c>
      <c r="AR37" s="191">
        <v>0</v>
      </c>
      <c r="AS37" s="196">
        <v>0</v>
      </c>
      <c r="AT37" s="195">
        <v>0</v>
      </c>
      <c r="AU37" s="190">
        <v>3</v>
      </c>
      <c r="AV37" s="191">
        <v>3</v>
      </c>
      <c r="AW37" s="196">
        <v>6</v>
      </c>
      <c r="AX37" s="193">
        <v>0</v>
      </c>
      <c r="AY37" s="191">
        <v>10</v>
      </c>
      <c r="AZ37" s="191">
        <v>7</v>
      </c>
      <c r="BA37" s="191">
        <v>10</v>
      </c>
      <c r="BB37" s="191">
        <v>4</v>
      </c>
      <c r="BC37" s="191">
        <v>1</v>
      </c>
      <c r="BD37" s="196">
        <v>32</v>
      </c>
      <c r="BE37" s="195">
        <v>38</v>
      </c>
      <c r="BF37" s="190">
        <v>0</v>
      </c>
      <c r="BG37" s="191">
        <v>0</v>
      </c>
      <c r="BH37" s="196">
        <v>0</v>
      </c>
      <c r="BI37" s="193">
        <v>0</v>
      </c>
      <c r="BJ37" s="191">
        <v>17</v>
      </c>
      <c r="BK37" s="191">
        <v>13</v>
      </c>
      <c r="BL37" s="191">
        <v>13</v>
      </c>
      <c r="BM37" s="191">
        <v>10</v>
      </c>
      <c r="BN37" s="191">
        <v>6</v>
      </c>
      <c r="BO37" s="194">
        <v>59</v>
      </c>
      <c r="BP37" s="195">
        <v>59</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1</v>
      </c>
      <c r="I38" s="191">
        <v>1</v>
      </c>
      <c r="J38" s="191">
        <v>0</v>
      </c>
      <c r="K38" s="191">
        <v>0</v>
      </c>
      <c r="L38" s="194">
        <v>2</v>
      </c>
      <c r="M38" s="195">
        <v>2</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74</v>
      </c>
      <c r="AD38" s="191">
        <v>47</v>
      </c>
      <c r="AE38" s="191">
        <v>35</v>
      </c>
      <c r="AF38" s="191">
        <v>13</v>
      </c>
      <c r="AG38" s="191">
        <v>16</v>
      </c>
      <c r="AH38" s="196">
        <v>185</v>
      </c>
      <c r="AI38" s="195">
        <v>18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17</v>
      </c>
      <c r="AZ38" s="191">
        <v>11</v>
      </c>
      <c r="BA38" s="191">
        <v>8</v>
      </c>
      <c r="BB38" s="191">
        <v>3</v>
      </c>
      <c r="BC38" s="191">
        <v>2</v>
      </c>
      <c r="BD38" s="196">
        <v>41</v>
      </c>
      <c r="BE38" s="195">
        <v>41</v>
      </c>
      <c r="BF38" s="190">
        <v>0</v>
      </c>
      <c r="BG38" s="191">
        <v>0</v>
      </c>
      <c r="BH38" s="196">
        <v>0</v>
      </c>
      <c r="BI38" s="193">
        <v>0</v>
      </c>
      <c r="BJ38" s="191">
        <v>5</v>
      </c>
      <c r="BK38" s="191">
        <v>21</v>
      </c>
      <c r="BL38" s="191">
        <v>11</v>
      </c>
      <c r="BM38" s="191">
        <v>9</v>
      </c>
      <c r="BN38" s="191">
        <v>4</v>
      </c>
      <c r="BO38" s="194">
        <v>50</v>
      </c>
      <c r="BP38" s="195">
        <v>50</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1</v>
      </c>
      <c r="K39" s="198">
        <v>0</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11</v>
      </c>
      <c r="AD39" s="198">
        <v>8</v>
      </c>
      <c r="AE39" s="198">
        <v>7</v>
      </c>
      <c r="AF39" s="198">
        <v>1</v>
      </c>
      <c r="AG39" s="198">
        <v>2</v>
      </c>
      <c r="AH39" s="203">
        <v>29</v>
      </c>
      <c r="AI39" s="202">
        <v>29</v>
      </c>
      <c r="AJ39" s="197">
        <v>0</v>
      </c>
      <c r="AK39" s="198">
        <v>0</v>
      </c>
      <c r="AL39" s="203">
        <v>0</v>
      </c>
      <c r="AM39" s="200">
        <v>0</v>
      </c>
      <c r="AN39" s="198">
        <v>1</v>
      </c>
      <c r="AO39" s="198">
        <v>0</v>
      </c>
      <c r="AP39" s="198">
        <v>0</v>
      </c>
      <c r="AQ39" s="198">
        <v>0</v>
      </c>
      <c r="AR39" s="198">
        <v>0</v>
      </c>
      <c r="AS39" s="203">
        <v>1</v>
      </c>
      <c r="AT39" s="202">
        <v>1</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3</v>
      </c>
      <c r="BK39" s="198">
        <v>1</v>
      </c>
      <c r="BL39" s="198">
        <v>2</v>
      </c>
      <c r="BM39" s="198">
        <v>6</v>
      </c>
      <c r="BN39" s="198">
        <v>2</v>
      </c>
      <c r="BO39" s="201">
        <v>14</v>
      </c>
      <c r="BP39" s="202">
        <v>14</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8.554687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1</v>
      </c>
      <c r="L1" s="447">
        <f>IF(K1&lt;3,K1+12-2,K1-2)</f>
        <v>9</v>
      </c>
      <c r="M1" s="447"/>
    </row>
    <row r="2" spans="2:101" s="71" customFormat="1" ht="24" customHeight="1" thickBot="1" x14ac:dyDescent="0.25">
      <c r="B2" s="142" t="s">
        <v>128</v>
      </c>
    </row>
    <row r="3" spans="2:101" ht="21" customHeight="1" thickBot="1" x14ac:dyDescent="0.25">
      <c r="B3" s="478"/>
      <c r="C3" s="472" t="s">
        <v>94</v>
      </c>
      <c r="D3" s="473"/>
      <c r="E3" s="473"/>
      <c r="F3" s="473"/>
      <c r="G3" s="473"/>
      <c r="H3" s="473"/>
      <c r="I3" s="473"/>
      <c r="J3" s="473"/>
      <c r="K3" s="473"/>
      <c r="L3" s="473"/>
      <c r="M3" s="474"/>
      <c r="N3" s="472" t="s">
        <v>88</v>
      </c>
      <c r="O3" s="473"/>
      <c r="P3" s="473"/>
      <c r="Q3" s="473"/>
      <c r="R3" s="473"/>
      <c r="S3" s="473"/>
      <c r="T3" s="473"/>
      <c r="U3" s="473"/>
      <c r="V3" s="473"/>
      <c r="W3" s="473"/>
      <c r="X3" s="474"/>
      <c r="Y3" s="472" t="s">
        <v>139</v>
      </c>
      <c r="Z3" s="473"/>
      <c r="AA3" s="473"/>
      <c r="AB3" s="473"/>
      <c r="AC3" s="473"/>
      <c r="AD3" s="473"/>
      <c r="AE3" s="473"/>
      <c r="AF3" s="473"/>
      <c r="AG3" s="473"/>
      <c r="AH3" s="473"/>
      <c r="AI3" s="474"/>
      <c r="AJ3" s="472" t="s">
        <v>90</v>
      </c>
      <c r="AK3" s="473"/>
      <c r="AL3" s="473"/>
      <c r="AM3" s="473"/>
      <c r="AN3" s="473"/>
      <c r="AO3" s="473"/>
      <c r="AP3" s="473"/>
      <c r="AQ3" s="473"/>
      <c r="AR3" s="473"/>
      <c r="AS3" s="473"/>
      <c r="AT3" s="474"/>
      <c r="AU3" s="481" t="s">
        <v>89</v>
      </c>
      <c r="AV3" s="482"/>
      <c r="AW3" s="482"/>
      <c r="AX3" s="482"/>
      <c r="AY3" s="482"/>
      <c r="AZ3" s="482"/>
      <c r="BA3" s="482"/>
      <c r="BB3" s="482"/>
      <c r="BC3" s="482"/>
      <c r="BD3" s="482"/>
      <c r="BE3" s="483"/>
      <c r="BF3" s="481" t="s">
        <v>91</v>
      </c>
      <c r="BG3" s="482"/>
      <c r="BH3" s="482"/>
      <c r="BI3" s="482"/>
      <c r="BJ3" s="482"/>
      <c r="BK3" s="482"/>
      <c r="BL3" s="482"/>
      <c r="BM3" s="482"/>
      <c r="BN3" s="482"/>
      <c r="BO3" s="482"/>
      <c r="BP3" s="483"/>
      <c r="BQ3" s="481" t="s">
        <v>92</v>
      </c>
      <c r="BR3" s="482"/>
      <c r="BS3" s="482"/>
      <c r="BT3" s="482"/>
      <c r="BU3" s="482"/>
      <c r="BV3" s="482"/>
      <c r="BW3" s="482"/>
      <c r="BX3" s="482"/>
      <c r="BY3" s="482"/>
      <c r="BZ3" s="482"/>
      <c r="CA3" s="483"/>
      <c r="CB3" s="481" t="s">
        <v>93</v>
      </c>
      <c r="CC3" s="482"/>
      <c r="CD3" s="482"/>
      <c r="CE3" s="482"/>
      <c r="CF3" s="482"/>
      <c r="CG3" s="482"/>
      <c r="CH3" s="482"/>
      <c r="CI3" s="482"/>
      <c r="CJ3" s="482"/>
      <c r="CK3" s="482"/>
      <c r="CL3" s="483"/>
      <c r="CM3" s="482" t="s">
        <v>138</v>
      </c>
      <c r="CN3" s="482"/>
      <c r="CO3" s="482"/>
      <c r="CP3" s="482"/>
      <c r="CQ3" s="482"/>
      <c r="CR3" s="482"/>
      <c r="CS3" s="482"/>
      <c r="CT3" s="482"/>
      <c r="CU3" s="482"/>
      <c r="CV3" s="482"/>
      <c r="CW3" s="483"/>
    </row>
    <row r="4" spans="2:101" ht="21" customHeight="1" x14ac:dyDescent="0.2">
      <c r="B4" s="479"/>
      <c r="C4" s="465" t="s">
        <v>61</v>
      </c>
      <c r="D4" s="466"/>
      <c r="E4" s="467"/>
      <c r="F4" s="468" t="s">
        <v>62</v>
      </c>
      <c r="G4" s="466"/>
      <c r="H4" s="466"/>
      <c r="I4" s="466"/>
      <c r="J4" s="466"/>
      <c r="K4" s="466"/>
      <c r="L4" s="471"/>
      <c r="M4" s="469" t="s">
        <v>52</v>
      </c>
      <c r="N4" s="465" t="s">
        <v>61</v>
      </c>
      <c r="O4" s="466"/>
      <c r="P4" s="467"/>
      <c r="Q4" s="468" t="s">
        <v>62</v>
      </c>
      <c r="R4" s="466"/>
      <c r="S4" s="466"/>
      <c r="T4" s="466"/>
      <c r="U4" s="466"/>
      <c r="V4" s="466"/>
      <c r="W4" s="467"/>
      <c r="X4" s="469" t="s">
        <v>52</v>
      </c>
      <c r="Y4" s="465" t="s">
        <v>61</v>
      </c>
      <c r="Z4" s="466"/>
      <c r="AA4" s="467"/>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93" t="s">
        <v>61</v>
      </c>
      <c r="AV4" s="491"/>
      <c r="AW4" s="492"/>
      <c r="AX4" s="490" t="s">
        <v>62</v>
      </c>
      <c r="AY4" s="491"/>
      <c r="AZ4" s="491"/>
      <c r="BA4" s="491"/>
      <c r="BB4" s="491"/>
      <c r="BC4" s="491"/>
      <c r="BD4" s="492"/>
      <c r="BE4" s="494" t="s">
        <v>52</v>
      </c>
      <c r="BF4" s="493" t="s">
        <v>61</v>
      </c>
      <c r="BG4" s="491"/>
      <c r="BH4" s="492"/>
      <c r="BI4" s="490" t="s">
        <v>62</v>
      </c>
      <c r="BJ4" s="491"/>
      <c r="BK4" s="491"/>
      <c r="BL4" s="491"/>
      <c r="BM4" s="491"/>
      <c r="BN4" s="491"/>
      <c r="BO4" s="492"/>
      <c r="BP4" s="494" t="s">
        <v>52</v>
      </c>
      <c r="BQ4" s="493" t="s">
        <v>61</v>
      </c>
      <c r="BR4" s="491"/>
      <c r="BS4" s="492"/>
      <c r="BT4" s="490" t="s">
        <v>62</v>
      </c>
      <c r="BU4" s="491"/>
      <c r="BV4" s="491"/>
      <c r="BW4" s="491"/>
      <c r="BX4" s="491"/>
      <c r="BY4" s="491"/>
      <c r="BZ4" s="492"/>
      <c r="CA4" s="494" t="s">
        <v>52</v>
      </c>
      <c r="CB4" s="493" t="s">
        <v>61</v>
      </c>
      <c r="CC4" s="491"/>
      <c r="CD4" s="492"/>
      <c r="CE4" s="490" t="s">
        <v>62</v>
      </c>
      <c r="CF4" s="491"/>
      <c r="CG4" s="491"/>
      <c r="CH4" s="491"/>
      <c r="CI4" s="491"/>
      <c r="CJ4" s="491"/>
      <c r="CK4" s="492"/>
      <c r="CL4" s="494" t="s">
        <v>52</v>
      </c>
      <c r="CM4" s="493" t="s">
        <v>61</v>
      </c>
      <c r="CN4" s="491"/>
      <c r="CO4" s="492"/>
      <c r="CP4" s="490" t="s">
        <v>62</v>
      </c>
      <c r="CQ4" s="491"/>
      <c r="CR4" s="491"/>
      <c r="CS4" s="491"/>
      <c r="CT4" s="491"/>
      <c r="CU4" s="491"/>
      <c r="CV4" s="492"/>
      <c r="CW4" s="494" t="s">
        <v>52</v>
      </c>
    </row>
    <row r="5" spans="2:101" ht="30" customHeight="1" thickBot="1" x14ac:dyDescent="0.25">
      <c r="B5" s="480"/>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95"/>
      <c r="BF5" s="177" t="s">
        <v>43</v>
      </c>
      <c r="BG5" s="178" t="s">
        <v>44</v>
      </c>
      <c r="BH5" s="182" t="s">
        <v>45</v>
      </c>
      <c r="BI5" s="180" t="s">
        <v>83</v>
      </c>
      <c r="BJ5" s="178" t="s">
        <v>47</v>
      </c>
      <c r="BK5" s="178" t="s">
        <v>48</v>
      </c>
      <c r="BL5" s="178" t="s">
        <v>49</v>
      </c>
      <c r="BM5" s="178" t="s">
        <v>50</v>
      </c>
      <c r="BN5" s="178" t="s">
        <v>51</v>
      </c>
      <c r="BO5" s="182" t="s">
        <v>45</v>
      </c>
      <c r="BP5" s="495"/>
      <c r="BQ5" s="177" t="s">
        <v>43</v>
      </c>
      <c r="BR5" s="178" t="s">
        <v>44</v>
      </c>
      <c r="BS5" s="182" t="s">
        <v>45</v>
      </c>
      <c r="BT5" s="180" t="s">
        <v>83</v>
      </c>
      <c r="BU5" s="178" t="s">
        <v>47</v>
      </c>
      <c r="BV5" s="178" t="s">
        <v>48</v>
      </c>
      <c r="BW5" s="178" t="s">
        <v>49</v>
      </c>
      <c r="BX5" s="178" t="s">
        <v>50</v>
      </c>
      <c r="BY5" s="178" t="s">
        <v>51</v>
      </c>
      <c r="BZ5" s="182" t="s">
        <v>45</v>
      </c>
      <c r="CA5" s="495"/>
      <c r="CB5" s="177" t="s">
        <v>43</v>
      </c>
      <c r="CC5" s="178" t="s">
        <v>44</v>
      </c>
      <c r="CD5" s="182" t="s">
        <v>45</v>
      </c>
      <c r="CE5" s="180" t="s">
        <v>83</v>
      </c>
      <c r="CF5" s="178" t="s">
        <v>47</v>
      </c>
      <c r="CG5" s="178" t="s">
        <v>48</v>
      </c>
      <c r="CH5" s="178" t="s">
        <v>49</v>
      </c>
      <c r="CI5" s="178" t="s">
        <v>50</v>
      </c>
      <c r="CJ5" s="178" t="s">
        <v>51</v>
      </c>
      <c r="CK5" s="182" t="s">
        <v>45</v>
      </c>
      <c r="CL5" s="495"/>
      <c r="CM5" s="177" t="s">
        <v>43</v>
      </c>
      <c r="CN5" s="178" t="s">
        <v>44</v>
      </c>
      <c r="CO5" s="182" t="s">
        <v>45</v>
      </c>
      <c r="CP5" s="180" t="s">
        <v>83</v>
      </c>
      <c r="CQ5" s="178" t="s">
        <v>47</v>
      </c>
      <c r="CR5" s="178" t="s">
        <v>48</v>
      </c>
      <c r="CS5" s="178" t="s">
        <v>49</v>
      </c>
      <c r="CT5" s="178" t="s">
        <v>50</v>
      </c>
      <c r="CU5" s="178" t="s">
        <v>51</v>
      </c>
      <c r="CV5" s="182" t="s">
        <v>45</v>
      </c>
      <c r="CW5" s="495"/>
    </row>
    <row r="6" spans="2:101" ht="21" customHeight="1" x14ac:dyDescent="0.2">
      <c r="B6" s="84" t="s">
        <v>4</v>
      </c>
      <c r="C6" s="183">
        <v>0</v>
      </c>
      <c r="D6" s="189">
        <v>0</v>
      </c>
      <c r="E6" s="206">
        <v>0</v>
      </c>
      <c r="F6" s="186">
        <v>0</v>
      </c>
      <c r="G6" s="184">
        <v>22</v>
      </c>
      <c r="H6" s="184">
        <v>26</v>
      </c>
      <c r="I6" s="184">
        <v>28</v>
      </c>
      <c r="J6" s="184">
        <v>27</v>
      </c>
      <c r="K6" s="184">
        <v>19</v>
      </c>
      <c r="L6" s="187">
        <v>122</v>
      </c>
      <c r="M6" s="188">
        <v>122</v>
      </c>
      <c r="N6" s="183">
        <v>0</v>
      </c>
      <c r="O6" s="184">
        <v>0</v>
      </c>
      <c r="P6" s="189">
        <v>0</v>
      </c>
      <c r="Q6" s="186">
        <v>0</v>
      </c>
      <c r="R6" s="184">
        <v>13</v>
      </c>
      <c r="S6" s="184">
        <v>22</v>
      </c>
      <c r="T6" s="184">
        <v>34</v>
      </c>
      <c r="U6" s="184">
        <v>37</v>
      </c>
      <c r="V6" s="184">
        <v>28</v>
      </c>
      <c r="W6" s="189">
        <v>134</v>
      </c>
      <c r="X6" s="188">
        <v>134</v>
      </c>
      <c r="Y6" s="183">
        <v>0</v>
      </c>
      <c r="Z6" s="184">
        <v>0</v>
      </c>
      <c r="AA6" s="189">
        <v>0</v>
      </c>
      <c r="AB6" s="186">
        <v>0</v>
      </c>
      <c r="AC6" s="184">
        <v>1045</v>
      </c>
      <c r="AD6" s="184">
        <v>932</v>
      </c>
      <c r="AE6" s="184">
        <v>359</v>
      </c>
      <c r="AF6" s="184">
        <v>153</v>
      </c>
      <c r="AG6" s="184">
        <v>70</v>
      </c>
      <c r="AH6" s="189">
        <v>2559</v>
      </c>
      <c r="AI6" s="188">
        <v>2559</v>
      </c>
      <c r="AJ6" s="183">
        <v>0</v>
      </c>
      <c r="AK6" s="184">
        <v>0</v>
      </c>
      <c r="AL6" s="189">
        <v>0</v>
      </c>
      <c r="AM6" s="186">
        <v>0</v>
      </c>
      <c r="AN6" s="184">
        <v>64</v>
      </c>
      <c r="AO6" s="184">
        <v>71</v>
      </c>
      <c r="AP6" s="184">
        <v>72</v>
      </c>
      <c r="AQ6" s="184">
        <v>29</v>
      </c>
      <c r="AR6" s="184">
        <v>19</v>
      </c>
      <c r="AS6" s="189">
        <v>255</v>
      </c>
      <c r="AT6" s="188">
        <v>255</v>
      </c>
      <c r="AU6" s="183">
        <v>8</v>
      </c>
      <c r="AV6" s="184">
        <v>7</v>
      </c>
      <c r="AW6" s="189">
        <v>15</v>
      </c>
      <c r="AX6" s="186">
        <v>0</v>
      </c>
      <c r="AY6" s="184">
        <v>69</v>
      </c>
      <c r="AZ6" s="184">
        <v>84</v>
      </c>
      <c r="BA6" s="184">
        <v>62</v>
      </c>
      <c r="BB6" s="184">
        <v>56</v>
      </c>
      <c r="BC6" s="184">
        <v>29</v>
      </c>
      <c r="BD6" s="189">
        <v>300</v>
      </c>
      <c r="BE6" s="188">
        <v>315</v>
      </c>
      <c r="BF6" s="183">
        <v>0</v>
      </c>
      <c r="BG6" s="184">
        <v>1</v>
      </c>
      <c r="BH6" s="189">
        <v>1</v>
      </c>
      <c r="BI6" s="186">
        <v>0</v>
      </c>
      <c r="BJ6" s="184">
        <v>101</v>
      </c>
      <c r="BK6" s="184">
        <v>138</v>
      </c>
      <c r="BL6" s="184">
        <v>152</v>
      </c>
      <c r="BM6" s="184">
        <v>109</v>
      </c>
      <c r="BN6" s="184">
        <v>58</v>
      </c>
      <c r="BO6" s="187">
        <v>558</v>
      </c>
      <c r="BP6" s="188">
        <v>559</v>
      </c>
      <c r="BQ6" s="183">
        <v>0</v>
      </c>
      <c r="BR6" s="184">
        <v>0</v>
      </c>
      <c r="BS6" s="189">
        <v>0</v>
      </c>
      <c r="BT6" s="186">
        <v>0</v>
      </c>
      <c r="BU6" s="184">
        <v>4</v>
      </c>
      <c r="BV6" s="184">
        <v>5</v>
      </c>
      <c r="BW6" s="184">
        <v>3</v>
      </c>
      <c r="BX6" s="184">
        <v>5</v>
      </c>
      <c r="BY6" s="184">
        <v>6</v>
      </c>
      <c r="BZ6" s="189">
        <v>23</v>
      </c>
      <c r="CA6" s="188">
        <v>23</v>
      </c>
      <c r="CB6" s="183">
        <v>0</v>
      </c>
      <c r="CC6" s="184">
        <v>0</v>
      </c>
      <c r="CD6" s="189">
        <v>0</v>
      </c>
      <c r="CE6" s="186">
        <v>0</v>
      </c>
      <c r="CF6" s="184">
        <v>1</v>
      </c>
      <c r="CG6" s="184">
        <v>3</v>
      </c>
      <c r="CH6" s="184">
        <v>11</v>
      </c>
      <c r="CI6" s="184">
        <v>27</v>
      </c>
      <c r="CJ6" s="184">
        <v>15</v>
      </c>
      <c r="CK6" s="189">
        <v>57</v>
      </c>
      <c r="CL6" s="188">
        <v>57</v>
      </c>
      <c r="CM6" s="183">
        <v>0</v>
      </c>
      <c r="CN6" s="184">
        <v>0</v>
      </c>
      <c r="CO6" s="189">
        <v>0</v>
      </c>
      <c r="CP6" s="186">
        <v>0</v>
      </c>
      <c r="CQ6" s="184">
        <v>19</v>
      </c>
      <c r="CR6" s="184">
        <v>20</v>
      </c>
      <c r="CS6" s="184">
        <v>27</v>
      </c>
      <c r="CT6" s="184">
        <v>27</v>
      </c>
      <c r="CU6" s="184">
        <v>24</v>
      </c>
      <c r="CV6" s="189">
        <v>117</v>
      </c>
      <c r="CW6" s="188">
        <v>117</v>
      </c>
    </row>
    <row r="7" spans="2:101" ht="21" customHeight="1" x14ac:dyDescent="0.2">
      <c r="B7" s="95" t="s">
        <v>5</v>
      </c>
      <c r="C7" s="190">
        <v>0</v>
      </c>
      <c r="D7" s="196">
        <v>0</v>
      </c>
      <c r="E7" s="207">
        <v>0</v>
      </c>
      <c r="F7" s="193">
        <v>0</v>
      </c>
      <c r="G7" s="191">
        <v>9</v>
      </c>
      <c r="H7" s="191">
        <v>16</v>
      </c>
      <c r="I7" s="191">
        <v>12</v>
      </c>
      <c r="J7" s="191">
        <v>15</v>
      </c>
      <c r="K7" s="191">
        <v>11</v>
      </c>
      <c r="L7" s="194">
        <v>63</v>
      </c>
      <c r="M7" s="195">
        <v>63</v>
      </c>
      <c r="N7" s="190">
        <v>0</v>
      </c>
      <c r="O7" s="191">
        <v>0</v>
      </c>
      <c r="P7" s="196">
        <v>0</v>
      </c>
      <c r="Q7" s="193">
        <v>0</v>
      </c>
      <c r="R7" s="191">
        <v>7</v>
      </c>
      <c r="S7" s="191">
        <v>18</v>
      </c>
      <c r="T7" s="191">
        <v>25</v>
      </c>
      <c r="U7" s="191">
        <v>33</v>
      </c>
      <c r="V7" s="191">
        <v>22</v>
      </c>
      <c r="W7" s="196">
        <v>105</v>
      </c>
      <c r="X7" s="195">
        <v>105</v>
      </c>
      <c r="Y7" s="190">
        <v>0</v>
      </c>
      <c r="Z7" s="191">
        <v>0</v>
      </c>
      <c r="AA7" s="196">
        <v>0</v>
      </c>
      <c r="AB7" s="193">
        <v>0</v>
      </c>
      <c r="AC7" s="191">
        <v>395</v>
      </c>
      <c r="AD7" s="191">
        <v>466</v>
      </c>
      <c r="AE7" s="191">
        <v>194</v>
      </c>
      <c r="AF7" s="191">
        <v>70</v>
      </c>
      <c r="AG7" s="191">
        <v>36</v>
      </c>
      <c r="AH7" s="196">
        <v>1161</v>
      </c>
      <c r="AI7" s="195">
        <v>1161</v>
      </c>
      <c r="AJ7" s="190">
        <v>0</v>
      </c>
      <c r="AK7" s="191">
        <v>0</v>
      </c>
      <c r="AL7" s="196">
        <v>0</v>
      </c>
      <c r="AM7" s="193">
        <v>0</v>
      </c>
      <c r="AN7" s="191">
        <v>34</v>
      </c>
      <c r="AO7" s="191">
        <v>42</v>
      </c>
      <c r="AP7" s="191">
        <v>42</v>
      </c>
      <c r="AQ7" s="191">
        <v>18</v>
      </c>
      <c r="AR7" s="191">
        <v>10</v>
      </c>
      <c r="AS7" s="196">
        <v>146</v>
      </c>
      <c r="AT7" s="195">
        <v>146</v>
      </c>
      <c r="AU7" s="190">
        <v>3</v>
      </c>
      <c r="AV7" s="191">
        <v>3</v>
      </c>
      <c r="AW7" s="196">
        <v>6</v>
      </c>
      <c r="AX7" s="193">
        <v>0</v>
      </c>
      <c r="AY7" s="191">
        <v>27</v>
      </c>
      <c r="AZ7" s="191">
        <v>38</v>
      </c>
      <c r="BA7" s="191">
        <v>28</v>
      </c>
      <c r="BB7" s="191">
        <v>21</v>
      </c>
      <c r="BC7" s="191">
        <v>15</v>
      </c>
      <c r="BD7" s="196">
        <v>129</v>
      </c>
      <c r="BE7" s="195">
        <v>135</v>
      </c>
      <c r="BF7" s="190">
        <v>0</v>
      </c>
      <c r="BG7" s="191">
        <v>1</v>
      </c>
      <c r="BH7" s="196">
        <v>1</v>
      </c>
      <c r="BI7" s="193">
        <v>0</v>
      </c>
      <c r="BJ7" s="191">
        <v>35</v>
      </c>
      <c r="BK7" s="191">
        <v>56</v>
      </c>
      <c r="BL7" s="191">
        <v>50</v>
      </c>
      <c r="BM7" s="191">
        <v>39</v>
      </c>
      <c r="BN7" s="191">
        <v>27</v>
      </c>
      <c r="BO7" s="194">
        <v>207</v>
      </c>
      <c r="BP7" s="195">
        <v>208</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1</v>
      </c>
      <c r="CG7" s="191">
        <v>1</v>
      </c>
      <c r="CH7" s="191">
        <v>1</v>
      </c>
      <c r="CI7" s="191">
        <v>5</v>
      </c>
      <c r="CJ7" s="191">
        <v>2</v>
      </c>
      <c r="CK7" s="196">
        <v>10</v>
      </c>
      <c r="CL7" s="195">
        <v>10</v>
      </c>
      <c r="CM7" s="190">
        <v>0</v>
      </c>
      <c r="CN7" s="191">
        <v>0</v>
      </c>
      <c r="CO7" s="196">
        <v>0</v>
      </c>
      <c r="CP7" s="193">
        <v>0</v>
      </c>
      <c r="CQ7" s="191">
        <v>3</v>
      </c>
      <c r="CR7" s="191">
        <v>5</v>
      </c>
      <c r="CS7" s="191">
        <v>6</v>
      </c>
      <c r="CT7" s="191">
        <v>5</v>
      </c>
      <c r="CU7" s="191">
        <v>8</v>
      </c>
      <c r="CV7" s="196">
        <v>27</v>
      </c>
      <c r="CW7" s="195">
        <v>27</v>
      </c>
    </row>
    <row r="8" spans="2:101" ht="21" customHeight="1" x14ac:dyDescent="0.2">
      <c r="B8" s="106" t="s">
        <v>6</v>
      </c>
      <c r="C8" s="190">
        <v>0</v>
      </c>
      <c r="D8" s="196">
        <v>0</v>
      </c>
      <c r="E8" s="207">
        <v>0</v>
      </c>
      <c r="F8" s="193">
        <v>0</v>
      </c>
      <c r="G8" s="191">
        <v>5</v>
      </c>
      <c r="H8" s="191">
        <v>2</v>
      </c>
      <c r="I8" s="191">
        <v>5</v>
      </c>
      <c r="J8" s="191">
        <v>2</v>
      </c>
      <c r="K8" s="191">
        <v>5</v>
      </c>
      <c r="L8" s="194">
        <v>19</v>
      </c>
      <c r="M8" s="195">
        <v>19</v>
      </c>
      <c r="N8" s="190">
        <v>0</v>
      </c>
      <c r="O8" s="191">
        <v>0</v>
      </c>
      <c r="P8" s="196">
        <v>0</v>
      </c>
      <c r="Q8" s="193">
        <v>0</v>
      </c>
      <c r="R8" s="191">
        <v>4</v>
      </c>
      <c r="S8" s="191">
        <v>3</v>
      </c>
      <c r="T8" s="191">
        <v>8</v>
      </c>
      <c r="U8" s="191">
        <v>3</v>
      </c>
      <c r="V8" s="191">
        <v>6</v>
      </c>
      <c r="W8" s="196">
        <v>24</v>
      </c>
      <c r="X8" s="195">
        <v>24</v>
      </c>
      <c r="Y8" s="190">
        <v>0</v>
      </c>
      <c r="Z8" s="191">
        <v>0</v>
      </c>
      <c r="AA8" s="196">
        <v>0</v>
      </c>
      <c r="AB8" s="193">
        <v>0</v>
      </c>
      <c r="AC8" s="191">
        <v>121</v>
      </c>
      <c r="AD8" s="191">
        <v>81</v>
      </c>
      <c r="AE8" s="191">
        <v>30</v>
      </c>
      <c r="AF8" s="191">
        <v>19</v>
      </c>
      <c r="AG8" s="191">
        <v>14</v>
      </c>
      <c r="AH8" s="196">
        <v>265</v>
      </c>
      <c r="AI8" s="195">
        <v>265</v>
      </c>
      <c r="AJ8" s="190">
        <v>0</v>
      </c>
      <c r="AK8" s="191">
        <v>0</v>
      </c>
      <c r="AL8" s="196">
        <v>0</v>
      </c>
      <c r="AM8" s="193">
        <v>0</v>
      </c>
      <c r="AN8" s="191">
        <v>9</v>
      </c>
      <c r="AO8" s="191">
        <v>14</v>
      </c>
      <c r="AP8" s="191">
        <v>12</v>
      </c>
      <c r="AQ8" s="191">
        <v>5</v>
      </c>
      <c r="AR8" s="191">
        <v>2</v>
      </c>
      <c r="AS8" s="196">
        <v>42</v>
      </c>
      <c r="AT8" s="195">
        <v>42</v>
      </c>
      <c r="AU8" s="190">
        <v>2</v>
      </c>
      <c r="AV8" s="191">
        <v>1</v>
      </c>
      <c r="AW8" s="196">
        <v>3</v>
      </c>
      <c r="AX8" s="193">
        <v>0</v>
      </c>
      <c r="AY8" s="191">
        <v>9</v>
      </c>
      <c r="AZ8" s="191">
        <v>12</v>
      </c>
      <c r="BA8" s="191">
        <v>6</v>
      </c>
      <c r="BB8" s="191">
        <v>11</v>
      </c>
      <c r="BC8" s="191">
        <v>2</v>
      </c>
      <c r="BD8" s="196">
        <v>40</v>
      </c>
      <c r="BE8" s="195">
        <v>43</v>
      </c>
      <c r="BF8" s="190">
        <v>0</v>
      </c>
      <c r="BG8" s="191">
        <v>0</v>
      </c>
      <c r="BH8" s="196">
        <v>0</v>
      </c>
      <c r="BI8" s="193">
        <v>0</v>
      </c>
      <c r="BJ8" s="191">
        <v>22</v>
      </c>
      <c r="BK8" s="191">
        <v>21</v>
      </c>
      <c r="BL8" s="191">
        <v>25</v>
      </c>
      <c r="BM8" s="191">
        <v>17</v>
      </c>
      <c r="BN8" s="191">
        <v>9</v>
      </c>
      <c r="BO8" s="194">
        <v>94</v>
      </c>
      <c r="BP8" s="195">
        <v>94</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0</v>
      </c>
      <c r="CH8" s="191">
        <v>3</v>
      </c>
      <c r="CI8" s="191">
        <v>4</v>
      </c>
      <c r="CJ8" s="191">
        <v>3</v>
      </c>
      <c r="CK8" s="196">
        <v>10</v>
      </c>
      <c r="CL8" s="195">
        <v>10</v>
      </c>
      <c r="CM8" s="190">
        <v>0</v>
      </c>
      <c r="CN8" s="191">
        <v>0</v>
      </c>
      <c r="CO8" s="196">
        <v>0</v>
      </c>
      <c r="CP8" s="193">
        <v>0</v>
      </c>
      <c r="CQ8" s="191">
        <v>9</v>
      </c>
      <c r="CR8" s="191">
        <v>4</v>
      </c>
      <c r="CS8" s="191">
        <v>7</v>
      </c>
      <c r="CT8" s="191">
        <v>6</v>
      </c>
      <c r="CU8" s="191">
        <v>3</v>
      </c>
      <c r="CV8" s="196">
        <v>29</v>
      </c>
      <c r="CW8" s="195">
        <v>29</v>
      </c>
    </row>
    <row r="9" spans="2:101" ht="21" customHeight="1" x14ac:dyDescent="0.2">
      <c r="B9" s="106" t="s">
        <v>14</v>
      </c>
      <c r="C9" s="190">
        <v>0</v>
      </c>
      <c r="D9" s="196">
        <v>0</v>
      </c>
      <c r="E9" s="207">
        <v>0</v>
      </c>
      <c r="F9" s="193">
        <v>0</v>
      </c>
      <c r="G9" s="191">
        <v>1</v>
      </c>
      <c r="H9" s="191">
        <v>3</v>
      </c>
      <c r="I9" s="191">
        <v>3</v>
      </c>
      <c r="J9" s="191">
        <v>3</v>
      </c>
      <c r="K9" s="191">
        <v>3</v>
      </c>
      <c r="L9" s="194">
        <v>13</v>
      </c>
      <c r="M9" s="195">
        <v>13</v>
      </c>
      <c r="N9" s="190">
        <v>0</v>
      </c>
      <c r="O9" s="191">
        <v>0</v>
      </c>
      <c r="P9" s="196">
        <v>0</v>
      </c>
      <c r="Q9" s="193">
        <v>0</v>
      </c>
      <c r="R9" s="191">
        <v>0</v>
      </c>
      <c r="S9" s="191">
        <v>0</v>
      </c>
      <c r="T9" s="191">
        <v>0</v>
      </c>
      <c r="U9" s="191">
        <v>0</v>
      </c>
      <c r="V9" s="191">
        <v>0</v>
      </c>
      <c r="W9" s="196">
        <v>0</v>
      </c>
      <c r="X9" s="195">
        <v>0</v>
      </c>
      <c r="Y9" s="190">
        <v>0</v>
      </c>
      <c r="Z9" s="191">
        <v>0</v>
      </c>
      <c r="AA9" s="196">
        <v>0</v>
      </c>
      <c r="AB9" s="193">
        <v>0</v>
      </c>
      <c r="AC9" s="191">
        <v>96</v>
      </c>
      <c r="AD9" s="191">
        <v>89</v>
      </c>
      <c r="AE9" s="191">
        <v>41</v>
      </c>
      <c r="AF9" s="191">
        <v>17</v>
      </c>
      <c r="AG9" s="191">
        <v>3</v>
      </c>
      <c r="AH9" s="196">
        <v>246</v>
      </c>
      <c r="AI9" s="195">
        <v>246</v>
      </c>
      <c r="AJ9" s="190">
        <v>0</v>
      </c>
      <c r="AK9" s="191">
        <v>0</v>
      </c>
      <c r="AL9" s="196">
        <v>0</v>
      </c>
      <c r="AM9" s="193">
        <v>0</v>
      </c>
      <c r="AN9" s="191">
        <v>4</v>
      </c>
      <c r="AO9" s="191">
        <v>1</v>
      </c>
      <c r="AP9" s="191">
        <v>0</v>
      </c>
      <c r="AQ9" s="191">
        <v>0</v>
      </c>
      <c r="AR9" s="191">
        <v>0</v>
      </c>
      <c r="AS9" s="196">
        <v>5</v>
      </c>
      <c r="AT9" s="195">
        <v>5</v>
      </c>
      <c r="AU9" s="190">
        <v>1</v>
      </c>
      <c r="AV9" s="191">
        <v>1</v>
      </c>
      <c r="AW9" s="196">
        <v>2</v>
      </c>
      <c r="AX9" s="193">
        <v>0</v>
      </c>
      <c r="AY9" s="191">
        <v>5</v>
      </c>
      <c r="AZ9" s="191">
        <v>5</v>
      </c>
      <c r="BA9" s="191">
        <v>6</v>
      </c>
      <c r="BB9" s="191">
        <v>6</v>
      </c>
      <c r="BC9" s="191">
        <v>2</v>
      </c>
      <c r="BD9" s="196">
        <v>24</v>
      </c>
      <c r="BE9" s="195">
        <v>26</v>
      </c>
      <c r="BF9" s="190">
        <v>0</v>
      </c>
      <c r="BG9" s="191">
        <v>0</v>
      </c>
      <c r="BH9" s="196">
        <v>0</v>
      </c>
      <c r="BI9" s="193">
        <v>0</v>
      </c>
      <c r="BJ9" s="191">
        <v>10</v>
      </c>
      <c r="BK9" s="191">
        <v>7</v>
      </c>
      <c r="BL9" s="191">
        <v>16</v>
      </c>
      <c r="BM9" s="191">
        <v>14</v>
      </c>
      <c r="BN9" s="191">
        <v>6</v>
      </c>
      <c r="BO9" s="194">
        <v>53</v>
      </c>
      <c r="BP9" s="195">
        <v>53</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1</v>
      </c>
      <c r="CI9" s="191">
        <v>2</v>
      </c>
      <c r="CJ9" s="191">
        <v>0</v>
      </c>
      <c r="CK9" s="196">
        <v>3</v>
      </c>
      <c r="CL9" s="195">
        <v>3</v>
      </c>
      <c r="CM9" s="190">
        <v>0</v>
      </c>
      <c r="CN9" s="191">
        <v>0</v>
      </c>
      <c r="CO9" s="196">
        <v>0</v>
      </c>
      <c r="CP9" s="193">
        <v>0</v>
      </c>
      <c r="CQ9" s="191">
        <v>2</v>
      </c>
      <c r="CR9" s="191">
        <v>0</v>
      </c>
      <c r="CS9" s="191">
        <v>0</v>
      </c>
      <c r="CT9" s="191">
        <v>3</v>
      </c>
      <c r="CU9" s="191">
        <v>2</v>
      </c>
      <c r="CV9" s="196">
        <v>7</v>
      </c>
      <c r="CW9" s="195">
        <v>7</v>
      </c>
    </row>
    <row r="10" spans="2:101" ht="21" customHeight="1" x14ac:dyDescent="0.2">
      <c r="B10" s="106" t="s">
        <v>7</v>
      </c>
      <c r="C10" s="190">
        <v>0</v>
      </c>
      <c r="D10" s="196">
        <v>0</v>
      </c>
      <c r="E10" s="207">
        <v>0</v>
      </c>
      <c r="F10" s="193">
        <v>0</v>
      </c>
      <c r="G10" s="191">
        <v>1</v>
      </c>
      <c r="H10" s="191">
        <v>2</v>
      </c>
      <c r="I10" s="191">
        <v>0</v>
      </c>
      <c r="J10" s="191">
        <v>2</v>
      </c>
      <c r="K10" s="191">
        <v>0</v>
      </c>
      <c r="L10" s="194">
        <v>5</v>
      </c>
      <c r="M10" s="195">
        <v>5</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73</v>
      </c>
      <c r="AD10" s="191">
        <v>64</v>
      </c>
      <c r="AE10" s="191">
        <v>19</v>
      </c>
      <c r="AF10" s="191">
        <v>5</v>
      </c>
      <c r="AG10" s="191">
        <v>1</v>
      </c>
      <c r="AH10" s="196">
        <v>162</v>
      </c>
      <c r="AI10" s="195">
        <v>162</v>
      </c>
      <c r="AJ10" s="190">
        <v>0</v>
      </c>
      <c r="AK10" s="191">
        <v>0</v>
      </c>
      <c r="AL10" s="196">
        <v>0</v>
      </c>
      <c r="AM10" s="193">
        <v>0</v>
      </c>
      <c r="AN10" s="191">
        <v>8</v>
      </c>
      <c r="AO10" s="191">
        <v>6</v>
      </c>
      <c r="AP10" s="191">
        <v>6</v>
      </c>
      <c r="AQ10" s="191">
        <v>2</v>
      </c>
      <c r="AR10" s="191">
        <v>2</v>
      </c>
      <c r="AS10" s="196">
        <v>24</v>
      </c>
      <c r="AT10" s="195">
        <v>24</v>
      </c>
      <c r="AU10" s="190">
        <v>0</v>
      </c>
      <c r="AV10" s="191">
        <v>0</v>
      </c>
      <c r="AW10" s="196">
        <v>0</v>
      </c>
      <c r="AX10" s="193">
        <v>0</v>
      </c>
      <c r="AY10" s="191">
        <v>5</v>
      </c>
      <c r="AZ10" s="191">
        <v>3</v>
      </c>
      <c r="BA10" s="191">
        <v>2</v>
      </c>
      <c r="BB10" s="191">
        <v>0</v>
      </c>
      <c r="BC10" s="191">
        <v>0</v>
      </c>
      <c r="BD10" s="196">
        <v>10</v>
      </c>
      <c r="BE10" s="195">
        <v>10</v>
      </c>
      <c r="BF10" s="190">
        <v>0</v>
      </c>
      <c r="BG10" s="191">
        <v>0</v>
      </c>
      <c r="BH10" s="196">
        <v>0</v>
      </c>
      <c r="BI10" s="193">
        <v>0</v>
      </c>
      <c r="BJ10" s="191">
        <v>7</v>
      </c>
      <c r="BK10" s="191">
        <v>12</v>
      </c>
      <c r="BL10" s="191">
        <v>11</v>
      </c>
      <c r="BM10" s="191">
        <v>6</v>
      </c>
      <c r="BN10" s="191">
        <v>2</v>
      </c>
      <c r="BO10" s="194">
        <v>38</v>
      </c>
      <c r="BP10" s="195">
        <v>38</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0</v>
      </c>
      <c r="CR10" s="191">
        <v>1</v>
      </c>
      <c r="CS10" s="191">
        <v>3</v>
      </c>
      <c r="CT10" s="191">
        <v>2</v>
      </c>
      <c r="CU10" s="191">
        <v>4</v>
      </c>
      <c r="CV10" s="196">
        <v>10</v>
      </c>
      <c r="CW10" s="195">
        <v>10</v>
      </c>
    </row>
    <row r="11" spans="2:101" ht="21" customHeight="1" x14ac:dyDescent="0.2">
      <c r="B11" s="106" t="s">
        <v>8</v>
      </c>
      <c r="C11" s="190">
        <v>0</v>
      </c>
      <c r="D11" s="196">
        <v>0</v>
      </c>
      <c r="E11" s="207">
        <v>0</v>
      </c>
      <c r="F11" s="193">
        <v>0</v>
      </c>
      <c r="G11" s="191">
        <v>1</v>
      </c>
      <c r="H11" s="191">
        <v>0</v>
      </c>
      <c r="I11" s="191">
        <v>0</v>
      </c>
      <c r="J11" s="191">
        <v>0</v>
      </c>
      <c r="K11" s="191">
        <v>0</v>
      </c>
      <c r="L11" s="194">
        <v>1</v>
      </c>
      <c r="M11" s="195">
        <v>1</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6</v>
      </c>
      <c r="AD11" s="191">
        <v>43</v>
      </c>
      <c r="AE11" s="191">
        <v>9</v>
      </c>
      <c r="AF11" s="191">
        <v>6</v>
      </c>
      <c r="AG11" s="191">
        <v>1</v>
      </c>
      <c r="AH11" s="196">
        <v>95</v>
      </c>
      <c r="AI11" s="195">
        <v>95</v>
      </c>
      <c r="AJ11" s="190">
        <v>0</v>
      </c>
      <c r="AK11" s="191">
        <v>0</v>
      </c>
      <c r="AL11" s="196">
        <v>0</v>
      </c>
      <c r="AM11" s="193">
        <v>0</v>
      </c>
      <c r="AN11" s="191">
        <v>0</v>
      </c>
      <c r="AO11" s="191">
        <v>0</v>
      </c>
      <c r="AP11" s="191">
        <v>0</v>
      </c>
      <c r="AQ11" s="191">
        <v>0</v>
      </c>
      <c r="AR11" s="191">
        <v>0</v>
      </c>
      <c r="AS11" s="196">
        <v>0</v>
      </c>
      <c r="AT11" s="195">
        <v>0</v>
      </c>
      <c r="AU11" s="190">
        <v>0</v>
      </c>
      <c r="AV11" s="191">
        <v>1</v>
      </c>
      <c r="AW11" s="196">
        <v>1</v>
      </c>
      <c r="AX11" s="193">
        <v>0</v>
      </c>
      <c r="AY11" s="191">
        <v>2</v>
      </c>
      <c r="AZ11" s="191">
        <v>0</v>
      </c>
      <c r="BA11" s="191">
        <v>0</v>
      </c>
      <c r="BB11" s="191">
        <v>2</v>
      </c>
      <c r="BC11" s="191">
        <v>0</v>
      </c>
      <c r="BD11" s="196">
        <v>4</v>
      </c>
      <c r="BE11" s="195">
        <v>5</v>
      </c>
      <c r="BF11" s="190">
        <v>0</v>
      </c>
      <c r="BG11" s="191">
        <v>0</v>
      </c>
      <c r="BH11" s="196">
        <v>0</v>
      </c>
      <c r="BI11" s="193">
        <v>0</v>
      </c>
      <c r="BJ11" s="191">
        <v>2</v>
      </c>
      <c r="BK11" s="191">
        <v>2</v>
      </c>
      <c r="BL11" s="191">
        <v>5</v>
      </c>
      <c r="BM11" s="191">
        <v>4</v>
      </c>
      <c r="BN11" s="191">
        <v>1</v>
      </c>
      <c r="BO11" s="194">
        <v>14</v>
      </c>
      <c r="BP11" s="195">
        <v>14</v>
      </c>
      <c r="BQ11" s="190">
        <v>0</v>
      </c>
      <c r="BR11" s="191">
        <v>0</v>
      </c>
      <c r="BS11" s="196">
        <v>0</v>
      </c>
      <c r="BT11" s="193">
        <v>0</v>
      </c>
      <c r="BU11" s="191">
        <v>0</v>
      </c>
      <c r="BV11" s="191">
        <v>0</v>
      </c>
      <c r="BW11" s="191">
        <v>1</v>
      </c>
      <c r="BX11" s="191">
        <v>0</v>
      </c>
      <c r="BY11" s="191">
        <v>3</v>
      </c>
      <c r="BZ11" s="196">
        <v>4</v>
      </c>
      <c r="CA11" s="195">
        <v>4</v>
      </c>
      <c r="CB11" s="190">
        <v>0</v>
      </c>
      <c r="CC11" s="191">
        <v>0</v>
      </c>
      <c r="CD11" s="196">
        <v>0</v>
      </c>
      <c r="CE11" s="193">
        <v>0</v>
      </c>
      <c r="CF11" s="191">
        <v>0</v>
      </c>
      <c r="CG11" s="191">
        <v>0</v>
      </c>
      <c r="CH11" s="191">
        <v>0</v>
      </c>
      <c r="CI11" s="191">
        <v>0</v>
      </c>
      <c r="CJ11" s="191">
        <v>0</v>
      </c>
      <c r="CK11" s="196">
        <v>0</v>
      </c>
      <c r="CL11" s="195">
        <v>0</v>
      </c>
      <c r="CM11" s="190">
        <v>0</v>
      </c>
      <c r="CN11" s="191">
        <v>0</v>
      </c>
      <c r="CO11" s="196">
        <v>0</v>
      </c>
      <c r="CP11" s="193">
        <v>0</v>
      </c>
      <c r="CQ11" s="191">
        <v>3</v>
      </c>
      <c r="CR11" s="191">
        <v>1</v>
      </c>
      <c r="CS11" s="191">
        <v>1</v>
      </c>
      <c r="CT11" s="191">
        <v>1</v>
      </c>
      <c r="CU11" s="191">
        <v>0</v>
      </c>
      <c r="CV11" s="196">
        <v>6</v>
      </c>
      <c r="CW11" s="195">
        <v>6</v>
      </c>
    </row>
    <row r="12" spans="2:101" ht="21" customHeight="1" x14ac:dyDescent="0.2">
      <c r="B12" s="106" t="s">
        <v>9</v>
      </c>
      <c r="C12" s="190">
        <v>0</v>
      </c>
      <c r="D12" s="196">
        <v>0</v>
      </c>
      <c r="E12" s="207">
        <v>0</v>
      </c>
      <c r="F12" s="193">
        <v>0</v>
      </c>
      <c r="G12" s="191">
        <v>0</v>
      </c>
      <c r="H12" s="191">
        <v>0</v>
      </c>
      <c r="I12" s="191">
        <v>2</v>
      </c>
      <c r="J12" s="191">
        <v>0</v>
      </c>
      <c r="K12" s="191">
        <v>0</v>
      </c>
      <c r="L12" s="194">
        <v>2</v>
      </c>
      <c r="M12" s="195">
        <v>2</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50</v>
      </c>
      <c r="AD12" s="191">
        <v>20</v>
      </c>
      <c r="AE12" s="191">
        <v>12</v>
      </c>
      <c r="AF12" s="191">
        <v>6</v>
      </c>
      <c r="AG12" s="191">
        <v>3</v>
      </c>
      <c r="AH12" s="196">
        <v>91</v>
      </c>
      <c r="AI12" s="195">
        <v>91</v>
      </c>
      <c r="AJ12" s="190">
        <v>0</v>
      </c>
      <c r="AK12" s="191">
        <v>0</v>
      </c>
      <c r="AL12" s="196">
        <v>0</v>
      </c>
      <c r="AM12" s="193">
        <v>0</v>
      </c>
      <c r="AN12" s="191">
        <v>1</v>
      </c>
      <c r="AO12" s="191">
        <v>0</v>
      </c>
      <c r="AP12" s="191">
        <v>0</v>
      </c>
      <c r="AQ12" s="191">
        <v>0</v>
      </c>
      <c r="AR12" s="191">
        <v>1</v>
      </c>
      <c r="AS12" s="196">
        <v>2</v>
      </c>
      <c r="AT12" s="195">
        <v>2</v>
      </c>
      <c r="AU12" s="190">
        <v>0</v>
      </c>
      <c r="AV12" s="191">
        <v>0</v>
      </c>
      <c r="AW12" s="196">
        <v>0</v>
      </c>
      <c r="AX12" s="193">
        <v>0</v>
      </c>
      <c r="AY12" s="191">
        <v>1</v>
      </c>
      <c r="AZ12" s="191">
        <v>4</v>
      </c>
      <c r="BA12" s="191">
        <v>1</v>
      </c>
      <c r="BB12" s="191">
        <v>1</v>
      </c>
      <c r="BC12" s="191">
        <v>0</v>
      </c>
      <c r="BD12" s="196">
        <v>7</v>
      </c>
      <c r="BE12" s="195">
        <v>7</v>
      </c>
      <c r="BF12" s="190">
        <v>0</v>
      </c>
      <c r="BG12" s="191">
        <v>0</v>
      </c>
      <c r="BH12" s="196">
        <v>0</v>
      </c>
      <c r="BI12" s="193">
        <v>0</v>
      </c>
      <c r="BJ12" s="191">
        <v>3</v>
      </c>
      <c r="BK12" s="191">
        <v>3</v>
      </c>
      <c r="BL12" s="191">
        <v>8</v>
      </c>
      <c r="BM12" s="191">
        <v>4</v>
      </c>
      <c r="BN12" s="191">
        <v>1</v>
      </c>
      <c r="BO12" s="194">
        <v>19</v>
      </c>
      <c r="BP12" s="195">
        <v>19</v>
      </c>
      <c r="BQ12" s="190">
        <v>0</v>
      </c>
      <c r="BR12" s="191">
        <v>0</v>
      </c>
      <c r="BS12" s="196">
        <v>0</v>
      </c>
      <c r="BT12" s="193">
        <v>0</v>
      </c>
      <c r="BU12" s="191">
        <v>0</v>
      </c>
      <c r="BV12" s="191">
        <v>1</v>
      </c>
      <c r="BW12" s="191">
        <v>0</v>
      </c>
      <c r="BX12" s="191">
        <v>0</v>
      </c>
      <c r="BY12" s="191">
        <v>0</v>
      </c>
      <c r="BZ12" s="196">
        <v>1</v>
      </c>
      <c r="CA12" s="195">
        <v>1</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0</v>
      </c>
      <c r="CR12" s="191">
        <v>2</v>
      </c>
      <c r="CS12" s="191">
        <v>0</v>
      </c>
      <c r="CT12" s="191">
        <v>1</v>
      </c>
      <c r="CU12" s="191">
        <v>0</v>
      </c>
      <c r="CV12" s="196">
        <v>3</v>
      </c>
      <c r="CW12" s="195">
        <v>3</v>
      </c>
    </row>
    <row r="13" spans="2:101" ht="21" customHeight="1" x14ac:dyDescent="0.2">
      <c r="B13" s="106" t="s">
        <v>10</v>
      </c>
      <c r="C13" s="190">
        <v>0</v>
      </c>
      <c r="D13" s="196">
        <v>0</v>
      </c>
      <c r="E13" s="207">
        <v>0</v>
      </c>
      <c r="F13" s="193">
        <v>0</v>
      </c>
      <c r="G13" s="191">
        <v>1</v>
      </c>
      <c r="H13" s="191">
        <v>1</v>
      </c>
      <c r="I13" s="191">
        <v>1</v>
      </c>
      <c r="J13" s="191">
        <v>0</v>
      </c>
      <c r="K13" s="191">
        <v>0</v>
      </c>
      <c r="L13" s="194">
        <v>3</v>
      </c>
      <c r="M13" s="195">
        <v>3</v>
      </c>
      <c r="N13" s="190">
        <v>0</v>
      </c>
      <c r="O13" s="191">
        <v>0</v>
      </c>
      <c r="P13" s="196">
        <v>0</v>
      </c>
      <c r="Q13" s="193">
        <v>0</v>
      </c>
      <c r="R13" s="191">
        <v>2</v>
      </c>
      <c r="S13" s="191">
        <v>0</v>
      </c>
      <c r="T13" s="191">
        <v>1</v>
      </c>
      <c r="U13" s="191">
        <v>0</v>
      </c>
      <c r="V13" s="191">
        <v>0</v>
      </c>
      <c r="W13" s="196">
        <v>3</v>
      </c>
      <c r="X13" s="195">
        <v>3</v>
      </c>
      <c r="Y13" s="190">
        <v>0</v>
      </c>
      <c r="Z13" s="191">
        <v>0</v>
      </c>
      <c r="AA13" s="196">
        <v>0</v>
      </c>
      <c r="AB13" s="193">
        <v>0</v>
      </c>
      <c r="AC13" s="191">
        <v>42</v>
      </c>
      <c r="AD13" s="191">
        <v>18</v>
      </c>
      <c r="AE13" s="191">
        <v>5</v>
      </c>
      <c r="AF13" s="191">
        <v>5</v>
      </c>
      <c r="AG13" s="191">
        <v>2</v>
      </c>
      <c r="AH13" s="196">
        <v>72</v>
      </c>
      <c r="AI13" s="195">
        <v>72</v>
      </c>
      <c r="AJ13" s="190">
        <v>0</v>
      </c>
      <c r="AK13" s="191">
        <v>0</v>
      </c>
      <c r="AL13" s="196">
        <v>0</v>
      </c>
      <c r="AM13" s="193">
        <v>0</v>
      </c>
      <c r="AN13" s="191">
        <v>5</v>
      </c>
      <c r="AO13" s="191">
        <v>1</v>
      </c>
      <c r="AP13" s="191">
        <v>1</v>
      </c>
      <c r="AQ13" s="191">
        <v>0</v>
      </c>
      <c r="AR13" s="191">
        <v>0</v>
      </c>
      <c r="AS13" s="196">
        <v>7</v>
      </c>
      <c r="AT13" s="195">
        <v>7</v>
      </c>
      <c r="AU13" s="190">
        <v>0</v>
      </c>
      <c r="AV13" s="191">
        <v>0</v>
      </c>
      <c r="AW13" s="196">
        <v>0</v>
      </c>
      <c r="AX13" s="193">
        <v>0</v>
      </c>
      <c r="AY13" s="191">
        <v>4</v>
      </c>
      <c r="AZ13" s="191">
        <v>2</v>
      </c>
      <c r="BA13" s="191">
        <v>1</v>
      </c>
      <c r="BB13" s="191">
        <v>2</v>
      </c>
      <c r="BC13" s="191">
        <v>0</v>
      </c>
      <c r="BD13" s="196">
        <v>9</v>
      </c>
      <c r="BE13" s="195">
        <v>9</v>
      </c>
      <c r="BF13" s="190">
        <v>0</v>
      </c>
      <c r="BG13" s="191">
        <v>0</v>
      </c>
      <c r="BH13" s="196">
        <v>0</v>
      </c>
      <c r="BI13" s="193">
        <v>0</v>
      </c>
      <c r="BJ13" s="191">
        <v>6</v>
      </c>
      <c r="BK13" s="191">
        <v>7</v>
      </c>
      <c r="BL13" s="191">
        <v>7</v>
      </c>
      <c r="BM13" s="191">
        <v>6</v>
      </c>
      <c r="BN13" s="191">
        <v>5</v>
      </c>
      <c r="BO13" s="194">
        <v>31</v>
      </c>
      <c r="BP13" s="195">
        <v>31</v>
      </c>
      <c r="BQ13" s="190">
        <v>0</v>
      </c>
      <c r="BR13" s="191">
        <v>0</v>
      </c>
      <c r="BS13" s="196">
        <v>0</v>
      </c>
      <c r="BT13" s="193">
        <v>0</v>
      </c>
      <c r="BU13" s="191">
        <v>4</v>
      </c>
      <c r="BV13" s="191">
        <v>1</v>
      </c>
      <c r="BW13" s="191">
        <v>2</v>
      </c>
      <c r="BX13" s="191">
        <v>2</v>
      </c>
      <c r="BY13" s="191">
        <v>2</v>
      </c>
      <c r="BZ13" s="196">
        <v>11</v>
      </c>
      <c r="CA13" s="195">
        <v>11</v>
      </c>
      <c r="CB13" s="190">
        <v>0</v>
      </c>
      <c r="CC13" s="191">
        <v>0</v>
      </c>
      <c r="CD13" s="196">
        <v>0</v>
      </c>
      <c r="CE13" s="193">
        <v>0</v>
      </c>
      <c r="CF13" s="191">
        <v>0</v>
      </c>
      <c r="CG13" s="191">
        <v>1</v>
      </c>
      <c r="CH13" s="191">
        <v>1</v>
      </c>
      <c r="CI13" s="191">
        <v>3</v>
      </c>
      <c r="CJ13" s="191">
        <v>6</v>
      </c>
      <c r="CK13" s="196">
        <v>11</v>
      </c>
      <c r="CL13" s="195">
        <v>11</v>
      </c>
      <c r="CM13" s="190">
        <v>0</v>
      </c>
      <c r="CN13" s="191">
        <v>0</v>
      </c>
      <c r="CO13" s="196">
        <v>0</v>
      </c>
      <c r="CP13" s="193">
        <v>0</v>
      </c>
      <c r="CQ13" s="191">
        <v>1</v>
      </c>
      <c r="CR13" s="191">
        <v>4</v>
      </c>
      <c r="CS13" s="191">
        <v>2</v>
      </c>
      <c r="CT13" s="191">
        <v>3</v>
      </c>
      <c r="CU13" s="191">
        <v>3</v>
      </c>
      <c r="CV13" s="196">
        <v>13</v>
      </c>
      <c r="CW13" s="195">
        <v>13</v>
      </c>
    </row>
    <row r="14" spans="2:101" ht="21" customHeight="1" x14ac:dyDescent="0.2">
      <c r="B14" s="106" t="s">
        <v>11</v>
      </c>
      <c r="C14" s="190">
        <v>0</v>
      </c>
      <c r="D14" s="196">
        <v>0</v>
      </c>
      <c r="E14" s="207">
        <v>0</v>
      </c>
      <c r="F14" s="193">
        <v>0</v>
      </c>
      <c r="G14" s="191">
        <v>2</v>
      </c>
      <c r="H14" s="191">
        <v>0</v>
      </c>
      <c r="I14" s="191">
        <v>0</v>
      </c>
      <c r="J14" s="191">
        <v>0</v>
      </c>
      <c r="K14" s="191">
        <v>0</v>
      </c>
      <c r="L14" s="194">
        <v>2</v>
      </c>
      <c r="M14" s="195">
        <v>2</v>
      </c>
      <c r="N14" s="190">
        <v>0</v>
      </c>
      <c r="O14" s="191">
        <v>0</v>
      </c>
      <c r="P14" s="196">
        <v>0</v>
      </c>
      <c r="Q14" s="193">
        <v>0</v>
      </c>
      <c r="R14" s="191">
        <v>0</v>
      </c>
      <c r="S14" s="191">
        <v>1</v>
      </c>
      <c r="T14" s="191">
        <v>0</v>
      </c>
      <c r="U14" s="191">
        <v>0</v>
      </c>
      <c r="V14" s="191">
        <v>0</v>
      </c>
      <c r="W14" s="196">
        <v>1</v>
      </c>
      <c r="X14" s="195">
        <v>1</v>
      </c>
      <c r="Y14" s="190">
        <v>0</v>
      </c>
      <c r="Z14" s="191">
        <v>0</v>
      </c>
      <c r="AA14" s="196">
        <v>0</v>
      </c>
      <c r="AB14" s="193">
        <v>0</v>
      </c>
      <c r="AC14" s="191">
        <v>18</v>
      </c>
      <c r="AD14" s="191">
        <v>7</v>
      </c>
      <c r="AE14" s="191">
        <v>5</v>
      </c>
      <c r="AF14" s="191">
        <v>2</v>
      </c>
      <c r="AG14" s="191">
        <v>1</v>
      </c>
      <c r="AH14" s="196">
        <v>33</v>
      </c>
      <c r="AI14" s="195">
        <v>33</v>
      </c>
      <c r="AJ14" s="190">
        <v>0</v>
      </c>
      <c r="AK14" s="191">
        <v>0</v>
      </c>
      <c r="AL14" s="196">
        <v>0</v>
      </c>
      <c r="AM14" s="193">
        <v>0</v>
      </c>
      <c r="AN14" s="191">
        <v>0</v>
      </c>
      <c r="AO14" s="191">
        <v>1</v>
      </c>
      <c r="AP14" s="191">
        <v>2</v>
      </c>
      <c r="AQ14" s="191">
        <v>0</v>
      </c>
      <c r="AR14" s="191">
        <v>0</v>
      </c>
      <c r="AS14" s="196">
        <v>3</v>
      </c>
      <c r="AT14" s="195">
        <v>3</v>
      </c>
      <c r="AU14" s="190">
        <v>0</v>
      </c>
      <c r="AV14" s="191">
        <v>0</v>
      </c>
      <c r="AW14" s="196">
        <v>0</v>
      </c>
      <c r="AX14" s="193">
        <v>0</v>
      </c>
      <c r="AY14" s="191">
        <v>2</v>
      </c>
      <c r="AZ14" s="191">
        <v>2</v>
      </c>
      <c r="BA14" s="191">
        <v>1</v>
      </c>
      <c r="BB14" s="191">
        <v>0</v>
      </c>
      <c r="BC14" s="191">
        <v>0</v>
      </c>
      <c r="BD14" s="196">
        <v>5</v>
      </c>
      <c r="BE14" s="195">
        <v>5</v>
      </c>
      <c r="BF14" s="190">
        <v>0</v>
      </c>
      <c r="BG14" s="191">
        <v>0</v>
      </c>
      <c r="BH14" s="196">
        <v>0</v>
      </c>
      <c r="BI14" s="193">
        <v>0</v>
      </c>
      <c r="BJ14" s="191">
        <v>1</v>
      </c>
      <c r="BK14" s="191">
        <v>3</v>
      </c>
      <c r="BL14" s="191">
        <v>1</v>
      </c>
      <c r="BM14" s="191">
        <v>3</v>
      </c>
      <c r="BN14" s="191">
        <v>0</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1</v>
      </c>
      <c r="CS14" s="191">
        <v>2</v>
      </c>
      <c r="CT14" s="191">
        <v>0</v>
      </c>
      <c r="CU14" s="191">
        <v>1</v>
      </c>
      <c r="CV14" s="196">
        <v>4</v>
      </c>
      <c r="CW14" s="195">
        <v>4</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25</v>
      </c>
      <c r="AD15" s="191">
        <v>16</v>
      </c>
      <c r="AE15" s="191">
        <v>6</v>
      </c>
      <c r="AF15" s="191">
        <v>7</v>
      </c>
      <c r="AG15" s="191">
        <v>3</v>
      </c>
      <c r="AH15" s="196">
        <v>57</v>
      </c>
      <c r="AI15" s="195">
        <v>57</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3</v>
      </c>
      <c r="AZ15" s="191">
        <v>1</v>
      </c>
      <c r="BA15" s="191">
        <v>4</v>
      </c>
      <c r="BB15" s="191">
        <v>6</v>
      </c>
      <c r="BC15" s="191">
        <v>5</v>
      </c>
      <c r="BD15" s="196">
        <v>19</v>
      </c>
      <c r="BE15" s="195">
        <v>19</v>
      </c>
      <c r="BF15" s="190">
        <v>0</v>
      </c>
      <c r="BG15" s="191">
        <v>0</v>
      </c>
      <c r="BH15" s="196">
        <v>0</v>
      </c>
      <c r="BI15" s="193">
        <v>0</v>
      </c>
      <c r="BJ15" s="191">
        <v>3</v>
      </c>
      <c r="BK15" s="191">
        <v>0</v>
      </c>
      <c r="BL15" s="191">
        <v>2</v>
      </c>
      <c r="BM15" s="191">
        <v>1</v>
      </c>
      <c r="BN15" s="191">
        <v>1</v>
      </c>
      <c r="BO15" s="194">
        <v>7</v>
      </c>
      <c r="BP15" s="195">
        <v>7</v>
      </c>
      <c r="BQ15" s="190">
        <v>0</v>
      </c>
      <c r="BR15" s="191">
        <v>0</v>
      </c>
      <c r="BS15" s="196">
        <v>0</v>
      </c>
      <c r="BT15" s="193">
        <v>0</v>
      </c>
      <c r="BU15" s="191">
        <v>0</v>
      </c>
      <c r="BV15" s="191">
        <v>3</v>
      </c>
      <c r="BW15" s="191">
        <v>0</v>
      </c>
      <c r="BX15" s="191">
        <v>3</v>
      </c>
      <c r="BY15" s="191">
        <v>1</v>
      </c>
      <c r="BZ15" s="196">
        <v>7</v>
      </c>
      <c r="CA15" s="195">
        <v>7</v>
      </c>
      <c r="CB15" s="190">
        <v>0</v>
      </c>
      <c r="CC15" s="191">
        <v>0</v>
      </c>
      <c r="CD15" s="196">
        <v>0</v>
      </c>
      <c r="CE15" s="193">
        <v>0</v>
      </c>
      <c r="CF15" s="191">
        <v>0</v>
      </c>
      <c r="CG15" s="191">
        <v>0</v>
      </c>
      <c r="CH15" s="191">
        <v>0</v>
      </c>
      <c r="CI15" s="191">
        <v>1</v>
      </c>
      <c r="CJ15" s="191">
        <v>1</v>
      </c>
      <c r="CK15" s="196">
        <v>2</v>
      </c>
      <c r="CL15" s="195">
        <v>2</v>
      </c>
      <c r="CM15" s="190">
        <v>0</v>
      </c>
      <c r="CN15" s="191">
        <v>0</v>
      </c>
      <c r="CO15" s="196">
        <v>0</v>
      </c>
      <c r="CP15" s="193">
        <v>0</v>
      </c>
      <c r="CQ15" s="191">
        <v>0</v>
      </c>
      <c r="CR15" s="191">
        <v>1</v>
      </c>
      <c r="CS15" s="191">
        <v>0</v>
      </c>
      <c r="CT15" s="191">
        <v>3</v>
      </c>
      <c r="CU15" s="191">
        <v>0</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8</v>
      </c>
      <c r="AD16" s="191">
        <v>24</v>
      </c>
      <c r="AE16" s="191">
        <v>4</v>
      </c>
      <c r="AF16" s="191">
        <v>1</v>
      </c>
      <c r="AG16" s="191">
        <v>0</v>
      </c>
      <c r="AH16" s="196">
        <v>47</v>
      </c>
      <c r="AI16" s="195">
        <v>47</v>
      </c>
      <c r="AJ16" s="190">
        <v>0</v>
      </c>
      <c r="AK16" s="191">
        <v>0</v>
      </c>
      <c r="AL16" s="196">
        <v>0</v>
      </c>
      <c r="AM16" s="193">
        <v>0</v>
      </c>
      <c r="AN16" s="191">
        <v>0</v>
      </c>
      <c r="AO16" s="191">
        <v>1</v>
      </c>
      <c r="AP16" s="191">
        <v>1</v>
      </c>
      <c r="AQ16" s="191">
        <v>0</v>
      </c>
      <c r="AR16" s="191">
        <v>2</v>
      </c>
      <c r="AS16" s="196">
        <v>4</v>
      </c>
      <c r="AT16" s="195">
        <v>4</v>
      </c>
      <c r="AU16" s="190">
        <v>0</v>
      </c>
      <c r="AV16" s="191">
        <v>0</v>
      </c>
      <c r="AW16" s="196">
        <v>0</v>
      </c>
      <c r="AX16" s="193">
        <v>0</v>
      </c>
      <c r="AY16" s="191">
        <v>0</v>
      </c>
      <c r="AZ16" s="191">
        <v>1</v>
      </c>
      <c r="BA16" s="191">
        <v>0</v>
      </c>
      <c r="BB16" s="191">
        <v>1</v>
      </c>
      <c r="BC16" s="191">
        <v>1</v>
      </c>
      <c r="BD16" s="196">
        <v>3</v>
      </c>
      <c r="BE16" s="195">
        <v>3</v>
      </c>
      <c r="BF16" s="190">
        <v>0</v>
      </c>
      <c r="BG16" s="191">
        <v>0</v>
      </c>
      <c r="BH16" s="196">
        <v>0</v>
      </c>
      <c r="BI16" s="193">
        <v>0</v>
      </c>
      <c r="BJ16" s="191">
        <v>0</v>
      </c>
      <c r="BK16" s="191">
        <v>1</v>
      </c>
      <c r="BL16" s="191">
        <v>2</v>
      </c>
      <c r="BM16" s="191">
        <v>2</v>
      </c>
      <c r="BN16" s="191">
        <v>0</v>
      </c>
      <c r="BO16" s="194">
        <v>5</v>
      </c>
      <c r="BP16" s="195">
        <v>5</v>
      </c>
      <c r="BQ16" s="190">
        <v>0</v>
      </c>
      <c r="BR16" s="191">
        <v>0</v>
      </c>
      <c r="BS16" s="196">
        <v>0</v>
      </c>
      <c r="BT16" s="193">
        <v>0</v>
      </c>
      <c r="BU16" s="191">
        <v>0</v>
      </c>
      <c r="BV16" s="191">
        <v>0</v>
      </c>
      <c r="BW16" s="191">
        <v>0</v>
      </c>
      <c r="BX16" s="191">
        <v>0</v>
      </c>
      <c r="BY16" s="191">
        <v>0</v>
      </c>
      <c r="BZ16" s="196">
        <v>0</v>
      </c>
      <c r="CA16" s="195">
        <v>0</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15</v>
      </c>
      <c r="AD17" s="191">
        <v>9</v>
      </c>
      <c r="AE17" s="191">
        <v>2</v>
      </c>
      <c r="AF17" s="191">
        <v>3</v>
      </c>
      <c r="AG17" s="191">
        <v>0</v>
      </c>
      <c r="AH17" s="196">
        <v>29</v>
      </c>
      <c r="AI17" s="195">
        <v>29</v>
      </c>
      <c r="AJ17" s="190">
        <v>0</v>
      </c>
      <c r="AK17" s="191">
        <v>0</v>
      </c>
      <c r="AL17" s="196">
        <v>0</v>
      </c>
      <c r="AM17" s="193">
        <v>0</v>
      </c>
      <c r="AN17" s="191">
        <v>0</v>
      </c>
      <c r="AO17" s="191">
        <v>0</v>
      </c>
      <c r="AP17" s="191">
        <v>0</v>
      </c>
      <c r="AQ17" s="191">
        <v>1</v>
      </c>
      <c r="AR17" s="191">
        <v>0</v>
      </c>
      <c r="AS17" s="196">
        <v>1</v>
      </c>
      <c r="AT17" s="195">
        <v>1</v>
      </c>
      <c r="AU17" s="190">
        <v>0</v>
      </c>
      <c r="AV17" s="191">
        <v>0</v>
      </c>
      <c r="AW17" s="196">
        <v>0</v>
      </c>
      <c r="AX17" s="193">
        <v>0</v>
      </c>
      <c r="AY17" s="191">
        <v>0</v>
      </c>
      <c r="AZ17" s="191">
        <v>1</v>
      </c>
      <c r="BA17" s="191">
        <v>0</v>
      </c>
      <c r="BB17" s="191">
        <v>0</v>
      </c>
      <c r="BC17" s="191">
        <v>1</v>
      </c>
      <c r="BD17" s="196">
        <v>2</v>
      </c>
      <c r="BE17" s="195">
        <v>2</v>
      </c>
      <c r="BF17" s="190">
        <v>0</v>
      </c>
      <c r="BG17" s="191">
        <v>0</v>
      </c>
      <c r="BH17" s="196">
        <v>0</v>
      </c>
      <c r="BI17" s="193">
        <v>0</v>
      </c>
      <c r="BJ17" s="191">
        <v>2</v>
      </c>
      <c r="BK17" s="191">
        <v>1</v>
      </c>
      <c r="BL17" s="191">
        <v>1</v>
      </c>
      <c r="BM17" s="191">
        <v>0</v>
      </c>
      <c r="BN17" s="191">
        <v>0</v>
      </c>
      <c r="BO17" s="194">
        <v>4</v>
      </c>
      <c r="BP17" s="195">
        <v>4</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0</v>
      </c>
      <c r="CJ17" s="191">
        <v>0</v>
      </c>
      <c r="CK17" s="196">
        <v>0</v>
      </c>
      <c r="CL17" s="195">
        <v>0</v>
      </c>
      <c r="CM17" s="190">
        <v>0</v>
      </c>
      <c r="CN17" s="191">
        <v>0</v>
      </c>
      <c r="CO17" s="196">
        <v>0</v>
      </c>
      <c r="CP17" s="193">
        <v>0</v>
      </c>
      <c r="CQ17" s="191">
        <v>0</v>
      </c>
      <c r="CR17" s="191">
        <v>0</v>
      </c>
      <c r="CS17" s="191">
        <v>2</v>
      </c>
      <c r="CT17" s="191">
        <v>1</v>
      </c>
      <c r="CU17" s="191">
        <v>0</v>
      </c>
      <c r="CV17" s="196">
        <v>3</v>
      </c>
      <c r="CW17" s="195">
        <v>3</v>
      </c>
    </row>
    <row r="18" spans="2:101" ht="21" customHeight="1" x14ac:dyDescent="0.2">
      <c r="B18" s="106" t="s">
        <v>16</v>
      </c>
      <c r="C18" s="190">
        <v>0</v>
      </c>
      <c r="D18" s="196">
        <v>0</v>
      </c>
      <c r="E18" s="207">
        <v>0</v>
      </c>
      <c r="F18" s="193">
        <v>0</v>
      </c>
      <c r="G18" s="191">
        <v>0</v>
      </c>
      <c r="H18" s="191">
        <v>0</v>
      </c>
      <c r="I18" s="191">
        <v>0</v>
      </c>
      <c r="J18" s="191">
        <v>2</v>
      </c>
      <c r="K18" s="191">
        <v>0</v>
      </c>
      <c r="L18" s="194">
        <v>2</v>
      </c>
      <c r="M18" s="195">
        <v>2</v>
      </c>
      <c r="N18" s="190">
        <v>0</v>
      </c>
      <c r="O18" s="191">
        <v>0</v>
      </c>
      <c r="P18" s="196">
        <v>0</v>
      </c>
      <c r="Q18" s="193">
        <v>0</v>
      </c>
      <c r="R18" s="191">
        <v>0</v>
      </c>
      <c r="S18" s="191">
        <v>0</v>
      </c>
      <c r="T18" s="191">
        <v>0</v>
      </c>
      <c r="U18" s="191">
        <v>1</v>
      </c>
      <c r="V18" s="191">
        <v>0</v>
      </c>
      <c r="W18" s="196">
        <v>1</v>
      </c>
      <c r="X18" s="195">
        <v>1</v>
      </c>
      <c r="Y18" s="190">
        <v>0</v>
      </c>
      <c r="Z18" s="191">
        <v>0</v>
      </c>
      <c r="AA18" s="196">
        <v>0</v>
      </c>
      <c r="AB18" s="193">
        <v>0</v>
      </c>
      <c r="AC18" s="191">
        <v>13</v>
      </c>
      <c r="AD18" s="191">
        <v>7</v>
      </c>
      <c r="AE18" s="191">
        <v>7</v>
      </c>
      <c r="AF18" s="191">
        <v>1</v>
      </c>
      <c r="AG18" s="191">
        <v>0</v>
      </c>
      <c r="AH18" s="196">
        <v>28</v>
      </c>
      <c r="AI18" s="195">
        <v>28</v>
      </c>
      <c r="AJ18" s="190">
        <v>0</v>
      </c>
      <c r="AK18" s="191">
        <v>0</v>
      </c>
      <c r="AL18" s="196">
        <v>0</v>
      </c>
      <c r="AM18" s="193">
        <v>0</v>
      </c>
      <c r="AN18" s="191">
        <v>0</v>
      </c>
      <c r="AO18" s="191">
        <v>0</v>
      </c>
      <c r="AP18" s="191">
        <v>0</v>
      </c>
      <c r="AQ18" s="191">
        <v>1</v>
      </c>
      <c r="AR18" s="191">
        <v>0</v>
      </c>
      <c r="AS18" s="196">
        <v>1</v>
      </c>
      <c r="AT18" s="195">
        <v>1</v>
      </c>
      <c r="AU18" s="190">
        <v>0</v>
      </c>
      <c r="AV18" s="191">
        <v>0</v>
      </c>
      <c r="AW18" s="196">
        <v>0</v>
      </c>
      <c r="AX18" s="193">
        <v>0</v>
      </c>
      <c r="AY18" s="191">
        <v>1</v>
      </c>
      <c r="AZ18" s="191">
        <v>0</v>
      </c>
      <c r="BA18" s="191">
        <v>0</v>
      </c>
      <c r="BB18" s="191">
        <v>1</v>
      </c>
      <c r="BC18" s="191">
        <v>0</v>
      </c>
      <c r="BD18" s="196">
        <v>2</v>
      </c>
      <c r="BE18" s="195">
        <v>2</v>
      </c>
      <c r="BF18" s="190">
        <v>0</v>
      </c>
      <c r="BG18" s="191">
        <v>0</v>
      </c>
      <c r="BH18" s="196">
        <v>0</v>
      </c>
      <c r="BI18" s="193">
        <v>0</v>
      </c>
      <c r="BJ18" s="191">
        <v>1</v>
      </c>
      <c r="BK18" s="191">
        <v>2</v>
      </c>
      <c r="BL18" s="191">
        <v>0</v>
      </c>
      <c r="BM18" s="191">
        <v>0</v>
      </c>
      <c r="BN18" s="191">
        <v>1</v>
      </c>
      <c r="BO18" s="194">
        <v>4</v>
      </c>
      <c r="BP18" s="195">
        <v>4</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2</v>
      </c>
      <c r="CJ18" s="191">
        <v>0</v>
      </c>
      <c r="CK18" s="196">
        <v>2</v>
      </c>
      <c r="CL18" s="195">
        <v>2</v>
      </c>
      <c r="CM18" s="190">
        <v>0</v>
      </c>
      <c r="CN18" s="191">
        <v>0</v>
      </c>
      <c r="CO18" s="196">
        <v>0</v>
      </c>
      <c r="CP18" s="193">
        <v>0</v>
      </c>
      <c r="CQ18" s="191">
        <v>0</v>
      </c>
      <c r="CR18" s="191">
        <v>1</v>
      </c>
      <c r="CS18" s="191">
        <v>1</v>
      </c>
      <c r="CT18" s="191">
        <v>0</v>
      </c>
      <c r="CU18" s="191">
        <v>0</v>
      </c>
      <c r="CV18" s="196">
        <v>2</v>
      </c>
      <c r="CW18" s="195">
        <v>2</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30</v>
      </c>
      <c r="AD19" s="191">
        <v>32</v>
      </c>
      <c r="AE19" s="191">
        <v>4</v>
      </c>
      <c r="AF19" s="191">
        <v>3</v>
      </c>
      <c r="AG19" s="191">
        <v>1</v>
      </c>
      <c r="AH19" s="196">
        <v>70</v>
      </c>
      <c r="AI19" s="195">
        <v>70</v>
      </c>
      <c r="AJ19" s="190">
        <v>0</v>
      </c>
      <c r="AK19" s="191">
        <v>0</v>
      </c>
      <c r="AL19" s="196">
        <v>0</v>
      </c>
      <c r="AM19" s="193">
        <v>0</v>
      </c>
      <c r="AN19" s="191">
        <v>1</v>
      </c>
      <c r="AO19" s="191">
        <v>2</v>
      </c>
      <c r="AP19" s="191">
        <v>0</v>
      </c>
      <c r="AQ19" s="191">
        <v>0</v>
      </c>
      <c r="AR19" s="191">
        <v>0</v>
      </c>
      <c r="AS19" s="196">
        <v>3</v>
      </c>
      <c r="AT19" s="195">
        <v>3</v>
      </c>
      <c r="AU19" s="190">
        <v>0</v>
      </c>
      <c r="AV19" s="191">
        <v>0</v>
      </c>
      <c r="AW19" s="196">
        <v>0</v>
      </c>
      <c r="AX19" s="193">
        <v>0</v>
      </c>
      <c r="AY19" s="191">
        <v>0</v>
      </c>
      <c r="AZ19" s="191">
        <v>4</v>
      </c>
      <c r="BA19" s="191">
        <v>1</v>
      </c>
      <c r="BB19" s="191">
        <v>3</v>
      </c>
      <c r="BC19" s="191">
        <v>2</v>
      </c>
      <c r="BD19" s="196">
        <v>10</v>
      </c>
      <c r="BE19" s="195">
        <v>10</v>
      </c>
      <c r="BF19" s="190">
        <v>0</v>
      </c>
      <c r="BG19" s="191">
        <v>0</v>
      </c>
      <c r="BH19" s="196">
        <v>0</v>
      </c>
      <c r="BI19" s="193">
        <v>0</v>
      </c>
      <c r="BJ19" s="191">
        <v>0</v>
      </c>
      <c r="BK19" s="191">
        <v>2</v>
      </c>
      <c r="BL19" s="191">
        <v>3</v>
      </c>
      <c r="BM19" s="191">
        <v>0</v>
      </c>
      <c r="BN19" s="191">
        <v>0</v>
      </c>
      <c r="BO19" s="194">
        <v>5</v>
      </c>
      <c r="BP19" s="195">
        <v>5</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0</v>
      </c>
      <c r="CI19" s="191">
        <v>3</v>
      </c>
      <c r="CJ19" s="191">
        <v>1</v>
      </c>
      <c r="CK19" s="196">
        <v>4</v>
      </c>
      <c r="CL19" s="195">
        <v>4</v>
      </c>
      <c r="CM19" s="190">
        <v>0</v>
      </c>
      <c r="CN19" s="191">
        <v>0</v>
      </c>
      <c r="CO19" s="196">
        <v>0</v>
      </c>
      <c r="CP19" s="193">
        <v>0</v>
      </c>
      <c r="CQ19" s="191">
        <v>1</v>
      </c>
      <c r="CR19" s="191">
        <v>0</v>
      </c>
      <c r="CS19" s="191">
        <v>0</v>
      </c>
      <c r="CT19" s="191">
        <v>0</v>
      </c>
      <c r="CU19" s="191">
        <v>0</v>
      </c>
      <c r="CV19" s="196">
        <v>1</v>
      </c>
      <c r="CW19" s="195">
        <v>1</v>
      </c>
    </row>
    <row r="20" spans="2:101" ht="21" customHeight="1" x14ac:dyDescent="0.2">
      <c r="B20" s="106" t="s">
        <v>18</v>
      </c>
      <c r="C20" s="190">
        <v>0</v>
      </c>
      <c r="D20" s="196">
        <v>0</v>
      </c>
      <c r="E20" s="207">
        <v>0</v>
      </c>
      <c r="F20" s="193">
        <v>0</v>
      </c>
      <c r="G20" s="191">
        <v>1</v>
      </c>
      <c r="H20" s="191">
        <v>1</v>
      </c>
      <c r="I20" s="191">
        <v>0</v>
      </c>
      <c r="J20" s="191">
        <v>1</v>
      </c>
      <c r="K20" s="191">
        <v>0</v>
      </c>
      <c r="L20" s="194">
        <v>3</v>
      </c>
      <c r="M20" s="195">
        <v>3</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5</v>
      </c>
      <c r="AD20" s="191">
        <v>10</v>
      </c>
      <c r="AE20" s="191">
        <v>5</v>
      </c>
      <c r="AF20" s="191">
        <v>0</v>
      </c>
      <c r="AG20" s="191">
        <v>1</v>
      </c>
      <c r="AH20" s="196">
        <v>41</v>
      </c>
      <c r="AI20" s="195">
        <v>41</v>
      </c>
      <c r="AJ20" s="190">
        <v>0</v>
      </c>
      <c r="AK20" s="191">
        <v>0</v>
      </c>
      <c r="AL20" s="196">
        <v>0</v>
      </c>
      <c r="AM20" s="193">
        <v>0</v>
      </c>
      <c r="AN20" s="191">
        <v>0</v>
      </c>
      <c r="AO20" s="191">
        <v>1</v>
      </c>
      <c r="AP20" s="191">
        <v>5</v>
      </c>
      <c r="AQ20" s="191">
        <v>0</v>
      </c>
      <c r="AR20" s="191">
        <v>1</v>
      </c>
      <c r="AS20" s="196">
        <v>7</v>
      </c>
      <c r="AT20" s="195">
        <v>7</v>
      </c>
      <c r="AU20" s="190">
        <v>1</v>
      </c>
      <c r="AV20" s="191">
        <v>0</v>
      </c>
      <c r="AW20" s="196">
        <v>1</v>
      </c>
      <c r="AX20" s="193">
        <v>0</v>
      </c>
      <c r="AY20" s="191">
        <v>3</v>
      </c>
      <c r="AZ20" s="191">
        <v>2</v>
      </c>
      <c r="BA20" s="191">
        <v>4</v>
      </c>
      <c r="BB20" s="191">
        <v>2</v>
      </c>
      <c r="BC20" s="191">
        <v>0</v>
      </c>
      <c r="BD20" s="196">
        <v>11</v>
      </c>
      <c r="BE20" s="195">
        <v>12</v>
      </c>
      <c r="BF20" s="190">
        <v>0</v>
      </c>
      <c r="BG20" s="191">
        <v>0</v>
      </c>
      <c r="BH20" s="196">
        <v>0</v>
      </c>
      <c r="BI20" s="193">
        <v>0</v>
      </c>
      <c r="BJ20" s="191">
        <v>2</v>
      </c>
      <c r="BK20" s="191">
        <v>4</v>
      </c>
      <c r="BL20" s="191">
        <v>5</v>
      </c>
      <c r="BM20" s="191">
        <v>3</v>
      </c>
      <c r="BN20" s="191">
        <v>1</v>
      </c>
      <c r="BO20" s="194">
        <v>15</v>
      </c>
      <c r="BP20" s="195">
        <v>15</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1</v>
      </c>
      <c r="CI20" s="191">
        <v>0</v>
      </c>
      <c r="CJ20" s="191">
        <v>1</v>
      </c>
      <c r="CK20" s="196">
        <v>2</v>
      </c>
      <c r="CL20" s="195">
        <v>2</v>
      </c>
      <c r="CM20" s="190">
        <v>0</v>
      </c>
      <c r="CN20" s="191">
        <v>0</v>
      </c>
      <c r="CO20" s="196">
        <v>0</v>
      </c>
      <c r="CP20" s="193">
        <v>0</v>
      </c>
      <c r="CQ20" s="191">
        <v>0</v>
      </c>
      <c r="CR20" s="191">
        <v>0</v>
      </c>
      <c r="CS20" s="191">
        <v>2</v>
      </c>
      <c r="CT20" s="191">
        <v>1</v>
      </c>
      <c r="CU20" s="191">
        <v>0</v>
      </c>
      <c r="CV20" s="196">
        <v>3</v>
      </c>
      <c r="CW20" s="195">
        <v>3</v>
      </c>
    </row>
    <row r="21" spans="2:101" ht="21" customHeight="1" x14ac:dyDescent="0.2">
      <c r="B21" s="106" t="s">
        <v>19</v>
      </c>
      <c r="C21" s="190">
        <v>0</v>
      </c>
      <c r="D21" s="196">
        <v>0</v>
      </c>
      <c r="E21" s="207">
        <v>0</v>
      </c>
      <c r="F21" s="193">
        <v>0</v>
      </c>
      <c r="G21" s="191">
        <v>0</v>
      </c>
      <c r="H21" s="191">
        <v>0</v>
      </c>
      <c r="I21" s="191">
        <v>0</v>
      </c>
      <c r="J21" s="191">
        <v>0</v>
      </c>
      <c r="K21" s="191">
        <v>0</v>
      </c>
      <c r="L21" s="194">
        <v>0</v>
      </c>
      <c r="M21" s="195">
        <v>0</v>
      </c>
      <c r="N21" s="190">
        <v>0</v>
      </c>
      <c r="O21" s="191">
        <v>0</v>
      </c>
      <c r="P21" s="196">
        <v>0</v>
      </c>
      <c r="Q21" s="193">
        <v>0</v>
      </c>
      <c r="R21" s="191">
        <v>0</v>
      </c>
      <c r="S21" s="191">
        <v>0</v>
      </c>
      <c r="T21" s="191">
        <v>0</v>
      </c>
      <c r="U21" s="191">
        <v>0</v>
      </c>
      <c r="V21" s="191">
        <v>0</v>
      </c>
      <c r="W21" s="196">
        <v>0</v>
      </c>
      <c r="X21" s="195">
        <v>0</v>
      </c>
      <c r="Y21" s="190">
        <v>0</v>
      </c>
      <c r="Z21" s="191">
        <v>0</v>
      </c>
      <c r="AA21" s="196">
        <v>0</v>
      </c>
      <c r="AB21" s="193">
        <v>0</v>
      </c>
      <c r="AC21" s="191">
        <v>9</v>
      </c>
      <c r="AD21" s="191">
        <v>3</v>
      </c>
      <c r="AE21" s="191">
        <v>0</v>
      </c>
      <c r="AF21" s="191">
        <v>0</v>
      </c>
      <c r="AG21" s="191">
        <v>0</v>
      </c>
      <c r="AH21" s="196">
        <v>12</v>
      </c>
      <c r="AI21" s="195">
        <v>12</v>
      </c>
      <c r="AJ21" s="190">
        <v>0</v>
      </c>
      <c r="AK21" s="191">
        <v>0</v>
      </c>
      <c r="AL21" s="196">
        <v>0</v>
      </c>
      <c r="AM21" s="193">
        <v>0</v>
      </c>
      <c r="AN21" s="191">
        <v>2</v>
      </c>
      <c r="AO21" s="191">
        <v>2</v>
      </c>
      <c r="AP21" s="191">
        <v>0</v>
      </c>
      <c r="AQ21" s="191">
        <v>0</v>
      </c>
      <c r="AR21" s="191">
        <v>0</v>
      </c>
      <c r="AS21" s="196">
        <v>4</v>
      </c>
      <c r="AT21" s="195">
        <v>4</v>
      </c>
      <c r="AU21" s="190">
        <v>0</v>
      </c>
      <c r="AV21" s="191">
        <v>0</v>
      </c>
      <c r="AW21" s="196">
        <v>0</v>
      </c>
      <c r="AX21" s="193">
        <v>0</v>
      </c>
      <c r="AY21" s="191">
        <v>3</v>
      </c>
      <c r="AZ21" s="191">
        <v>4</v>
      </c>
      <c r="BA21" s="191">
        <v>2</v>
      </c>
      <c r="BB21" s="191">
        <v>0</v>
      </c>
      <c r="BC21" s="191">
        <v>0</v>
      </c>
      <c r="BD21" s="196">
        <v>9</v>
      </c>
      <c r="BE21" s="195">
        <v>9</v>
      </c>
      <c r="BF21" s="190">
        <v>0</v>
      </c>
      <c r="BG21" s="191">
        <v>0</v>
      </c>
      <c r="BH21" s="196">
        <v>0</v>
      </c>
      <c r="BI21" s="193">
        <v>0</v>
      </c>
      <c r="BJ21" s="191">
        <v>1</v>
      </c>
      <c r="BK21" s="191">
        <v>2</v>
      </c>
      <c r="BL21" s="191">
        <v>1</v>
      </c>
      <c r="BM21" s="191">
        <v>0</v>
      </c>
      <c r="BN21" s="191">
        <v>1</v>
      </c>
      <c r="BO21" s="194">
        <v>5</v>
      </c>
      <c r="BP21" s="195">
        <v>5</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1</v>
      </c>
      <c r="CT21" s="191">
        <v>0</v>
      </c>
      <c r="CU21" s="191">
        <v>3</v>
      </c>
      <c r="CV21" s="196">
        <v>4</v>
      </c>
      <c r="CW21" s="195">
        <v>4</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23</v>
      </c>
      <c r="AD22" s="191">
        <v>13</v>
      </c>
      <c r="AE22" s="191">
        <v>3</v>
      </c>
      <c r="AF22" s="191">
        <v>2</v>
      </c>
      <c r="AG22" s="191">
        <v>0</v>
      </c>
      <c r="AH22" s="196">
        <v>41</v>
      </c>
      <c r="AI22" s="195">
        <v>41</v>
      </c>
      <c r="AJ22" s="190">
        <v>0</v>
      </c>
      <c r="AK22" s="191">
        <v>0</v>
      </c>
      <c r="AL22" s="196">
        <v>0</v>
      </c>
      <c r="AM22" s="193">
        <v>0</v>
      </c>
      <c r="AN22" s="191">
        <v>0</v>
      </c>
      <c r="AO22" s="191">
        <v>0</v>
      </c>
      <c r="AP22" s="191">
        <v>0</v>
      </c>
      <c r="AQ22" s="191">
        <v>0</v>
      </c>
      <c r="AR22" s="191">
        <v>0</v>
      </c>
      <c r="AS22" s="196">
        <v>0</v>
      </c>
      <c r="AT22" s="195">
        <v>0</v>
      </c>
      <c r="AU22" s="190">
        <v>0</v>
      </c>
      <c r="AV22" s="191">
        <v>0</v>
      </c>
      <c r="AW22" s="196">
        <v>0</v>
      </c>
      <c r="AX22" s="193">
        <v>0</v>
      </c>
      <c r="AY22" s="191">
        <v>0</v>
      </c>
      <c r="AZ22" s="191">
        <v>0</v>
      </c>
      <c r="BA22" s="191">
        <v>2</v>
      </c>
      <c r="BB22" s="191">
        <v>0</v>
      </c>
      <c r="BC22" s="191">
        <v>0</v>
      </c>
      <c r="BD22" s="196">
        <v>2</v>
      </c>
      <c r="BE22" s="195">
        <v>2</v>
      </c>
      <c r="BF22" s="190">
        <v>0</v>
      </c>
      <c r="BG22" s="191">
        <v>0</v>
      </c>
      <c r="BH22" s="196">
        <v>0</v>
      </c>
      <c r="BI22" s="193">
        <v>0</v>
      </c>
      <c r="BJ22" s="191">
        <v>1</v>
      </c>
      <c r="BK22" s="191">
        <v>1</v>
      </c>
      <c r="BL22" s="191">
        <v>4</v>
      </c>
      <c r="BM22" s="191">
        <v>1</v>
      </c>
      <c r="BN22" s="191">
        <v>0</v>
      </c>
      <c r="BO22" s="194">
        <v>7</v>
      </c>
      <c r="BP22" s="195">
        <v>7</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1</v>
      </c>
      <c r="H23" s="191">
        <v>0</v>
      </c>
      <c r="I23" s="191">
        <v>0</v>
      </c>
      <c r="J23" s="191">
        <v>0</v>
      </c>
      <c r="K23" s="191">
        <v>0</v>
      </c>
      <c r="L23" s="194">
        <v>1</v>
      </c>
      <c r="M23" s="195">
        <v>1</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3</v>
      </c>
      <c r="AD23" s="191">
        <v>8</v>
      </c>
      <c r="AE23" s="191">
        <v>3</v>
      </c>
      <c r="AF23" s="191">
        <v>2</v>
      </c>
      <c r="AG23" s="191">
        <v>0</v>
      </c>
      <c r="AH23" s="196">
        <v>26</v>
      </c>
      <c r="AI23" s="195">
        <v>26</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0</v>
      </c>
      <c r="AZ23" s="191">
        <v>0</v>
      </c>
      <c r="BA23" s="191">
        <v>1</v>
      </c>
      <c r="BB23" s="191">
        <v>0</v>
      </c>
      <c r="BC23" s="191">
        <v>0</v>
      </c>
      <c r="BD23" s="196">
        <v>1</v>
      </c>
      <c r="BE23" s="195">
        <v>1</v>
      </c>
      <c r="BF23" s="190">
        <v>0</v>
      </c>
      <c r="BG23" s="191">
        <v>0</v>
      </c>
      <c r="BH23" s="196">
        <v>0</v>
      </c>
      <c r="BI23" s="193">
        <v>0</v>
      </c>
      <c r="BJ23" s="191">
        <v>1</v>
      </c>
      <c r="BK23" s="191">
        <v>3</v>
      </c>
      <c r="BL23" s="191">
        <v>0</v>
      </c>
      <c r="BM23" s="191">
        <v>1</v>
      </c>
      <c r="BN23" s="191">
        <v>0</v>
      </c>
      <c r="BO23" s="194">
        <v>5</v>
      </c>
      <c r="BP23" s="195">
        <v>5</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1</v>
      </c>
      <c r="I24" s="191">
        <v>2</v>
      </c>
      <c r="J24" s="191">
        <v>0</v>
      </c>
      <c r="K24" s="191">
        <v>0</v>
      </c>
      <c r="L24" s="194">
        <v>3</v>
      </c>
      <c r="M24" s="195">
        <v>3</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9</v>
      </c>
      <c r="AD24" s="191">
        <v>4</v>
      </c>
      <c r="AE24" s="191">
        <v>2</v>
      </c>
      <c r="AF24" s="191">
        <v>2</v>
      </c>
      <c r="AG24" s="191">
        <v>2</v>
      </c>
      <c r="AH24" s="196">
        <v>19</v>
      </c>
      <c r="AI24" s="195">
        <v>19</v>
      </c>
      <c r="AJ24" s="190">
        <v>0</v>
      </c>
      <c r="AK24" s="191">
        <v>0</v>
      </c>
      <c r="AL24" s="196">
        <v>0</v>
      </c>
      <c r="AM24" s="193">
        <v>0</v>
      </c>
      <c r="AN24" s="191">
        <v>0</v>
      </c>
      <c r="AO24" s="191">
        <v>0</v>
      </c>
      <c r="AP24" s="191">
        <v>1</v>
      </c>
      <c r="AQ24" s="191">
        <v>0</v>
      </c>
      <c r="AR24" s="191">
        <v>0</v>
      </c>
      <c r="AS24" s="196">
        <v>1</v>
      </c>
      <c r="AT24" s="195">
        <v>1</v>
      </c>
      <c r="AU24" s="190">
        <v>0</v>
      </c>
      <c r="AV24" s="191">
        <v>0</v>
      </c>
      <c r="AW24" s="196">
        <v>0</v>
      </c>
      <c r="AX24" s="193">
        <v>0</v>
      </c>
      <c r="AY24" s="191">
        <v>1</v>
      </c>
      <c r="AZ24" s="191">
        <v>1</v>
      </c>
      <c r="BA24" s="191">
        <v>2</v>
      </c>
      <c r="BB24" s="191">
        <v>0</v>
      </c>
      <c r="BC24" s="191">
        <v>0</v>
      </c>
      <c r="BD24" s="196">
        <v>4</v>
      </c>
      <c r="BE24" s="195">
        <v>4</v>
      </c>
      <c r="BF24" s="190">
        <v>0</v>
      </c>
      <c r="BG24" s="191">
        <v>0</v>
      </c>
      <c r="BH24" s="196">
        <v>0</v>
      </c>
      <c r="BI24" s="193">
        <v>0</v>
      </c>
      <c r="BJ24" s="191">
        <v>1</v>
      </c>
      <c r="BK24" s="191">
        <v>3</v>
      </c>
      <c r="BL24" s="191">
        <v>1</v>
      </c>
      <c r="BM24" s="191">
        <v>1</v>
      </c>
      <c r="BN24" s="191">
        <v>0</v>
      </c>
      <c r="BO24" s="194">
        <v>6</v>
      </c>
      <c r="BP24" s="195">
        <v>6</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1</v>
      </c>
      <c r="CH24" s="191">
        <v>0</v>
      </c>
      <c r="CI24" s="191">
        <v>4</v>
      </c>
      <c r="CJ24" s="191">
        <v>0</v>
      </c>
      <c r="CK24" s="196">
        <v>5</v>
      </c>
      <c r="CL24" s="195">
        <v>5</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0</v>
      </c>
      <c r="L25" s="194">
        <v>0</v>
      </c>
      <c r="M25" s="195">
        <v>0</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5</v>
      </c>
      <c r="AD25" s="191">
        <v>2</v>
      </c>
      <c r="AE25" s="191">
        <v>0</v>
      </c>
      <c r="AF25" s="191">
        <v>0</v>
      </c>
      <c r="AG25" s="191">
        <v>0</v>
      </c>
      <c r="AH25" s="196">
        <v>7</v>
      </c>
      <c r="AI25" s="195">
        <v>7</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2</v>
      </c>
      <c r="BK25" s="191">
        <v>3</v>
      </c>
      <c r="BL25" s="191">
        <v>3</v>
      </c>
      <c r="BM25" s="191">
        <v>1</v>
      </c>
      <c r="BN25" s="191">
        <v>0</v>
      </c>
      <c r="BO25" s="194">
        <v>9</v>
      </c>
      <c r="BP25" s="195">
        <v>9</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0</v>
      </c>
      <c r="CS25" s="191">
        <v>0</v>
      </c>
      <c r="CT25" s="191">
        <v>1</v>
      </c>
      <c r="CU25" s="191">
        <v>0</v>
      </c>
      <c r="CV25" s="196">
        <v>1</v>
      </c>
      <c r="CW25" s="195">
        <v>1</v>
      </c>
    </row>
    <row r="26" spans="2:101" ht="21" customHeight="1" x14ac:dyDescent="0.2">
      <c r="B26" s="106" t="s">
        <v>24</v>
      </c>
      <c r="C26" s="190">
        <v>0</v>
      </c>
      <c r="D26" s="196">
        <v>0</v>
      </c>
      <c r="E26" s="207">
        <v>0</v>
      </c>
      <c r="F26" s="193">
        <v>0</v>
      </c>
      <c r="G26" s="191">
        <v>0</v>
      </c>
      <c r="H26" s="191">
        <v>0</v>
      </c>
      <c r="I26" s="191">
        <v>0</v>
      </c>
      <c r="J26" s="191">
        <v>1</v>
      </c>
      <c r="K26" s="191">
        <v>0</v>
      </c>
      <c r="L26" s="194">
        <v>1</v>
      </c>
      <c r="M26" s="195">
        <v>1</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5</v>
      </c>
      <c r="AD26" s="191">
        <v>2</v>
      </c>
      <c r="AE26" s="191">
        <v>2</v>
      </c>
      <c r="AF26" s="191">
        <v>0</v>
      </c>
      <c r="AG26" s="191">
        <v>1</v>
      </c>
      <c r="AH26" s="196">
        <v>10</v>
      </c>
      <c r="AI26" s="195">
        <v>10</v>
      </c>
      <c r="AJ26" s="190">
        <v>0</v>
      </c>
      <c r="AK26" s="191">
        <v>0</v>
      </c>
      <c r="AL26" s="196">
        <v>0</v>
      </c>
      <c r="AM26" s="193">
        <v>0</v>
      </c>
      <c r="AN26" s="191">
        <v>0</v>
      </c>
      <c r="AO26" s="191">
        <v>0</v>
      </c>
      <c r="AP26" s="191">
        <v>1</v>
      </c>
      <c r="AQ26" s="191">
        <v>0</v>
      </c>
      <c r="AR26" s="191">
        <v>1</v>
      </c>
      <c r="AS26" s="196">
        <v>2</v>
      </c>
      <c r="AT26" s="195">
        <v>2</v>
      </c>
      <c r="AU26" s="190">
        <v>1</v>
      </c>
      <c r="AV26" s="191">
        <v>0</v>
      </c>
      <c r="AW26" s="196">
        <v>1</v>
      </c>
      <c r="AX26" s="193">
        <v>0</v>
      </c>
      <c r="AY26" s="191">
        <v>0</v>
      </c>
      <c r="AZ26" s="191">
        <v>2</v>
      </c>
      <c r="BA26" s="191">
        <v>0</v>
      </c>
      <c r="BB26" s="191">
        <v>0</v>
      </c>
      <c r="BC26" s="191">
        <v>0</v>
      </c>
      <c r="BD26" s="196">
        <v>2</v>
      </c>
      <c r="BE26" s="195">
        <v>3</v>
      </c>
      <c r="BF26" s="190">
        <v>0</v>
      </c>
      <c r="BG26" s="191">
        <v>0</v>
      </c>
      <c r="BH26" s="196">
        <v>0</v>
      </c>
      <c r="BI26" s="193">
        <v>0</v>
      </c>
      <c r="BJ26" s="191">
        <v>0</v>
      </c>
      <c r="BK26" s="191">
        <v>0</v>
      </c>
      <c r="BL26" s="191">
        <v>3</v>
      </c>
      <c r="BM26" s="191">
        <v>0</v>
      </c>
      <c r="BN26" s="191">
        <v>0</v>
      </c>
      <c r="BO26" s="194">
        <v>3</v>
      </c>
      <c r="BP26" s="195">
        <v>3</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3</v>
      </c>
      <c r="AD27" s="191">
        <v>2</v>
      </c>
      <c r="AE27" s="191">
        <v>1</v>
      </c>
      <c r="AF27" s="191">
        <v>1</v>
      </c>
      <c r="AG27" s="191">
        <v>0</v>
      </c>
      <c r="AH27" s="196">
        <v>7</v>
      </c>
      <c r="AI27" s="195">
        <v>7</v>
      </c>
      <c r="AJ27" s="190">
        <v>0</v>
      </c>
      <c r="AK27" s="191">
        <v>0</v>
      </c>
      <c r="AL27" s="196">
        <v>0</v>
      </c>
      <c r="AM27" s="193">
        <v>0</v>
      </c>
      <c r="AN27" s="191">
        <v>0</v>
      </c>
      <c r="AO27" s="191">
        <v>0</v>
      </c>
      <c r="AP27" s="191">
        <v>0</v>
      </c>
      <c r="AQ27" s="191">
        <v>0</v>
      </c>
      <c r="AR27" s="191">
        <v>0</v>
      </c>
      <c r="AS27" s="196">
        <v>0</v>
      </c>
      <c r="AT27" s="195">
        <v>0</v>
      </c>
      <c r="AU27" s="190">
        <v>0</v>
      </c>
      <c r="AV27" s="191">
        <v>1</v>
      </c>
      <c r="AW27" s="196">
        <v>1</v>
      </c>
      <c r="AX27" s="193">
        <v>0</v>
      </c>
      <c r="AY27" s="191">
        <v>0</v>
      </c>
      <c r="AZ27" s="191">
        <v>0</v>
      </c>
      <c r="BA27" s="191">
        <v>0</v>
      </c>
      <c r="BB27" s="191">
        <v>0</v>
      </c>
      <c r="BC27" s="191">
        <v>0</v>
      </c>
      <c r="BD27" s="196">
        <v>0</v>
      </c>
      <c r="BE27" s="195">
        <v>1</v>
      </c>
      <c r="BF27" s="190">
        <v>0</v>
      </c>
      <c r="BG27" s="191">
        <v>0</v>
      </c>
      <c r="BH27" s="196">
        <v>0</v>
      </c>
      <c r="BI27" s="193">
        <v>0</v>
      </c>
      <c r="BJ27" s="191">
        <v>0</v>
      </c>
      <c r="BK27" s="191">
        <v>0</v>
      </c>
      <c r="BL27" s="191">
        <v>1</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5</v>
      </c>
      <c r="AD28" s="191">
        <v>2</v>
      </c>
      <c r="AE28" s="191">
        <v>3</v>
      </c>
      <c r="AF28" s="191">
        <v>1</v>
      </c>
      <c r="AG28" s="191">
        <v>0</v>
      </c>
      <c r="AH28" s="196">
        <v>11</v>
      </c>
      <c r="AI28" s="195">
        <v>11</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1</v>
      </c>
      <c r="BD28" s="196">
        <v>1</v>
      </c>
      <c r="BE28" s="195">
        <v>1</v>
      </c>
      <c r="BF28" s="190">
        <v>0</v>
      </c>
      <c r="BG28" s="191">
        <v>0</v>
      </c>
      <c r="BH28" s="196">
        <v>0</v>
      </c>
      <c r="BI28" s="193">
        <v>0</v>
      </c>
      <c r="BJ28" s="191">
        <v>0</v>
      </c>
      <c r="BK28" s="191">
        <v>0</v>
      </c>
      <c r="BL28" s="191">
        <v>1</v>
      </c>
      <c r="BM28" s="191">
        <v>1</v>
      </c>
      <c r="BN28" s="191">
        <v>1</v>
      </c>
      <c r="BO28" s="194">
        <v>3</v>
      </c>
      <c r="BP28" s="195">
        <v>3</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1</v>
      </c>
      <c r="J29" s="191">
        <v>0</v>
      </c>
      <c r="K29" s="191">
        <v>0</v>
      </c>
      <c r="L29" s="194">
        <v>1</v>
      </c>
      <c r="M29" s="195">
        <v>1</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0</v>
      </c>
      <c r="AD29" s="191">
        <v>1</v>
      </c>
      <c r="AE29" s="191">
        <v>1</v>
      </c>
      <c r="AF29" s="191">
        <v>0</v>
      </c>
      <c r="AG29" s="191">
        <v>0</v>
      </c>
      <c r="AH29" s="196">
        <v>2</v>
      </c>
      <c r="AI29" s="195">
        <v>2</v>
      </c>
      <c r="AJ29" s="190">
        <v>0</v>
      </c>
      <c r="AK29" s="191">
        <v>0</v>
      </c>
      <c r="AL29" s="196">
        <v>0</v>
      </c>
      <c r="AM29" s="193">
        <v>0</v>
      </c>
      <c r="AN29" s="191">
        <v>0</v>
      </c>
      <c r="AO29" s="191">
        <v>0</v>
      </c>
      <c r="AP29" s="191">
        <v>1</v>
      </c>
      <c r="AQ29" s="191">
        <v>1</v>
      </c>
      <c r="AR29" s="191">
        <v>0</v>
      </c>
      <c r="AS29" s="196">
        <v>2</v>
      </c>
      <c r="AT29" s="195">
        <v>2</v>
      </c>
      <c r="AU29" s="190">
        <v>0</v>
      </c>
      <c r="AV29" s="191">
        <v>0</v>
      </c>
      <c r="AW29" s="196">
        <v>0</v>
      </c>
      <c r="AX29" s="193">
        <v>0</v>
      </c>
      <c r="AY29" s="191">
        <v>2</v>
      </c>
      <c r="AZ29" s="191">
        <v>1</v>
      </c>
      <c r="BA29" s="191">
        <v>0</v>
      </c>
      <c r="BB29" s="191">
        <v>0</v>
      </c>
      <c r="BC29" s="191">
        <v>0</v>
      </c>
      <c r="BD29" s="196">
        <v>3</v>
      </c>
      <c r="BE29" s="195">
        <v>3</v>
      </c>
      <c r="BF29" s="190">
        <v>0</v>
      </c>
      <c r="BG29" s="191">
        <v>0</v>
      </c>
      <c r="BH29" s="196">
        <v>0</v>
      </c>
      <c r="BI29" s="193">
        <v>0</v>
      </c>
      <c r="BJ29" s="191">
        <v>1</v>
      </c>
      <c r="BK29" s="191">
        <v>0</v>
      </c>
      <c r="BL29" s="191">
        <v>1</v>
      </c>
      <c r="BM29" s="191">
        <v>1</v>
      </c>
      <c r="BN29" s="191">
        <v>0</v>
      </c>
      <c r="BO29" s="194">
        <v>3</v>
      </c>
      <c r="BP29" s="195">
        <v>3</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1</v>
      </c>
      <c r="CI29" s="191">
        <v>1</v>
      </c>
      <c r="CJ29" s="191">
        <v>1</v>
      </c>
      <c r="CK29" s="196">
        <v>3</v>
      </c>
      <c r="CL29" s="195">
        <v>3</v>
      </c>
      <c r="CM29" s="190">
        <v>0</v>
      </c>
      <c r="CN29" s="191">
        <v>0</v>
      </c>
      <c r="CO29" s="196">
        <v>0</v>
      </c>
      <c r="CP29" s="193">
        <v>0</v>
      </c>
      <c r="CQ29" s="191">
        <v>0</v>
      </c>
      <c r="CR29" s="191">
        <v>0</v>
      </c>
      <c r="CS29" s="191">
        <v>0</v>
      </c>
      <c r="CT29" s="191">
        <v>0</v>
      </c>
      <c r="CU29" s="191">
        <v>0</v>
      </c>
      <c r="CV29" s="196">
        <v>0</v>
      </c>
      <c r="CW29" s="195">
        <v>0</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5</v>
      </c>
      <c r="AD30" s="191">
        <v>1</v>
      </c>
      <c r="AE30" s="191">
        <v>0</v>
      </c>
      <c r="AF30" s="191">
        <v>0</v>
      </c>
      <c r="AG30" s="191">
        <v>0</v>
      </c>
      <c r="AH30" s="196">
        <v>6</v>
      </c>
      <c r="AI30" s="195">
        <v>6</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1</v>
      </c>
      <c r="BO30" s="194">
        <v>2</v>
      </c>
      <c r="BP30" s="195">
        <v>2</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0</v>
      </c>
      <c r="H31" s="191">
        <v>0</v>
      </c>
      <c r="I31" s="191">
        <v>1</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2</v>
      </c>
      <c r="AE31" s="191">
        <v>1</v>
      </c>
      <c r="AF31" s="191">
        <v>0</v>
      </c>
      <c r="AG31" s="191">
        <v>0</v>
      </c>
      <c r="AH31" s="196">
        <v>3</v>
      </c>
      <c r="AI31" s="195">
        <v>3</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0</v>
      </c>
      <c r="AZ31" s="191">
        <v>0</v>
      </c>
      <c r="BA31" s="191">
        <v>0</v>
      </c>
      <c r="BB31" s="191">
        <v>0</v>
      </c>
      <c r="BC31" s="191">
        <v>0</v>
      </c>
      <c r="BD31" s="196">
        <v>0</v>
      </c>
      <c r="BE31" s="195">
        <v>0</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1</v>
      </c>
      <c r="CI31" s="191">
        <v>1</v>
      </c>
      <c r="CJ31" s="191">
        <v>0</v>
      </c>
      <c r="CK31" s="196">
        <v>2</v>
      </c>
      <c r="CL31" s="195">
        <v>2</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0</v>
      </c>
      <c r="AD32" s="191">
        <v>0</v>
      </c>
      <c r="AE32" s="191">
        <v>0</v>
      </c>
      <c r="AF32" s="191">
        <v>0</v>
      </c>
      <c r="AG32" s="191">
        <v>0</v>
      </c>
      <c r="AH32" s="196">
        <v>0</v>
      </c>
      <c r="AI32" s="195">
        <v>0</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0</v>
      </c>
      <c r="BK32" s="191">
        <v>0</v>
      </c>
      <c r="BL32" s="191">
        <v>0</v>
      </c>
      <c r="BM32" s="191">
        <v>0</v>
      </c>
      <c r="BN32" s="191">
        <v>0</v>
      </c>
      <c r="BO32" s="194">
        <v>0</v>
      </c>
      <c r="BP32" s="195">
        <v>0</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0</v>
      </c>
      <c r="AD33" s="191">
        <v>1</v>
      </c>
      <c r="AE33" s="191">
        <v>0</v>
      </c>
      <c r="AF33" s="191">
        <v>0</v>
      </c>
      <c r="AG33" s="191">
        <v>0</v>
      </c>
      <c r="AH33" s="196">
        <v>1</v>
      </c>
      <c r="AI33" s="195">
        <v>1</v>
      </c>
      <c r="AJ33" s="190">
        <v>0</v>
      </c>
      <c r="AK33" s="191">
        <v>0</v>
      </c>
      <c r="AL33" s="196">
        <v>0</v>
      </c>
      <c r="AM33" s="193">
        <v>0</v>
      </c>
      <c r="AN33" s="191">
        <v>0</v>
      </c>
      <c r="AO33" s="191">
        <v>0</v>
      </c>
      <c r="AP33" s="191">
        <v>0</v>
      </c>
      <c r="AQ33" s="191">
        <v>1</v>
      </c>
      <c r="AR33" s="191">
        <v>0</v>
      </c>
      <c r="AS33" s="196">
        <v>1</v>
      </c>
      <c r="AT33" s="195">
        <v>1</v>
      </c>
      <c r="AU33" s="190">
        <v>0</v>
      </c>
      <c r="AV33" s="191">
        <v>0</v>
      </c>
      <c r="AW33" s="196">
        <v>0</v>
      </c>
      <c r="AX33" s="193">
        <v>0</v>
      </c>
      <c r="AY33" s="191">
        <v>1</v>
      </c>
      <c r="AZ33" s="191">
        <v>0</v>
      </c>
      <c r="BA33" s="191">
        <v>0</v>
      </c>
      <c r="BB33" s="191">
        <v>0</v>
      </c>
      <c r="BC33" s="191">
        <v>0</v>
      </c>
      <c r="BD33" s="196">
        <v>1</v>
      </c>
      <c r="BE33" s="195">
        <v>1</v>
      </c>
      <c r="BF33" s="190">
        <v>0</v>
      </c>
      <c r="BG33" s="191">
        <v>0</v>
      </c>
      <c r="BH33" s="196">
        <v>0</v>
      </c>
      <c r="BI33" s="193">
        <v>0</v>
      </c>
      <c r="BJ33" s="191">
        <v>0</v>
      </c>
      <c r="BK33" s="191">
        <v>2</v>
      </c>
      <c r="BL33" s="191">
        <v>0</v>
      </c>
      <c r="BM33" s="191">
        <v>1</v>
      </c>
      <c r="BN33" s="191">
        <v>1</v>
      </c>
      <c r="BO33" s="194">
        <v>4</v>
      </c>
      <c r="BP33" s="195">
        <v>4</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1</v>
      </c>
      <c r="CJ33" s="191">
        <v>0</v>
      </c>
      <c r="CK33" s="196">
        <v>1</v>
      </c>
      <c r="CL33" s="195">
        <v>1</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0</v>
      </c>
      <c r="H34" s="191">
        <v>0</v>
      </c>
      <c r="I34" s="191">
        <v>0</v>
      </c>
      <c r="J34" s="191">
        <v>1</v>
      </c>
      <c r="K34" s="191">
        <v>0</v>
      </c>
      <c r="L34" s="194">
        <v>1</v>
      </c>
      <c r="M34" s="195">
        <v>1</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3</v>
      </c>
      <c r="AD34" s="191">
        <v>2</v>
      </c>
      <c r="AE34" s="191">
        <v>0</v>
      </c>
      <c r="AF34" s="191">
        <v>0</v>
      </c>
      <c r="AG34" s="191">
        <v>1</v>
      </c>
      <c r="AH34" s="196">
        <v>6</v>
      </c>
      <c r="AI34" s="195">
        <v>6</v>
      </c>
      <c r="AJ34" s="190">
        <v>0</v>
      </c>
      <c r="AK34" s="191">
        <v>0</v>
      </c>
      <c r="AL34" s="196">
        <v>0</v>
      </c>
      <c r="AM34" s="193">
        <v>0</v>
      </c>
      <c r="AN34" s="191">
        <v>0</v>
      </c>
      <c r="AO34" s="191">
        <v>0</v>
      </c>
      <c r="AP34" s="191">
        <v>0</v>
      </c>
      <c r="AQ34" s="191">
        <v>0</v>
      </c>
      <c r="AR34" s="191">
        <v>0</v>
      </c>
      <c r="AS34" s="196">
        <v>0</v>
      </c>
      <c r="AT34" s="195">
        <v>0</v>
      </c>
      <c r="AU34" s="190">
        <v>0</v>
      </c>
      <c r="AV34" s="191">
        <v>0</v>
      </c>
      <c r="AW34" s="196">
        <v>0</v>
      </c>
      <c r="AX34" s="193">
        <v>0</v>
      </c>
      <c r="AY34" s="191">
        <v>0</v>
      </c>
      <c r="AZ34" s="191">
        <v>0</v>
      </c>
      <c r="BA34" s="191">
        <v>0</v>
      </c>
      <c r="BB34" s="191">
        <v>0</v>
      </c>
      <c r="BC34" s="191">
        <v>0</v>
      </c>
      <c r="BD34" s="196">
        <v>0</v>
      </c>
      <c r="BE34" s="195">
        <v>0</v>
      </c>
      <c r="BF34" s="190">
        <v>0</v>
      </c>
      <c r="BG34" s="191">
        <v>0</v>
      </c>
      <c r="BH34" s="196">
        <v>0</v>
      </c>
      <c r="BI34" s="193">
        <v>0</v>
      </c>
      <c r="BJ34" s="191">
        <v>0</v>
      </c>
      <c r="BK34" s="191">
        <v>0</v>
      </c>
      <c r="BL34" s="191">
        <v>1</v>
      </c>
      <c r="BM34" s="191">
        <v>2</v>
      </c>
      <c r="BN34" s="191">
        <v>0</v>
      </c>
      <c r="BO34" s="194">
        <v>3</v>
      </c>
      <c r="BP34" s="195">
        <v>3</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2</v>
      </c>
      <c r="CI34" s="191">
        <v>0</v>
      </c>
      <c r="CJ34" s="191">
        <v>0</v>
      </c>
      <c r="CK34" s="196">
        <v>2</v>
      </c>
      <c r="CL34" s="195">
        <v>2</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0</v>
      </c>
      <c r="AE35" s="191">
        <v>0</v>
      </c>
      <c r="AF35" s="191">
        <v>0</v>
      </c>
      <c r="AG35" s="191">
        <v>0</v>
      </c>
      <c r="AH35" s="196">
        <v>2</v>
      </c>
      <c r="AI35" s="195">
        <v>2</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0</v>
      </c>
      <c r="BM35" s="191">
        <v>0</v>
      </c>
      <c r="BN35" s="191">
        <v>0</v>
      </c>
      <c r="BO35" s="194">
        <v>0</v>
      </c>
      <c r="BP35" s="195">
        <v>0</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2</v>
      </c>
      <c r="AD36" s="191">
        <v>2</v>
      </c>
      <c r="AE36" s="191">
        <v>0</v>
      </c>
      <c r="AF36" s="191">
        <v>0</v>
      </c>
      <c r="AG36" s="191">
        <v>0</v>
      </c>
      <c r="AH36" s="196">
        <v>4</v>
      </c>
      <c r="AI36" s="195">
        <v>4</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0</v>
      </c>
      <c r="AZ36" s="191">
        <v>1</v>
      </c>
      <c r="BA36" s="191">
        <v>1</v>
      </c>
      <c r="BB36" s="191">
        <v>0</v>
      </c>
      <c r="BC36" s="191">
        <v>0</v>
      </c>
      <c r="BD36" s="196">
        <v>2</v>
      </c>
      <c r="BE36" s="195">
        <v>2</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1</v>
      </c>
      <c r="J37" s="191">
        <v>0</v>
      </c>
      <c r="K37" s="191">
        <v>0</v>
      </c>
      <c r="L37" s="194">
        <v>1</v>
      </c>
      <c r="M37" s="195">
        <v>1</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0</v>
      </c>
      <c r="AD37" s="191">
        <v>0</v>
      </c>
      <c r="AE37" s="191">
        <v>0</v>
      </c>
      <c r="AF37" s="191">
        <v>0</v>
      </c>
      <c r="AG37" s="191">
        <v>0</v>
      </c>
      <c r="AH37" s="196">
        <v>0</v>
      </c>
      <c r="AI37" s="195">
        <v>0</v>
      </c>
      <c r="AJ37" s="190">
        <v>0</v>
      </c>
      <c r="AK37" s="191">
        <v>0</v>
      </c>
      <c r="AL37" s="196">
        <v>0</v>
      </c>
      <c r="AM37" s="193">
        <v>0</v>
      </c>
      <c r="AN37" s="191">
        <v>0</v>
      </c>
      <c r="AO37" s="191">
        <v>0</v>
      </c>
      <c r="AP37" s="191">
        <v>0</v>
      </c>
      <c r="AQ37" s="191">
        <v>0</v>
      </c>
      <c r="AR37" s="191">
        <v>0</v>
      </c>
      <c r="AS37" s="196">
        <v>0</v>
      </c>
      <c r="AT37" s="195">
        <v>0</v>
      </c>
      <c r="AU37" s="190">
        <v>0</v>
      </c>
      <c r="AV37" s="191">
        <v>0</v>
      </c>
      <c r="AW37" s="196">
        <v>0</v>
      </c>
      <c r="AX37" s="193">
        <v>0</v>
      </c>
      <c r="AY37" s="191">
        <v>0</v>
      </c>
      <c r="AZ37" s="191">
        <v>0</v>
      </c>
      <c r="BA37" s="191">
        <v>0</v>
      </c>
      <c r="BB37" s="191">
        <v>0</v>
      </c>
      <c r="BC37" s="191">
        <v>0</v>
      </c>
      <c r="BD37" s="196">
        <v>0</v>
      </c>
      <c r="BE37" s="195">
        <v>0</v>
      </c>
      <c r="BF37" s="190">
        <v>0</v>
      </c>
      <c r="BG37" s="191">
        <v>0</v>
      </c>
      <c r="BH37" s="196">
        <v>0</v>
      </c>
      <c r="BI37" s="193">
        <v>0</v>
      </c>
      <c r="BJ37" s="191">
        <v>0</v>
      </c>
      <c r="BK37" s="191">
        <v>2</v>
      </c>
      <c r="BL37" s="191">
        <v>0</v>
      </c>
      <c r="BM37" s="191">
        <v>0</v>
      </c>
      <c r="BN37" s="191">
        <v>0</v>
      </c>
      <c r="BO37" s="194">
        <v>2</v>
      </c>
      <c r="BP37" s="195">
        <v>2</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4</v>
      </c>
      <c r="AD38" s="191">
        <v>1</v>
      </c>
      <c r="AE38" s="191">
        <v>0</v>
      </c>
      <c r="AF38" s="191">
        <v>0</v>
      </c>
      <c r="AG38" s="191">
        <v>0</v>
      </c>
      <c r="AH38" s="196">
        <v>5</v>
      </c>
      <c r="AI38" s="195">
        <v>5</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0</v>
      </c>
      <c r="BL38" s="191">
        <v>0</v>
      </c>
      <c r="BM38" s="191">
        <v>1</v>
      </c>
      <c r="BN38" s="191">
        <v>0</v>
      </c>
      <c r="BO38" s="194">
        <v>1</v>
      </c>
      <c r="BP38" s="195">
        <v>1</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0</v>
      </c>
      <c r="AH39" s="203">
        <v>0</v>
      </c>
      <c r="AI39" s="202">
        <v>0</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8.44140625" style="175" customWidth="1"/>
    <col min="8" max="8" width="8.7773437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6640625" style="175" customWidth="1"/>
    <col min="51" max="60" width="9" style="175"/>
    <col min="61" max="61" width="7.21875" style="175" customWidth="1"/>
    <col min="62" max="71" width="9" style="175"/>
    <col min="72" max="72" width="7.21875" style="175" customWidth="1"/>
    <col min="73" max="82" width="9" style="175"/>
    <col min="83" max="83" width="7.33203125" style="175" customWidth="1"/>
    <col min="84" max="93" width="9" style="175"/>
    <col min="94" max="94" width="7.44140625" style="175" customWidth="1"/>
    <col min="95" max="16384" width="9" style="175"/>
  </cols>
  <sheetData>
    <row r="1" spans="2:101" ht="24" customHeight="1" x14ac:dyDescent="0.2">
      <c r="B1" s="142" t="s">
        <v>122</v>
      </c>
      <c r="I1" s="442">
        <f>第１表!F2</f>
        <v>6</v>
      </c>
      <c r="J1" s="442"/>
      <c r="K1" s="18">
        <f>第１表!G2</f>
        <v>11</v>
      </c>
      <c r="L1" s="447">
        <f>IF(K1&lt;3,K1+12-2,K1-2)</f>
        <v>9</v>
      </c>
      <c r="M1" s="447"/>
    </row>
    <row r="2" spans="2:101" s="71" customFormat="1" ht="24" customHeight="1" thickBot="1" x14ac:dyDescent="0.25">
      <c r="B2" s="142" t="s">
        <v>152</v>
      </c>
    </row>
    <row r="3" spans="2:101" ht="21" customHeight="1" thickBot="1" x14ac:dyDescent="0.25">
      <c r="B3" s="478"/>
      <c r="C3" s="472" t="s">
        <v>94</v>
      </c>
      <c r="D3" s="473"/>
      <c r="E3" s="473"/>
      <c r="F3" s="473"/>
      <c r="G3" s="473"/>
      <c r="H3" s="473"/>
      <c r="I3" s="473"/>
      <c r="J3" s="473"/>
      <c r="K3" s="473"/>
      <c r="L3" s="473"/>
      <c r="M3" s="474"/>
      <c r="N3" s="472" t="s">
        <v>88</v>
      </c>
      <c r="O3" s="473"/>
      <c r="P3" s="473"/>
      <c r="Q3" s="473"/>
      <c r="R3" s="473"/>
      <c r="S3" s="473"/>
      <c r="T3" s="473"/>
      <c r="U3" s="473"/>
      <c r="V3" s="473"/>
      <c r="W3" s="473"/>
      <c r="X3" s="474"/>
      <c r="Y3" s="472" t="s">
        <v>139</v>
      </c>
      <c r="Z3" s="473"/>
      <c r="AA3" s="473"/>
      <c r="AB3" s="473"/>
      <c r="AC3" s="473"/>
      <c r="AD3" s="473"/>
      <c r="AE3" s="473"/>
      <c r="AF3" s="473"/>
      <c r="AG3" s="473"/>
      <c r="AH3" s="473"/>
      <c r="AI3" s="474"/>
      <c r="AJ3" s="472" t="s">
        <v>90</v>
      </c>
      <c r="AK3" s="473"/>
      <c r="AL3" s="473"/>
      <c r="AM3" s="473"/>
      <c r="AN3" s="473"/>
      <c r="AO3" s="473"/>
      <c r="AP3" s="473"/>
      <c r="AQ3" s="473"/>
      <c r="AR3" s="473"/>
      <c r="AS3" s="473"/>
      <c r="AT3" s="474"/>
      <c r="AU3" s="481" t="s">
        <v>89</v>
      </c>
      <c r="AV3" s="482"/>
      <c r="AW3" s="482"/>
      <c r="AX3" s="482"/>
      <c r="AY3" s="482"/>
      <c r="AZ3" s="482"/>
      <c r="BA3" s="482"/>
      <c r="BB3" s="482"/>
      <c r="BC3" s="482"/>
      <c r="BD3" s="482"/>
      <c r="BE3" s="483"/>
      <c r="BF3" s="481" t="s">
        <v>91</v>
      </c>
      <c r="BG3" s="482"/>
      <c r="BH3" s="482"/>
      <c r="BI3" s="482"/>
      <c r="BJ3" s="482"/>
      <c r="BK3" s="482"/>
      <c r="BL3" s="482"/>
      <c r="BM3" s="482"/>
      <c r="BN3" s="482"/>
      <c r="BO3" s="482"/>
      <c r="BP3" s="483"/>
      <c r="BQ3" s="481" t="s">
        <v>92</v>
      </c>
      <c r="BR3" s="482"/>
      <c r="BS3" s="482"/>
      <c r="BT3" s="482"/>
      <c r="BU3" s="482"/>
      <c r="BV3" s="482"/>
      <c r="BW3" s="482"/>
      <c r="BX3" s="482"/>
      <c r="BY3" s="482"/>
      <c r="BZ3" s="482"/>
      <c r="CA3" s="483"/>
      <c r="CB3" s="481" t="s">
        <v>93</v>
      </c>
      <c r="CC3" s="482"/>
      <c r="CD3" s="482"/>
      <c r="CE3" s="482"/>
      <c r="CF3" s="482"/>
      <c r="CG3" s="482"/>
      <c r="CH3" s="482"/>
      <c r="CI3" s="482"/>
      <c r="CJ3" s="482"/>
      <c r="CK3" s="482"/>
      <c r="CL3" s="483"/>
      <c r="CM3" s="482" t="s">
        <v>138</v>
      </c>
      <c r="CN3" s="482"/>
      <c r="CO3" s="482"/>
      <c r="CP3" s="482"/>
      <c r="CQ3" s="482"/>
      <c r="CR3" s="482"/>
      <c r="CS3" s="482"/>
      <c r="CT3" s="482"/>
      <c r="CU3" s="482"/>
      <c r="CV3" s="482"/>
      <c r="CW3" s="483"/>
    </row>
    <row r="4" spans="2:101" ht="21" customHeight="1" x14ac:dyDescent="0.2">
      <c r="B4" s="479"/>
      <c r="C4" s="465" t="s">
        <v>61</v>
      </c>
      <c r="D4" s="466"/>
      <c r="E4" s="467"/>
      <c r="F4" s="468" t="s">
        <v>62</v>
      </c>
      <c r="G4" s="466"/>
      <c r="H4" s="466"/>
      <c r="I4" s="466"/>
      <c r="J4" s="466"/>
      <c r="K4" s="466"/>
      <c r="L4" s="471"/>
      <c r="M4" s="469" t="s">
        <v>52</v>
      </c>
      <c r="N4" s="465" t="s">
        <v>61</v>
      </c>
      <c r="O4" s="466"/>
      <c r="P4" s="467"/>
      <c r="Q4" s="468" t="s">
        <v>62</v>
      </c>
      <c r="R4" s="466"/>
      <c r="S4" s="466"/>
      <c r="T4" s="466"/>
      <c r="U4" s="466"/>
      <c r="V4" s="466"/>
      <c r="W4" s="467"/>
      <c r="X4" s="469" t="s">
        <v>52</v>
      </c>
      <c r="Y4" s="465" t="s">
        <v>61</v>
      </c>
      <c r="Z4" s="466"/>
      <c r="AA4" s="467"/>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93" t="s">
        <v>61</v>
      </c>
      <c r="AV4" s="491"/>
      <c r="AW4" s="492"/>
      <c r="AX4" s="490" t="s">
        <v>62</v>
      </c>
      <c r="AY4" s="491"/>
      <c r="AZ4" s="491"/>
      <c r="BA4" s="491"/>
      <c r="BB4" s="491"/>
      <c r="BC4" s="491"/>
      <c r="BD4" s="492"/>
      <c r="BE4" s="494" t="s">
        <v>52</v>
      </c>
      <c r="BF4" s="493" t="s">
        <v>61</v>
      </c>
      <c r="BG4" s="491"/>
      <c r="BH4" s="492"/>
      <c r="BI4" s="490" t="s">
        <v>62</v>
      </c>
      <c r="BJ4" s="491"/>
      <c r="BK4" s="491"/>
      <c r="BL4" s="491"/>
      <c r="BM4" s="491"/>
      <c r="BN4" s="491"/>
      <c r="BO4" s="492"/>
      <c r="BP4" s="494" t="s">
        <v>52</v>
      </c>
      <c r="BQ4" s="493" t="s">
        <v>61</v>
      </c>
      <c r="BR4" s="491"/>
      <c r="BS4" s="492"/>
      <c r="BT4" s="490" t="s">
        <v>62</v>
      </c>
      <c r="BU4" s="491"/>
      <c r="BV4" s="491"/>
      <c r="BW4" s="491"/>
      <c r="BX4" s="491"/>
      <c r="BY4" s="491"/>
      <c r="BZ4" s="492"/>
      <c r="CA4" s="494" t="s">
        <v>52</v>
      </c>
      <c r="CB4" s="493" t="s">
        <v>61</v>
      </c>
      <c r="CC4" s="491"/>
      <c r="CD4" s="492"/>
      <c r="CE4" s="490" t="s">
        <v>62</v>
      </c>
      <c r="CF4" s="491"/>
      <c r="CG4" s="491"/>
      <c r="CH4" s="491"/>
      <c r="CI4" s="491"/>
      <c r="CJ4" s="491"/>
      <c r="CK4" s="492"/>
      <c r="CL4" s="494" t="s">
        <v>52</v>
      </c>
      <c r="CM4" s="493" t="s">
        <v>61</v>
      </c>
      <c r="CN4" s="491"/>
      <c r="CO4" s="492"/>
      <c r="CP4" s="490" t="s">
        <v>62</v>
      </c>
      <c r="CQ4" s="491"/>
      <c r="CR4" s="491"/>
      <c r="CS4" s="491"/>
      <c r="CT4" s="491"/>
      <c r="CU4" s="491"/>
      <c r="CV4" s="492"/>
      <c r="CW4" s="494" t="s">
        <v>52</v>
      </c>
    </row>
    <row r="5" spans="2:101" ht="30" customHeight="1" thickBot="1" x14ac:dyDescent="0.25">
      <c r="B5" s="480"/>
      <c r="C5" s="177" t="s">
        <v>43</v>
      </c>
      <c r="D5" s="182" t="s">
        <v>44</v>
      </c>
      <c r="E5" s="205"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2" t="s">
        <v>45</v>
      </c>
      <c r="BE5" s="495"/>
      <c r="BF5" s="177" t="s">
        <v>43</v>
      </c>
      <c r="BG5" s="178" t="s">
        <v>44</v>
      </c>
      <c r="BH5" s="182" t="s">
        <v>45</v>
      </c>
      <c r="BI5" s="180" t="s">
        <v>83</v>
      </c>
      <c r="BJ5" s="178" t="s">
        <v>47</v>
      </c>
      <c r="BK5" s="178" t="s">
        <v>48</v>
      </c>
      <c r="BL5" s="178" t="s">
        <v>49</v>
      </c>
      <c r="BM5" s="178" t="s">
        <v>50</v>
      </c>
      <c r="BN5" s="178" t="s">
        <v>51</v>
      </c>
      <c r="BO5" s="182" t="s">
        <v>45</v>
      </c>
      <c r="BP5" s="495"/>
      <c r="BQ5" s="177" t="s">
        <v>43</v>
      </c>
      <c r="BR5" s="178" t="s">
        <v>44</v>
      </c>
      <c r="BS5" s="182" t="s">
        <v>45</v>
      </c>
      <c r="BT5" s="180" t="s">
        <v>83</v>
      </c>
      <c r="BU5" s="178" t="s">
        <v>47</v>
      </c>
      <c r="BV5" s="178" t="s">
        <v>48</v>
      </c>
      <c r="BW5" s="178" t="s">
        <v>49</v>
      </c>
      <c r="BX5" s="178" t="s">
        <v>50</v>
      </c>
      <c r="BY5" s="178" t="s">
        <v>51</v>
      </c>
      <c r="BZ5" s="182" t="s">
        <v>45</v>
      </c>
      <c r="CA5" s="495"/>
      <c r="CB5" s="177" t="s">
        <v>43</v>
      </c>
      <c r="CC5" s="178" t="s">
        <v>44</v>
      </c>
      <c r="CD5" s="182" t="s">
        <v>45</v>
      </c>
      <c r="CE5" s="180" t="s">
        <v>83</v>
      </c>
      <c r="CF5" s="178" t="s">
        <v>47</v>
      </c>
      <c r="CG5" s="178" t="s">
        <v>48</v>
      </c>
      <c r="CH5" s="178" t="s">
        <v>49</v>
      </c>
      <c r="CI5" s="178" t="s">
        <v>50</v>
      </c>
      <c r="CJ5" s="178" t="s">
        <v>51</v>
      </c>
      <c r="CK5" s="182" t="s">
        <v>45</v>
      </c>
      <c r="CL5" s="495"/>
      <c r="CM5" s="177" t="s">
        <v>43</v>
      </c>
      <c r="CN5" s="178" t="s">
        <v>44</v>
      </c>
      <c r="CO5" s="182" t="s">
        <v>45</v>
      </c>
      <c r="CP5" s="180" t="s">
        <v>83</v>
      </c>
      <c r="CQ5" s="178" t="s">
        <v>47</v>
      </c>
      <c r="CR5" s="178" t="s">
        <v>48</v>
      </c>
      <c r="CS5" s="178" t="s">
        <v>49</v>
      </c>
      <c r="CT5" s="178" t="s">
        <v>50</v>
      </c>
      <c r="CU5" s="178" t="s">
        <v>51</v>
      </c>
      <c r="CV5" s="182" t="s">
        <v>45</v>
      </c>
      <c r="CW5" s="495"/>
    </row>
    <row r="6" spans="2:101" ht="21" customHeight="1" x14ac:dyDescent="0.2">
      <c r="B6" s="84" t="s">
        <v>4</v>
      </c>
      <c r="C6" s="183">
        <v>0</v>
      </c>
      <c r="D6" s="189">
        <v>0</v>
      </c>
      <c r="E6" s="206">
        <v>0</v>
      </c>
      <c r="F6" s="186">
        <v>0</v>
      </c>
      <c r="G6" s="184">
        <v>17</v>
      </c>
      <c r="H6" s="184">
        <v>38</v>
      </c>
      <c r="I6" s="184">
        <v>23</v>
      </c>
      <c r="J6" s="184">
        <v>26</v>
      </c>
      <c r="K6" s="184">
        <v>29</v>
      </c>
      <c r="L6" s="187">
        <v>133</v>
      </c>
      <c r="M6" s="188">
        <v>133</v>
      </c>
      <c r="N6" s="183">
        <v>0</v>
      </c>
      <c r="O6" s="184">
        <v>0</v>
      </c>
      <c r="P6" s="189">
        <v>0</v>
      </c>
      <c r="Q6" s="186">
        <v>0</v>
      </c>
      <c r="R6" s="184">
        <v>14</v>
      </c>
      <c r="S6" s="184">
        <v>29</v>
      </c>
      <c r="T6" s="184">
        <v>24</v>
      </c>
      <c r="U6" s="184">
        <v>27</v>
      </c>
      <c r="V6" s="184">
        <v>28</v>
      </c>
      <c r="W6" s="189">
        <v>122</v>
      </c>
      <c r="X6" s="188">
        <v>122</v>
      </c>
      <c r="Y6" s="183">
        <v>0</v>
      </c>
      <c r="Z6" s="184">
        <v>0</v>
      </c>
      <c r="AA6" s="189">
        <v>0</v>
      </c>
      <c r="AB6" s="186">
        <v>0</v>
      </c>
      <c r="AC6" s="184">
        <v>882</v>
      </c>
      <c r="AD6" s="184">
        <v>779</v>
      </c>
      <c r="AE6" s="184">
        <v>348</v>
      </c>
      <c r="AF6" s="184">
        <v>147</v>
      </c>
      <c r="AG6" s="184">
        <v>53</v>
      </c>
      <c r="AH6" s="189">
        <v>2209</v>
      </c>
      <c r="AI6" s="188">
        <v>2209</v>
      </c>
      <c r="AJ6" s="183">
        <v>2</v>
      </c>
      <c r="AK6" s="184">
        <v>0</v>
      </c>
      <c r="AL6" s="189">
        <v>2</v>
      </c>
      <c r="AM6" s="186">
        <v>0</v>
      </c>
      <c r="AN6" s="184">
        <v>47</v>
      </c>
      <c r="AO6" s="184">
        <v>59</v>
      </c>
      <c r="AP6" s="184">
        <v>65</v>
      </c>
      <c r="AQ6" s="184">
        <v>21</v>
      </c>
      <c r="AR6" s="184">
        <v>30</v>
      </c>
      <c r="AS6" s="189">
        <v>222</v>
      </c>
      <c r="AT6" s="188">
        <v>224</v>
      </c>
      <c r="AU6" s="183">
        <v>12</v>
      </c>
      <c r="AV6" s="184">
        <v>21</v>
      </c>
      <c r="AW6" s="189">
        <v>33</v>
      </c>
      <c r="AX6" s="186">
        <v>0</v>
      </c>
      <c r="AY6" s="184">
        <v>80</v>
      </c>
      <c r="AZ6" s="184">
        <v>55</v>
      </c>
      <c r="BA6" s="184">
        <v>57</v>
      </c>
      <c r="BB6" s="184">
        <v>34</v>
      </c>
      <c r="BC6" s="184">
        <v>17</v>
      </c>
      <c r="BD6" s="189">
        <v>243</v>
      </c>
      <c r="BE6" s="188">
        <v>276</v>
      </c>
      <c r="BF6" s="183">
        <v>0</v>
      </c>
      <c r="BG6" s="184">
        <v>1</v>
      </c>
      <c r="BH6" s="189">
        <v>1</v>
      </c>
      <c r="BI6" s="186">
        <v>0</v>
      </c>
      <c r="BJ6" s="184">
        <v>85</v>
      </c>
      <c r="BK6" s="184">
        <v>118</v>
      </c>
      <c r="BL6" s="184">
        <v>142</v>
      </c>
      <c r="BM6" s="184">
        <v>88</v>
      </c>
      <c r="BN6" s="184">
        <v>79</v>
      </c>
      <c r="BO6" s="187">
        <v>512</v>
      </c>
      <c r="BP6" s="188">
        <v>513</v>
      </c>
      <c r="BQ6" s="183">
        <v>0</v>
      </c>
      <c r="BR6" s="184">
        <v>0</v>
      </c>
      <c r="BS6" s="189">
        <v>0</v>
      </c>
      <c r="BT6" s="186">
        <v>0</v>
      </c>
      <c r="BU6" s="184">
        <v>1</v>
      </c>
      <c r="BV6" s="184">
        <v>3</v>
      </c>
      <c r="BW6" s="184">
        <v>10</v>
      </c>
      <c r="BX6" s="184">
        <v>6</v>
      </c>
      <c r="BY6" s="184">
        <v>5</v>
      </c>
      <c r="BZ6" s="189">
        <v>25</v>
      </c>
      <c r="CA6" s="188">
        <v>25</v>
      </c>
      <c r="CB6" s="183">
        <v>0</v>
      </c>
      <c r="CC6" s="184">
        <v>0</v>
      </c>
      <c r="CD6" s="189">
        <v>0</v>
      </c>
      <c r="CE6" s="186">
        <v>0</v>
      </c>
      <c r="CF6" s="184">
        <v>0</v>
      </c>
      <c r="CG6" s="184">
        <v>1</v>
      </c>
      <c r="CH6" s="184">
        <v>8</v>
      </c>
      <c r="CI6" s="184">
        <v>20</v>
      </c>
      <c r="CJ6" s="184">
        <v>5</v>
      </c>
      <c r="CK6" s="189">
        <v>34</v>
      </c>
      <c r="CL6" s="188">
        <v>34</v>
      </c>
      <c r="CM6" s="183">
        <v>0</v>
      </c>
      <c r="CN6" s="184">
        <v>0</v>
      </c>
      <c r="CO6" s="189">
        <v>0</v>
      </c>
      <c r="CP6" s="186">
        <v>0</v>
      </c>
      <c r="CQ6" s="184">
        <v>12</v>
      </c>
      <c r="CR6" s="184">
        <v>17</v>
      </c>
      <c r="CS6" s="184">
        <v>17</v>
      </c>
      <c r="CT6" s="184">
        <v>21</v>
      </c>
      <c r="CU6" s="184">
        <v>35</v>
      </c>
      <c r="CV6" s="189">
        <v>102</v>
      </c>
      <c r="CW6" s="188">
        <v>102</v>
      </c>
    </row>
    <row r="7" spans="2:101" ht="21" customHeight="1" x14ac:dyDescent="0.2">
      <c r="B7" s="95" t="s">
        <v>5</v>
      </c>
      <c r="C7" s="190">
        <v>0</v>
      </c>
      <c r="D7" s="196">
        <v>0</v>
      </c>
      <c r="E7" s="207">
        <v>0</v>
      </c>
      <c r="F7" s="193">
        <v>0</v>
      </c>
      <c r="G7" s="191">
        <v>7</v>
      </c>
      <c r="H7" s="191">
        <v>14</v>
      </c>
      <c r="I7" s="191">
        <v>15</v>
      </c>
      <c r="J7" s="191">
        <v>13</v>
      </c>
      <c r="K7" s="191">
        <v>10</v>
      </c>
      <c r="L7" s="194">
        <v>59</v>
      </c>
      <c r="M7" s="195">
        <v>59</v>
      </c>
      <c r="N7" s="190">
        <v>0</v>
      </c>
      <c r="O7" s="191">
        <v>0</v>
      </c>
      <c r="P7" s="196">
        <v>0</v>
      </c>
      <c r="Q7" s="193">
        <v>0</v>
      </c>
      <c r="R7" s="191">
        <v>7</v>
      </c>
      <c r="S7" s="191">
        <v>23</v>
      </c>
      <c r="T7" s="191">
        <v>18</v>
      </c>
      <c r="U7" s="191">
        <v>21</v>
      </c>
      <c r="V7" s="191">
        <v>21</v>
      </c>
      <c r="W7" s="196">
        <v>90</v>
      </c>
      <c r="X7" s="195">
        <v>90</v>
      </c>
      <c r="Y7" s="190">
        <v>0</v>
      </c>
      <c r="Z7" s="191">
        <v>0</v>
      </c>
      <c r="AA7" s="196">
        <v>0</v>
      </c>
      <c r="AB7" s="193">
        <v>0</v>
      </c>
      <c r="AC7" s="191">
        <v>367</v>
      </c>
      <c r="AD7" s="191">
        <v>412</v>
      </c>
      <c r="AE7" s="191">
        <v>184</v>
      </c>
      <c r="AF7" s="191">
        <v>61</v>
      </c>
      <c r="AG7" s="191">
        <v>17</v>
      </c>
      <c r="AH7" s="196">
        <v>1041</v>
      </c>
      <c r="AI7" s="195">
        <v>1041</v>
      </c>
      <c r="AJ7" s="190">
        <v>1</v>
      </c>
      <c r="AK7" s="191">
        <v>0</v>
      </c>
      <c r="AL7" s="196">
        <v>1</v>
      </c>
      <c r="AM7" s="193">
        <v>0</v>
      </c>
      <c r="AN7" s="191">
        <v>23</v>
      </c>
      <c r="AO7" s="191">
        <v>30</v>
      </c>
      <c r="AP7" s="191">
        <v>34</v>
      </c>
      <c r="AQ7" s="191">
        <v>11</v>
      </c>
      <c r="AR7" s="191">
        <v>22</v>
      </c>
      <c r="AS7" s="196">
        <v>120</v>
      </c>
      <c r="AT7" s="195">
        <v>121</v>
      </c>
      <c r="AU7" s="190">
        <v>6</v>
      </c>
      <c r="AV7" s="191">
        <v>11</v>
      </c>
      <c r="AW7" s="196">
        <v>17</v>
      </c>
      <c r="AX7" s="193">
        <v>0</v>
      </c>
      <c r="AY7" s="191">
        <v>38</v>
      </c>
      <c r="AZ7" s="191">
        <v>24</v>
      </c>
      <c r="BA7" s="191">
        <v>27</v>
      </c>
      <c r="BB7" s="191">
        <v>19</v>
      </c>
      <c r="BC7" s="191">
        <v>9</v>
      </c>
      <c r="BD7" s="196">
        <v>117</v>
      </c>
      <c r="BE7" s="195">
        <v>134</v>
      </c>
      <c r="BF7" s="190">
        <v>0</v>
      </c>
      <c r="BG7" s="191">
        <v>0</v>
      </c>
      <c r="BH7" s="196">
        <v>0</v>
      </c>
      <c r="BI7" s="193">
        <v>0</v>
      </c>
      <c r="BJ7" s="191">
        <v>36</v>
      </c>
      <c r="BK7" s="191">
        <v>45</v>
      </c>
      <c r="BL7" s="191">
        <v>52</v>
      </c>
      <c r="BM7" s="191">
        <v>37</v>
      </c>
      <c r="BN7" s="191">
        <v>31</v>
      </c>
      <c r="BO7" s="194">
        <v>201</v>
      </c>
      <c r="BP7" s="195">
        <v>201</v>
      </c>
      <c r="BQ7" s="190">
        <v>0</v>
      </c>
      <c r="BR7" s="191">
        <v>0</v>
      </c>
      <c r="BS7" s="196">
        <v>0</v>
      </c>
      <c r="BT7" s="193">
        <v>0</v>
      </c>
      <c r="BU7" s="191">
        <v>0</v>
      </c>
      <c r="BV7" s="191">
        <v>0</v>
      </c>
      <c r="BW7" s="191">
        <v>0</v>
      </c>
      <c r="BX7" s="191">
        <v>0</v>
      </c>
      <c r="BY7" s="191">
        <v>0</v>
      </c>
      <c r="BZ7" s="196">
        <v>0</v>
      </c>
      <c r="CA7" s="195">
        <v>0</v>
      </c>
      <c r="CB7" s="190">
        <v>0</v>
      </c>
      <c r="CC7" s="191">
        <v>0</v>
      </c>
      <c r="CD7" s="196">
        <v>0</v>
      </c>
      <c r="CE7" s="193">
        <v>0</v>
      </c>
      <c r="CF7" s="191">
        <v>0</v>
      </c>
      <c r="CG7" s="191">
        <v>0</v>
      </c>
      <c r="CH7" s="191">
        <v>0</v>
      </c>
      <c r="CI7" s="191">
        <v>1</v>
      </c>
      <c r="CJ7" s="191">
        <v>0</v>
      </c>
      <c r="CK7" s="196">
        <v>1</v>
      </c>
      <c r="CL7" s="195">
        <v>1</v>
      </c>
      <c r="CM7" s="190">
        <v>0</v>
      </c>
      <c r="CN7" s="191">
        <v>0</v>
      </c>
      <c r="CO7" s="196">
        <v>0</v>
      </c>
      <c r="CP7" s="193">
        <v>0</v>
      </c>
      <c r="CQ7" s="191">
        <v>1</v>
      </c>
      <c r="CR7" s="191">
        <v>5</v>
      </c>
      <c r="CS7" s="191">
        <v>2</v>
      </c>
      <c r="CT7" s="191">
        <v>8</v>
      </c>
      <c r="CU7" s="191">
        <v>11</v>
      </c>
      <c r="CV7" s="196">
        <v>27</v>
      </c>
      <c r="CW7" s="195">
        <v>27</v>
      </c>
    </row>
    <row r="8" spans="2:101" ht="21" customHeight="1" x14ac:dyDescent="0.2">
      <c r="B8" s="106" t="s">
        <v>6</v>
      </c>
      <c r="C8" s="190">
        <v>0</v>
      </c>
      <c r="D8" s="196">
        <v>0</v>
      </c>
      <c r="E8" s="207">
        <v>0</v>
      </c>
      <c r="F8" s="193">
        <v>0</v>
      </c>
      <c r="G8" s="191">
        <v>5</v>
      </c>
      <c r="H8" s="191">
        <v>9</v>
      </c>
      <c r="I8" s="191">
        <v>4</v>
      </c>
      <c r="J8" s="191">
        <v>7</v>
      </c>
      <c r="K8" s="191">
        <v>10</v>
      </c>
      <c r="L8" s="194">
        <v>35</v>
      </c>
      <c r="M8" s="195">
        <v>35</v>
      </c>
      <c r="N8" s="190">
        <v>0</v>
      </c>
      <c r="O8" s="191">
        <v>0</v>
      </c>
      <c r="P8" s="196">
        <v>0</v>
      </c>
      <c r="Q8" s="193">
        <v>0</v>
      </c>
      <c r="R8" s="191">
        <v>7</v>
      </c>
      <c r="S8" s="191">
        <v>5</v>
      </c>
      <c r="T8" s="191">
        <v>6</v>
      </c>
      <c r="U8" s="191">
        <v>4</v>
      </c>
      <c r="V8" s="191">
        <v>7</v>
      </c>
      <c r="W8" s="196">
        <v>29</v>
      </c>
      <c r="X8" s="195">
        <v>29</v>
      </c>
      <c r="Y8" s="190">
        <v>0</v>
      </c>
      <c r="Z8" s="191">
        <v>0</v>
      </c>
      <c r="AA8" s="196">
        <v>0</v>
      </c>
      <c r="AB8" s="193">
        <v>0</v>
      </c>
      <c r="AC8" s="191">
        <v>130</v>
      </c>
      <c r="AD8" s="191">
        <v>105</v>
      </c>
      <c r="AE8" s="191">
        <v>46</v>
      </c>
      <c r="AF8" s="191">
        <v>28</v>
      </c>
      <c r="AG8" s="191">
        <v>8</v>
      </c>
      <c r="AH8" s="196">
        <v>317</v>
      </c>
      <c r="AI8" s="195">
        <v>317</v>
      </c>
      <c r="AJ8" s="190">
        <v>0</v>
      </c>
      <c r="AK8" s="191">
        <v>0</v>
      </c>
      <c r="AL8" s="196">
        <v>0</v>
      </c>
      <c r="AM8" s="193">
        <v>0</v>
      </c>
      <c r="AN8" s="191">
        <v>9</v>
      </c>
      <c r="AO8" s="191">
        <v>15</v>
      </c>
      <c r="AP8" s="191">
        <v>19</v>
      </c>
      <c r="AQ8" s="191">
        <v>5</v>
      </c>
      <c r="AR8" s="191">
        <v>6</v>
      </c>
      <c r="AS8" s="196">
        <v>54</v>
      </c>
      <c r="AT8" s="195">
        <v>54</v>
      </c>
      <c r="AU8" s="190">
        <v>1</v>
      </c>
      <c r="AV8" s="191">
        <v>5</v>
      </c>
      <c r="AW8" s="196">
        <v>6</v>
      </c>
      <c r="AX8" s="193">
        <v>0</v>
      </c>
      <c r="AY8" s="191">
        <v>8</v>
      </c>
      <c r="AZ8" s="191">
        <v>9</v>
      </c>
      <c r="BA8" s="191">
        <v>12</v>
      </c>
      <c r="BB8" s="191">
        <v>4</v>
      </c>
      <c r="BC8" s="191">
        <v>3</v>
      </c>
      <c r="BD8" s="196">
        <v>36</v>
      </c>
      <c r="BE8" s="195">
        <v>42</v>
      </c>
      <c r="BF8" s="190">
        <v>0</v>
      </c>
      <c r="BG8" s="191">
        <v>0</v>
      </c>
      <c r="BH8" s="196">
        <v>0</v>
      </c>
      <c r="BI8" s="193">
        <v>0</v>
      </c>
      <c r="BJ8" s="191">
        <v>18</v>
      </c>
      <c r="BK8" s="191">
        <v>29</v>
      </c>
      <c r="BL8" s="191">
        <v>28</v>
      </c>
      <c r="BM8" s="191">
        <v>18</v>
      </c>
      <c r="BN8" s="191">
        <v>17</v>
      </c>
      <c r="BO8" s="194">
        <v>110</v>
      </c>
      <c r="BP8" s="195">
        <v>110</v>
      </c>
      <c r="BQ8" s="190">
        <v>0</v>
      </c>
      <c r="BR8" s="191">
        <v>0</v>
      </c>
      <c r="BS8" s="196">
        <v>0</v>
      </c>
      <c r="BT8" s="193">
        <v>0</v>
      </c>
      <c r="BU8" s="191">
        <v>0</v>
      </c>
      <c r="BV8" s="191">
        <v>0</v>
      </c>
      <c r="BW8" s="191">
        <v>0</v>
      </c>
      <c r="BX8" s="191">
        <v>0</v>
      </c>
      <c r="BY8" s="191">
        <v>0</v>
      </c>
      <c r="BZ8" s="196">
        <v>0</v>
      </c>
      <c r="CA8" s="195">
        <v>0</v>
      </c>
      <c r="CB8" s="190">
        <v>0</v>
      </c>
      <c r="CC8" s="191">
        <v>0</v>
      </c>
      <c r="CD8" s="196">
        <v>0</v>
      </c>
      <c r="CE8" s="193">
        <v>0</v>
      </c>
      <c r="CF8" s="191">
        <v>0</v>
      </c>
      <c r="CG8" s="191">
        <v>1</v>
      </c>
      <c r="CH8" s="191">
        <v>5</v>
      </c>
      <c r="CI8" s="191">
        <v>8</v>
      </c>
      <c r="CJ8" s="191">
        <v>3</v>
      </c>
      <c r="CK8" s="196">
        <v>17</v>
      </c>
      <c r="CL8" s="195">
        <v>17</v>
      </c>
      <c r="CM8" s="190">
        <v>0</v>
      </c>
      <c r="CN8" s="191">
        <v>0</v>
      </c>
      <c r="CO8" s="196">
        <v>0</v>
      </c>
      <c r="CP8" s="193">
        <v>0</v>
      </c>
      <c r="CQ8" s="191">
        <v>5</v>
      </c>
      <c r="CR8" s="191">
        <v>6</v>
      </c>
      <c r="CS8" s="191">
        <v>9</v>
      </c>
      <c r="CT8" s="191">
        <v>5</v>
      </c>
      <c r="CU8" s="191">
        <v>17</v>
      </c>
      <c r="CV8" s="196">
        <v>42</v>
      </c>
      <c r="CW8" s="195">
        <v>42</v>
      </c>
    </row>
    <row r="9" spans="2:101" ht="21" customHeight="1" x14ac:dyDescent="0.2">
      <c r="B9" s="106" t="s">
        <v>14</v>
      </c>
      <c r="C9" s="190">
        <v>0</v>
      </c>
      <c r="D9" s="196">
        <v>0</v>
      </c>
      <c r="E9" s="207">
        <v>0</v>
      </c>
      <c r="F9" s="193">
        <v>0</v>
      </c>
      <c r="G9" s="191">
        <v>0</v>
      </c>
      <c r="H9" s="191">
        <v>4</v>
      </c>
      <c r="I9" s="191">
        <v>0</v>
      </c>
      <c r="J9" s="191">
        <v>0</v>
      </c>
      <c r="K9" s="191">
        <v>2</v>
      </c>
      <c r="L9" s="194">
        <v>6</v>
      </c>
      <c r="M9" s="195">
        <v>6</v>
      </c>
      <c r="N9" s="190">
        <v>0</v>
      </c>
      <c r="O9" s="191">
        <v>0</v>
      </c>
      <c r="P9" s="196">
        <v>0</v>
      </c>
      <c r="Q9" s="193">
        <v>0</v>
      </c>
      <c r="R9" s="191">
        <v>0</v>
      </c>
      <c r="S9" s="191">
        <v>0</v>
      </c>
      <c r="T9" s="191">
        <v>0</v>
      </c>
      <c r="U9" s="191">
        <v>0</v>
      </c>
      <c r="V9" s="191">
        <v>0</v>
      </c>
      <c r="W9" s="196">
        <v>0</v>
      </c>
      <c r="X9" s="195">
        <v>0</v>
      </c>
      <c r="Y9" s="190">
        <v>0</v>
      </c>
      <c r="Z9" s="191">
        <v>0</v>
      </c>
      <c r="AA9" s="196">
        <v>0</v>
      </c>
      <c r="AB9" s="193">
        <v>0</v>
      </c>
      <c r="AC9" s="191">
        <v>51</v>
      </c>
      <c r="AD9" s="191">
        <v>57</v>
      </c>
      <c r="AE9" s="191">
        <v>24</v>
      </c>
      <c r="AF9" s="191">
        <v>11</v>
      </c>
      <c r="AG9" s="191">
        <v>6</v>
      </c>
      <c r="AH9" s="196">
        <v>149</v>
      </c>
      <c r="AI9" s="195">
        <v>149</v>
      </c>
      <c r="AJ9" s="190">
        <v>0</v>
      </c>
      <c r="AK9" s="191">
        <v>0</v>
      </c>
      <c r="AL9" s="196">
        <v>0</v>
      </c>
      <c r="AM9" s="193">
        <v>0</v>
      </c>
      <c r="AN9" s="191">
        <v>0</v>
      </c>
      <c r="AO9" s="191">
        <v>1</v>
      </c>
      <c r="AP9" s="191">
        <v>0</v>
      </c>
      <c r="AQ9" s="191">
        <v>1</v>
      </c>
      <c r="AR9" s="191">
        <v>0</v>
      </c>
      <c r="AS9" s="196">
        <v>2</v>
      </c>
      <c r="AT9" s="195">
        <v>2</v>
      </c>
      <c r="AU9" s="190">
        <v>2</v>
      </c>
      <c r="AV9" s="191">
        <v>0</v>
      </c>
      <c r="AW9" s="196">
        <v>2</v>
      </c>
      <c r="AX9" s="193">
        <v>0</v>
      </c>
      <c r="AY9" s="191">
        <v>5</v>
      </c>
      <c r="AZ9" s="191">
        <v>5</v>
      </c>
      <c r="BA9" s="191">
        <v>2</v>
      </c>
      <c r="BB9" s="191">
        <v>2</v>
      </c>
      <c r="BC9" s="191">
        <v>1</v>
      </c>
      <c r="BD9" s="196">
        <v>15</v>
      </c>
      <c r="BE9" s="195">
        <v>17</v>
      </c>
      <c r="BF9" s="190">
        <v>0</v>
      </c>
      <c r="BG9" s="191">
        <v>0</v>
      </c>
      <c r="BH9" s="196">
        <v>0</v>
      </c>
      <c r="BI9" s="193">
        <v>0</v>
      </c>
      <c r="BJ9" s="191">
        <v>6</v>
      </c>
      <c r="BK9" s="191">
        <v>6</v>
      </c>
      <c r="BL9" s="191">
        <v>15</v>
      </c>
      <c r="BM9" s="191">
        <v>6</v>
      </c>
      <c r="BN9" s="191">
        <v>6</v>
      </c>
      <c r="BO9" s="194">
        <v>39</v>
      </c>
      <c r="BP9" s="195">
        <v>39</v>
      </c>
      <c r="BQ9" s="190">
        <v>0</v>
      </c>
      <c r="BR9" s="191">
        <v>0</v>
      </c>
      <c r="BS9" s="196">
        <v>0</v>
      </c>
      <c r="BT9" s="193">
        <v>0</v>
      </c>
      <c r="BU9" s="191">
        <v>0</v>
      </c>
      <c r="BV9" s="191">
        <v>0</v>
      </c>
      <c r="BW9" s="191">
        <v>0</v>
      </c>
      <c r="BX9" s="191">
        <v>0</v>
      </c>
      <c r="BY9" s="191">
        <v>0</v>
      </c>
      <c r="BZ9" s="196">
        <v>0</v>
      </c>
      <c r="CA9" s="195">
        <v>0</v>
      </c>
      <c r="CB9" s="190">
        <v>0</v>
      </c>
      <c r="CC9" s="191">
        <v>0</v>
      </c>
      <c r="CD9" s="196">
        <v>0</v>
      </c>
      <c r="CE9" s="193">
        <v>0</v>
      </c>
      <c r="CF9" s="191">
        <v>0</v>
      </c>
      <c r="CG9" s="191">
        <v>0</v>
      </c>
      <c r="CH9" s="191">
        <v>0</v>
      </c>
      <c r="CI9" s="191">
        <v>3</v>
      </c>
      <c r="CJ9" s="191">
        <v>0</v>
      </c>
      <c r="CK9" s="196">
        <v>3</v>
      </c>
      <c r="CL9" s="195">
        <v>3</v>
      </c>
      <c r="CM9" s="190">
        <v>0</v>
      </c>
      <c r="CN9" s="191">
        <v>0</v>
      </c>
      <c r="CO9" s="196">
        <v>0</v>
      </c>
      <c r="CP9" s="193">
        <v>0</v>
      </c>
      <c r="CQ9" s="191">
        <v>0</v>
      </c>
      <c r="CR9" s="191">
        <v>1</v>
      </c>
      <c r="CS9" s="191">
        <v>0</v>
      </c>
      <c r="CT9" s="191">
        <v>3</v>
      </c>
      <c r="CU9" s="191">
        <v>0</v>
      </c>
      <c r="CV9" s="196">
        <v>4</v>
      </c>
      <c r="CW9" s="195">
        <v>4</v>
      </c>
    </row>
    <row r="10" spans="2:101" ht="21" customHeight="1" x14ac:dyDescent="0.2">
      <c r="B10" s="106" t="s">
        <v>7</v>
      </c>
      <c r="C10" s="190">
        <v>0</v>
      </c>
      <c r="D10" s="196">
        <v>0</v>
      </c>
      <c r="E10" s="207">
        <v>0</v>
      </c>
      <c r="F10" s="193">
        <v>0</v>
      </c>
      <c r="G10" s="191">
        <v>0</v>
      </c>
      <c r="H10" s="191">
        <v>1</v>
      </c>
      <c r="I10" s="191">
        <v>0</v>
      </c>
      <c r="J10" s="191">
        <v>0</v>
      </c>
      <c r="K10" s="191">
        <v>1</v>
      </c>
      <c r="L10" s="194">
        <v>2</v>
      </c>
      <c r="M10" s="195">
        <v>2</v>
      </c>
      <c r="N10" s="190">
        <v>0</v>
      </c>
      <c r="O10" s="191">
        <v>0</v>
      </c>
      <c r="P10" s="196">
        <v>0</v>
      </c>
      <c r="Q10" s="193">
        <v>0</v>
      </c>
      <c r="R10" s="191">
        <v>0</v>
      </c>
      <c r="S10" s="191">
        <v>0</v>
      </c>
      <c r="T10" s="191">
        <v>0</v>
      </c>
      <c r="U10" s="191">
        <v>0</v>
      </c>
      <c r="V10" s="191">
        <v>0</v>
      </c>
      <c r="W10" s="196">
        <v>0</v>
      </c>
      <c r="X10" s="195">
        <v>0</v>
      </c>
      <c r="Y10" s="190">
        <v>0</v>
      </c>
      <c r="Z10" s="191">
        <v>0</v>
      </c>
      <c r="AA10" s="196">
        <v>0</v>
      </c>
      <c r="AB10" s="193">
        <v>0</v>
      </c>
      <c r="AC10" s="191">
        <v>46</v>
      </c>
      <c r="AD10" s="191">
        <v>21</v>
      </c>
      <c r="AE10" s="191">
        <v>7</v>
      </c>
      <c r="AF10" s="191">
        <v>5</v>
      </c>
      <c r="AG10" s="191">
        <v>1</v>
      </c>
      <c r="AH10" s="196">
        <v>80</v>
      </c>
      <c r="AI10" s="195">
        <v>80</v>
      </c>
      <c r="AJ10" s="190">
        <v>0</v>
      </c>
      <c r="AK10" s="191">
        <v>0</v>
      </c>
      <c r="AL10" s="196">
        <v>0</v>
      </c>
      <c r="AM10" s="193">
        <v>0</v>
      </c>
      <c r="AN10" s="191">
        <v>4</v>
      </c>
      <c r="AO10" s="191">
        <v>3</v>
      </c>
      <c r="AP10" s="191">
        <v>4</v>
      </c>
      <c r="AQ10" s="191">
        <v>2</v>
      </c>
      <c r="AR10" s="191">
        <v>0</v>
      </c>
      <c r="AS10" s="196">
        <v>13</v>
      </c>
      <c r="AT10" s="195">
        <v>13</v>
      </c>
      <c r="AU10" s="190">
        <v>0</v>
      </c>
      <c r="AV10" s="191">
        <v>0</v>
      </c>
      <c r="AW10" s="196">
        <v>0</v>
      </c>
      <c r="AX10" s="193">
        <v>0</v>
      </c>
      <c r="AY10" s="191">
        <v>3</v>
      </c>
      <c r="AZ10" s="191">
        <v>0</v>
      </c>
      <c r="BA10" s="191">
        <v>1</v>
      </c>
      <c r="BB10" s="191">
        <v>0</v>
      </c>
      <c r="BC10" s="191">
        <v>0</v>
      </c>
      <c r="BD10" s="196">
        <v>4</v>
      </c>
      <c r="BE10" s="195">
        <v>4</v>
      </c>
      <c r="BF10" s="190">
        <v>0</v>
      </c>
      <c r="BG10" s="191">
        <v>0</v>
      </c>
      <c r="BH10" s="196">
        <v>0</v>
      </c>
      <c r="BI10" s="193">
        <v>0</v>
      </c>
      <c r="BJ10" s="191">
        <v>2</v>
      </c>
      <c r="BK10" s="191">
        <v>5</v>
      </c>
      <c r="BL10" s="191">
        <v>4</v>
      </c>
      <c r="BM10" s="191">
        <v>5</v>
      </c>
      <c r="BN10" s="191">
        <v>3</v>
      </c>
      <c r="BO10" s="194">
        <v>19</v>
      </c>
      <c r="BP10" s="195">
        <v>19</v>
      </c>
      <c r="BQ10" s="190">
        <v>0</v>
      </c>
      <c r="BR10" s="191">
        <v>0</v>
      </c>
      <c r="BS10" s="196">
        <v>0</v>
      </c>
      <c r="BT10" s="193">
        <v>0</v>
      </c>
      <c r="BU10" s="191">
        <v>0</v>
      </c>
      <c r="BV10" s="191">
        <v>0</v>
      </c>
      <c r="BW10" s="191">
        <v>0</v>
      </c>
      <c r="BX10" s="191">
        <v>0</v>
      </c>
      <c r="BY10" s="191">
        <v>0</v>
      </c>
      <c r="BZ10" s="196">
        <v>0</v>
      </c>
      <c r="CA10" s="195">
        <v>0</v>
      </c>
      <c r="CB10" s="190">
        <v>0</v>
      </c>
      <c r="CC10" s="191">
        <v>0</v>
      </c>
      <c r="CD10" s="196">
        <v>0</v>
      </c>
      <c r="CE10" s="193">
        <v>0</v>
      </c>
      <c r="CF10" s="191">
        <v>0</v>
      </c>
      <c r="CG10" s="191">
        <v>0</v>
      </c>
      <c r="CH10" s="191">
        <v>0</v>
      </c>
      <c r="CI10" s="191">
        <v>0</v>
      </c>
      <c r="CJ10" s="191">
        <v>0</v>
      </c>
      <c r="CK10" s="196">
        <v>0</v>
      </c>
      <c r="CL10" s="195">
        <v>0</v>
      </c>
      <c r="CM10" s="190">
        <v>0</v>
      </c>
      <c r="CN10" s="191">
        <v>0</v>
      </c>
      <c r="CO10" s="196">
        <v>0</v>
      </c>
      <c r="CP10" s="193">
        <v>0</v>
      </c>
      <c r="CQ10" s="191">
        <v>1</v>
      </c>
      <c r="CR10" s="191">
        <v>0</v>
      </c>
      <c r="CS10" s="191">
        <v>0</v>
      </c>
      <c r="CT10" s="191">
        <v>0</v>
      </c>
      <c r="CU10" s="191">
        <v>0</v>
      </c>
      <c r="CV10" s="196">
        <v>1</v>
      </c>
      <c r="CW10" s="195">
        <v>1</v>
      </c>
    </row>
    <row r="11" spans="2:101" ht="21" customHeight="1" x14ac:dyDescent="0.2">
      <c r="B11" s="106" t="s">
        <v>8</v>
      </c>
      <c r="C11" s="190">
        <v>0</v>
      </c>
      <c r="D11" s="196">
        <v>0</v>
      </c>
      <c r="E11" s="207">
        <v>0</v>
      </c>
      <c r="F11" s="193">
        <v>0</v>
      </c>
      <c r="G11" s="191">
        <v>0</v>
      </c>
      <c r="H11" s="191">
        <v>0</v>
      </c>
      <c r="I11" s="191">
        <v>0</v>
      </c>
      <c r="J11" s="191">
        <v>0</v>
      </c>
      <c r="K11" s="191">
        <v>0</v>
      </c>
      <c r="L11" s="194">
        <v>0</v>
      </c>
      <c r="M11" s="195">
        <v>0</v>
      </c>
      <c r="N11" s="190">
        <v>0</v>
      </c>
      <c r="O11" s="191">
        <v>0</v>
      </c>
      <c r="P11" s="196">
        <v>0</v>
      </c>
      <c r="Q11" s="193">
        <v>0</v>
      </c>
      <c r="R11" s="191">
        <v>0</v>
      </c>
      <c r="S11" s="191">
        <v>0</v>
      </c>
      <c r="T11" s="191">
        <v>0</v>
      </c>
      <c r="U11" s="191">
        <v>0</v>
      </c>
      <c r="V11" s="191">
        <v>0</v>
      </c>
      <c r="W11" s="196">
        <v>0</v>
      </c>
      <c r="X11" s="195">
        <v>0</v>
      </c>
      <c r="Y11" s="190">
        <v>0</v>
      </c>
      <c r="Z11" s="191">
        <v>0</v>
      </c>
      <c r="AA11" s="196">
        <v>0</v>
      </c>
      <c r="AB11" s="193">
        <v>0</v>
      </c>
      <c r="AC11" s="191">
        <v>34</v>
      </c>
      <c r="AD11" s="191">
        <v>20</v>
      </c>
      <c r="AE11" s="191">
        <v>8</v>
      </c>
      <c r="AF11" s="191">
        <v>4</v>
      </c>
      <c r="AG11" s="191">
        <v>3</v>
      </c>
      <c r="AH11" s="196">
        <v>69</v>
      </c>
      <c r="AI11" s="195">
        <v>69</v>
      </c>
      <c r="AJ11" s="190">
        <v>0</v>
      </c>
      <c r="AK11" s="191">
        <v>0</v>
      </c>
      <c r="AL11" s="196">
        <v>0</v>
      </c>
      <c r="AM11" s="193">
        <v>0</v>
      </c>
      <c r="AN11" s="191">
        <v>0</v>
      </c>
      <c r="AO11" s="191">
        <v>0</v>
      </c>
      <c r="AP11" s="191">
        <v>0</v>
      </c>
      <c r="AQ11" s="191">
        <v>0</v>
      </c>
      <c r="AR11" s="191">
        <v>1</v>
      </c>
      <c r="AS11" s="196">
        <v>1</v>
      </c>
      <c r="AT11" s="195">
        <v>1</v>
      </c>
      <c r="AU11" s="190">
        <v>0</v>
      </c>
      <c r="AV11" s="191">
        <v>1</v>
      </c>
      <c r="AW11" s="196">
        <v>1</v>
      </c>
      <c r="AX11" s="193">
        <v>0</v>
      </c>
      <c r="AY11" s="191">
        <v>1</v>
      </c>
      <c r="AZ11" s="191">
        <v>1</v>
      </c>
      <c r="BA11" s="191">
        <v>0</v>
      </c>
      <c r="BB11" s="191">
        <v>1</v>
      </c>
      <c r="BC11" s="191">
        <v>0</v>
      </c>
      <c r="BD11" s="196">
        <v>3</v>
      </c>
      <c r="BE11" s="195">
        <v>4</v>
      </c>
      <c r="BF11" s="190">
        <v>0</v>
      </c>
      <c r="BG11" s="191">
        <v>0</v>
      </c>
      <c r="BH11" s="196">
        <v>0</v>
      </c>
      <c r="BI11" s="193">
        <v>0</v>
      </c>
      <c r="BJ11" s="191">
        <v>4</v>
      </c>
      <c r="BK11" s="191">
        <v>3</v>
      </c>
      <c r="BL11" s="191">
        <v>4</v>
      </c>
      <c r="BM11" s="191">
        <v>2</v>
      </c>
      <c r="BN11" s="191">
        <v>0</v>
      </c>
      <c r="BO11" s="194">
        <v>13</v>
      </c>
      <c r="BP11" s="195">
        <v>13</v>
      </c>
      <c r="BQ11" s="190">
        <v>0</v>
      </c>
      <c r="BR11" s="191">
        <v>0</v>
      </c>
      <c r="BS11" s="196">
        <v>0</v>
      </c>
      <c r="BT11" s="193">
        <v>0</v>
      </c>
      <c r="BU11" s="191">
        <v>0</v>
      </c>
      <c r="BV11" s="191">
        <v>0</v>
      </c>
      <c r="BW11" s="191">
        <v>1</v>
      </c>
      <c r="BX11" s="191">
        <v>2</v>
      </c>
      <c r="BY11" s="191">
        <v>1</v>
      </c>
      <c r="BZ11" s="196">
        <v>4</v>
      </c>
      <c r="CA11" s="195">
        <v>4</v>
      </c>
      <c r="CB11" s="190">
        <v>0</v>
      </c>
      <c r="CC11" s="191">
        <v>0</v>
      </c>
      <c r="CD11" s="196">
        <v>0</v>
      </c>
      <c r="CE11" s="193">
        <v>0</v>
      </c>
      <c r="CF11" s="191">
        <v>0</v>
      </c>
      <c r="CG11" s="191">
        <v>0</v>
      </c>
      <c r="CH11" s="191">
        <v>0</v>
      </c>
      <c r="CI11" s="191">
        <v>1</v>
      </c>
      <c r="CJ11" s="191">
        <v>0</v>
      </c>
      <c r="CK11" s="196">
        <v>1</v>
      </c>
      <c r="CL11" s="195">
        <v>1</v>
      </c>
      <c r="CM11" s="190">
        <v>0</v>
      </c>
      <c r="CN11" s="191">
        <v>0</v>
      </c>
      <c r="CO11" s="196">
        <v>0</v>
      </c>
      <c r="CP11" s="193">
        <v>0</v>
      </c>
      <c r="CQ11" s="191">
        <v>0</v>
      </c>
      <c r="CR11" s="191">
        <v>1</v>
      </c>
      <c r="CS11" s="191">
        <v>0</v>
      </c>
      <c r="CT11" s="191">
        <v>1</v>
      </c>
      <c r="CU11" s="191">
        <v>0</v>
      </c>
      <c r="CV11" s="196">
        <v>2</v>
      </c>
      <c r="CW11" s="195">
        <v>2</v>
      </c>
    </row>
    <row r="12" spans="2:101" ht="21" customHeight="1" x14ac:dyDescent="0.2">
      <c r="B12" s="106" t="s">
        <v>9</v>
      </c>
      <c r="C12" s="190">
        <v>0</v>
      </c>
      <c r="D12" s="196">
        <v>0</v>
      </c>
      <c r="E12" s="207">
        <v>0</v>
      </c>
      <c r="F12" s="193">
        <v>0</v>
      </c>
      <c r="G12" s="191">
        <v>0</v>
      </c>
      <c r="H12" s="191">
        <v>1</v>
      </c>
      <c r="I12" s="191">
        <v>1</v>
      </c>
      <c r="J12" s="191">
        <v>1</v>
      </c>
      <c r="K12" s="191">
        <v>1</v>
      </c>
      <c r="L12" s="194">
        <v>4</v>
      </c>
      <c r="M12" s="195">
        <v>4</v>
      </c>
      <c r="N12" s="190">
        <v>0</v>
      </c>
      <c r="O12" s="191">
        <v>0</v>
      </c>
      <c r="P12" s="196">
        <v>0</v>
      </c>
      <c r="Q12" s="193">
        <v>0</v>
      </c>
      <c r="R12" s="191">
        <v>0</v>
      </c>
      <c r="S12" s="191">
        <v>0</v>
      </c>
      <c r="T12" s="191">
        <v>0</v>
      </c>
      <c r="U12" s="191">
        <v>0</v>
      </c>
      <c r="V12" s="191">
        <v>0</v>
      </c>
      <c r="W12" s="196">
        <v>0</v>
      </c>
      <c r="X12" s="195">
        <v>0</v>
      </c>
      <c r="Y12" s="190">
        <v>0</v>
      </c>
      <c r="Z12" s="191">
        <v>0</v>
      </c>
      <c r="AA12" s="196">
        <v>0</v>
      </c>
      <c r="AB12" s="193">
        <v>0</v>
      </c>
      <c r="AC12" s="191">
        <v>40</v>
      </c>
      <c r="AD12" s="191">
        <v>31</v>
      </c>
      <c r="AE12" s="191">
        <v>16</v>
      </c>
      <c r="AF12" s="191">
        <v>8</v>
      </c>
      <c r="AG12" s="191">
        <v>3</v>
      </c>
      <c r="AH12" s="196">
        <v>98</v>
      </c>
      <c r="AI12" s="195">
        <v>98</v>
      </c>
      <c r="AJ12" s="190">
        <v>0</v>
      </c>
      <c r="AK12" s="191">
        <v>0</v>
      </c>
      <c r="AL12" s="196">
        <v>0</v>
      </c>
      <c r="AM12" s="193">
        <v>0</v>
      </c>
      <c r="AN12" s="191">
        <v>0</v>
      </c>
      <c r="AO12" s="191">
        <v>0</v>
      </c>
      <c r="AP12" s="191">
        <v>2</v>
      </c>
      <c r="AQ12" s="191">
        <v>0</v>
      </c>
      <c r="AR12" s="191">
        <v>0</v>
      </c>
      <c r="AS12" s="196">
        <v>2</v>
      </c>
      <c r="AT12" s="195">
        <v>2</v>
      </c>
      <c r="AU12" s="190">
        <v>0</v>
      </c>
      <c r="AV12" s="191">
        <v>1</v>
      </c>
      <c r="AW12" s="196">
        <v>1</v>
      </c>
      <c r="AX12" s="193">
        <v>0</v>
      </c>
      <c r="AY12" s="191">
        <v>5</v>
      </c>
      <c r="AZ12" s="191">
        <v>0</v>
      </c>
      <c r="BA12" s="191">
        <v>1</v>
      </c>
      <c r="BB12" s="191">
        <v>0</v>
      </c>
      <c r="BC12" s="191">
        <v>1</v>
      </c>
      <c r="BD12" s="196">
        <v>7</v>
      </c>
      <c r="BE12" s="195">
        <v>8</v>
      </c>
      <c r="BF12" s="190">
        <v>0</v>
      </c>
      <c r="BG12" s="191">
        <v>0</v>
      </c>
      <c r="BH12" s="196">
        <v>0</v>
      </c>
      <c r="BI12" s="193">
        <v>0</v>
      </c>
      <c r="BJ12" s="191">
        <v>0</v>
      </c>
      <c r="BK12" s="191">
        <v>2</v>
      </c>
      <c r="BL12" s="191">
        <v>4</v>
      </c>
      <c r="BM12" s="191">
        <v>7</v>
      </c>
      <c r="BN12" s="191">
        <v>1</v>
      </c>
      <c r="BO12" s="194">
        <v>14</v>
      </c>
      <c r="BP12" s="195">
        <v>14</v>
      </c>
      <c r="BQ12" s="190">
        <v>0</v>
      </c>
      <c r="BR12" s="191">
        <v>0</v>
      </c>
      <c r="BS12" s="196">
        <v>0</v>
      </c>
      <c r="BT12" s="193">
        <v>0</v>
      </c>
      <c r="BU12" s="191">
        <v>0</v>
      </c>
      <c r="BV12" s="191">
        <v>1</v>
      </c>
      <c r="BW12" s="191">
        <v>1</v>
      </c>
      <c r="BX12" s="191">
        <v>0</v>
      </c>
      <c r="BY12" s="191">
        <v>1</v>
      </c>
      <c r="BZ12" s="196">
        <v>3</v>
      </c>
      <c r="CA12" s="195">
        <v>3</v>
      </c>
      <c r="CB12" s="190">
        <v>0</v>
      </c>
      <c r="CC12" s="191">
        <v>0</v>
      </c>
      <c r="CD12" s="196">
        <v>0</v>
      </c>
      <c r="CE12" s="193">
        <v>0</v>
      </c>
      <c r="CF12" s="191">
        <v>0</v>
      </c>
      <c r="CG12" s="191">
        <v>0</v>
      </c>
      <c r="CH12" s="191">
        <v>0</v>
      </c>
      <c r="CI12" s="191">
        <v>0</v>
      </c>
      <c r="CJ12" s="191">
        <v>0</v>
      </c>
      <c r="CK12" s="196">
        <v>0</v>
      </c>
      <c r="CL12" s="195">
        <v>0</v>
      </c>
      <c r="CM12" s="190">
        <v>0</v>
      </c>
      <c r="CN12" s="191">
        <v>0</v>
      </c>
      <c r="CO12" s="196">
        <v>0</v>
      </c>
      <c r="CP12" s="193">
        <v>0</v>
      </c>
      <c r="CQ12" s="191">
        <v>1</v>
      </c>
      <c r="CR12" s="191">
        <v>1</v>
      </c>
      <c r="CS12" s="191">
        <v>0</v>
      </c>
      <c r="CT12" s="191">
        <v>0</v>
      </c>
      <c r="CU12" s="191">
        <v>2</v>
      </c>
      <c r="CV12" s="196">
        <v>4</v>
      </c>
      <c r="CW12" s="195">
        <v>4</v>
      </c>
    </row>
    <row r="13" spans="2:101" ht="21" customHeight="1" x14ac:dyDescent="0.2">
      <c r="B13" s="106" t="s">
        <v>10</v>
      </c>
      <c r="C13" s="190">
        <v>0</v>
      </c>
      <c r="D13" s="196">
        <v>0</v>
      </c>
      <c r="E13" s="207">
        <v>0</v>
      </c>
      <c r="F13" s="193">
        <v>0</v>
      </c>
      <c r="G13" s="191">
        <v>1</v>
      </c>
      <c r="H13" s="191">
        <v>1</v>
      </c>
      <c r="I13" s="191">
        <v>2</v>
      </c>
      <c r="J13" s="191">
        <v>0</v>
      </c>
      <c r="K13" s="191">
        <v>2</v>
      </c>
      <c r="L13" s="194">
        <v>6</v>
      </c>
      <c r="M13" s="195">
        <v>6</v>
      </c>
      <c r="N13" s="190">
        <v>0</v>
      </c>
      <c r="O13" s="191">
        <v>0</v>
      </c>
      <c r="P13" s="196">
        <v>0</v>
      </c>
      <c r="Q13" s="193">
        <v>0</v>
      </c>
      <c r="R13" s="191">
        <v>0</v>
      </c>
      <c r="S13" s="191">
        <v>0</v>
      </c>
      <c r="T13" s="191">
        <v>0</v>
      </c>
      <c r="U13" s="191">
        <v>0</v>
      </c>
      <c r="V13" s="191">
        <v>0</v>
      </c>
      <c r="W13" s="196">
        <v>0</v>
      </c>
      <c r="X13" s="195">
        <v>0</v>
      </c>
      <c r="Y13" s="190">
        <v>0</v>
      </c>
      <c r="Z13" s="191">
        <v>0</v>
      </c>
      <c r="AA13" s="196">
        <v>0</v>
      </c>
      <c r="AB13" s="193">
        <v>0</v>
      </c>
      <c r="AC13" s="191">
        <v>35</v>
      </c>
      <c r="AD13" s="191">
        <v>17</v>
      </c>
      <c r="AE13" s="191">
        <v>10</v>
      </c>
      <c r="AF13" s="191">
        <v>4</v>
      </c>
      <c r="AG13" s="191">
        <v>0</v>
      </c>
      <c r="AH13" s="196">
        <v>66</v>
      </c>
      <c r="AI13" s="195">
        <v>66</v>
      </c>
      <c r="AJ13" s="190">
        <v>0</v>
      </c>
      <c r="AK13" s="191">
        <v>0</v>
      </c>
      <c r="AL13" s="196">
        <v>0</v>
      </c>
      <c r="AM13" s="193">
        <v>0</v>
      </c>
      <c r="AN13" s="191">
        <v>2</v>
      </c>
      <c r="AO13" s="191">
        <v>0</v>
      </c>
      <c r="AP13" s="191">
        <v>1</v>
      </c>
      <c r="AQ13" s="191">
        <v>2</v>
      </c>
      <c r="AR13" s="191">
        <v>0</v>
      </c>
      <c r="AS13" s="196">
        <v>5</v>
      </c>
      <c r="AT13" s="195">
        <v>5</v>
      </c>
      <c r="AU13" s="190">
        <v>2</v>
      </c>
      <c r="AV13" s="191">
        <v>1</v>
      </c>
      <c r="AW13" s="196">
        <v>3</v>
      </c>
      <c r="AX13" s="193">
        <v>0</v>
      </c>
      <c r="AY13" s="191">
        <v>5</v>
      </c>
      <c r="AZ13" s="191">
        <v>4</v>
      </c>
      <c r="BA13" s="191">
        <v>4</v>
      </c>
      <c r="BB13" s="191">
        <v>1</v>
      </c>
      <c r="BC13" s="191">
        <v>0</v>
      </c>
      <c r="BD13" s="196">
        <v>14</v>
      </c>
      <c r="BE13" s="195">
        <v>17</v>
      </c>
      <c r="BF13" s="190">
        <v>0</v>
      </c>
      <c r="BG13" s="191">
        <v>0</v>
      </c>
      <c r="BH13" s="196">
        <v>0</v>
      </c>
      <c r="BI13" s="193">
        <v>0</v>
      </c>
      <c r="BJ13" s="191">
        <v>4</v>
      </c>
      <c r="BK13" s="191">
        <v>5</v>
      </c>
      <c r="BL13" s="191">
        <v>6</v>
      </c>
      <c r="BM13" s="191">
        <v>5</v>
      </c>
      <c r="BN13" s="191">
        <v>9</v>
      </c>
      <c r="BO13" s="194">
        <v>29</v>
      </c>
      <c r="BP13" s="195">
        <v>29</v>
      </c>
      <c r="BQ13" s="190">
        <v>0</v>
      </c>
      <c r="BR13" s="191">
        <v>0</v>
      </c>
      <c r="BS13" s="196">
        <v>0</v>
      </c>
      <c r="BT13" s="193">
        <v>0</v>
      </c>
      <c r="BU13" s="191">
        <v>1</v>
      </c>
      <c r="BV13" s="191">
        <v>1</v>
      </c>
      <c r="BW13" s="191">
        <v>6</v>
      </c>
      <c r="BX13" s="191">
        <v>2</v>
      </c>
      <c r="BY13" s="191">
        <v>3</v>
      </c>
      <c r="BZ13" s="196">
        <v>13</v>
      </c>
      <c r="CA13" s="195">
        <v>13</v>
      </c>
      <c r="CB13" s="190">
        <v>0</v>
      </c>
      <c r="CC13" s="191">
        <v>0</v>
      </c>
      <c r="CD13" s="196">
        <v>0</v>
      </c>
      <c r="CE13" s="193">
        <v>0</v>
      </c>
      <c r="CF13" s="191">
        <v>0</v>
      </c>
      <c r="CG13" s="191">
        <v>0</v>
      </c>
      <c r="CH13" s="191">
        <v>1</v>
      </c>
      <c r="CI13" s="191">
        <v>2</v>
      </c>
      <c r="CJ13" s="191">
        <v>0</v>
      </c>
      <c r="CK13" s="196">
        <v>3</v>
      </c>
      <c r="CL13" s="195">
        <v>3</v>
      </c>
      <c r="CM13" s="190">
        <v>0</v>
      </c>
      <c r="CN13" s="191">
        <v>0</v>
      </c>
      <c r="CO13" s="196">
        <v>0</v>
      </c>
      <c r="CP13" s="193">
        <v>0</v>
      </c>
      <c r="CQ13" s="191">
        <v>3</v>
      </c>
      <c r="CR13" s="191">
        <v>0</v>
      </c>
      <c r="CS13" s="191">
        <v>0</v>
      </c>
      <c r="CT13" s="191">
        <v>2</v>
      </c>
      <c r="CU13" s="191">
        <v>1</v>
      </c>
      <c r="CV13" s="196">
        <v>6</v>
      </c>
      <c r="CW13" s="195">
        <v>6</v>
      </c>
    </row>
    <row r="14" spans="2:101" ht="21" customHeight="1" x14ac:dyDescent="0.2">
      <c r="B14" s="106" t="s">
        <v>11</v>
      </c>
      <c r="C14" s="190">
        <v>0</v>
      </c>
      <c r="D14" s="196">
        <v>0</v>
      </c>
      <c r="E14" s="207">
        <v>0</v>
      </c>
      <c r="F14" s="193">
        <v>0</v>
      </c>
      <c r="G14" s="191">
        <v>0</v>
      </c>
      <c r="H14" s="191">
        <v>3</v>
      </c>
      <c r="I14" s="191">
        <v>0</v>
      </c>
      <c r="J14" s="191">
        <v>0</v>
      </c>
      <c r="K14" s="191">
        <v>0</v>
      </c>
      <c r="L14" s="194">
        <v>3</v>
      </c>
      <c r="M14" s="195">
        <v>3</v>
      </c>
      <c r="N14" s="190">
        <v>0</v>
      </c>
      <c r="O14" s="191">
        <v>0</v>
      </c>
      <c r="P14" s="196">
        <v>0</v>
      </c>
      <c r="Q14" s="193">
        <v>0</v>
      </c>
      <c r="R14" s="191">
        <v>0</v>
      </c>
      <c r="S14" s="191">
        <v>0</v>
      </c>
      <c r="T14" s="191">
        <v>0</v>
      </c>
      <c r="U14" s="191">
        <v>1</v>
      </c>
      <c r="V14" s="191">
        <v>0</v>
      </c>
      <c r="W14" s="196">
        <v>1</v>
      </c>
      <c r="X14" s="195">
        <v>1</v>
      </c>
      <c r="Y14" s="190">
        <v>0</v>
      </c>
      <c r="Z14" s="191">
        <v>0</v>
      </c>
      <c r="AA14" s="196">
        <v>0</v>
      </c>
      <c r="AB14" s="193">
        <v>0</v>
      </c>
      <c r="AC14" s="191">
        <v>27</v>
      </c>
      <c r="AD14" s="191">
        <v>13</v>
      </c>
      <c r="AE14" s="191">
        <v>2</v>
      </c>
      <c r="AF14" s="191">
        <v>5</v>
      </c>
      <c r="AG14" s="191">
        <v>2</v>
      </c>
      <c r="AH14" s="196">
        <v>49</v>
      </c>
      <c r="AI14" s="195">
        <v>49</v>
      </c>
      <c r="AJ14" s="190">
        <v>0</v>
      </c>
      <c r="AK14" s="191">
        <v>0</v>
      </c>
      <c r="AL14" s="196">
        <v>0</v>
      </c>
      <c r="AM14" s="193">
        <v>0</v>
      </c>
      <c r="AN14" s="191">
        <v>3</v>
      </c>
      <c r="AO14" s="191">
        <v>1</v>
      </c>
      <c r="AP14" s="191">
        <v>0</v>
      </c>
      <c r="AQ14" s="191">
        <v>0</v>
      </c>
      <c r="AR14" s="191">
        <v>0</v>
      </c>
      <c r="AS14" s="196">
        <v>4</v>
      </c>
      <c r="AT14" s="195">
        <v>4</v>
      </c>
      <c r="AU14" s="190">
        <v>0</v>
      </c>
      <c r="AV14" s="191">
        <v>2</v>
      </c>
      <c r="AW14" s="196">
        <v>2</v>
      </c>
      <c r="AX14" s="193">
        <v>0</v>
      </c>
      <c r="AY14" s="191">
        <v>0</v>
      </c>
      <c r="AZ14" s="191">
        <v>4</v>
      </c>
      <c r="BA14" s="191">
        <v>2</v>
      </c>
      <c r="BB14" s="191">
        <v>2</v>
      </c>
      <c r="BC14" s="191">
        <v>0</v>
      </c>
      <c r="BD14" s="196">
        <v>8</v>
      </c>
      <c r="BE14" s="195">
        <v>10</v>
      </c>
      <c r="BF14" s="190">
        <v>0</v>
      </c>
      <c r="BG14" s="191">
        <v>0</v>
      </c>
      <c r="BH14" s="196">
        <v>0</v>
      </c>
      <c r="BI14" s="193">
        <v>0</v>
      </c>
      <c r="BJ14" s="191">
        <v>0</v>
      </c>
      <c r="BK14" s="191">
        <v>3</v>
      </c>
      <c r="BL14" s="191">
        <v>3</v>
      </c>
      <c r="BM14" s="191">
        <v>1</v>
      </c>
      <c r="BN14" s="191">
        <v>1</v>
      </c>
      <c r="BO14" s="194">
        <v>8</v>
      </c>
      <c r="BP14" s="195">
        <v>8</v>
      </c>
      <c r="BQ14" s="190">
        <v>0</v>
      </c>
      <c r="BR14" s="191">
        <v>0</v>
      </c>
      <c r="BS14" s="196">
        <v>0</v>
      </c>
      <c r="BT14" s="193">
        <v>0</v>
      </c>
      <c r="BU14" s="191">
        <v>0</v>
      </c>
      <c r="BV14" s="191">
        <v>0</v>
      </c>
      <c r="BW14" s="191">
        <v>0</v>
      </c>
      <c r="BX14" s="191">
        <v>0</v>
      </c>
      <c r="BY14" s="191">
        <v>0</v>
      </c>
      <c r="BZ14" s="196">
        <v>0</v>
      </c>
      <c r="CA14" s="195">
        <v>0</v>
      </c>
      <c r="CB14" s="190">
        <v>0</v>
      </c>
      <c r="CC14" s="191">
        <v>0</v>
      </c>
      <c r="CD14" s="196">
        <v>0</v>
      </c>
      <c r="CE14" s="193">
        <v>0</v>
      </c>
      <c r="CF14" s="191">
        <v>0</v>
      </c>
      <c r="CG14" s="191">
        <v>0</v>
      </c>
      <c r="CH14" s="191">
        <v>0</v>
      </c>
      <c r="CI14" s="191">
        <v>0</v>
      </c>
      <c r="CJ14" s="191">
        <v>0</v>
      </c>
      <c r="CK14" s="196">
        <v>0</v>
      </c>
      <c r="CL14" s="195">
        <v>0</v>
      </c>
      <c r="CM14" s="190">
        <v>0</v>
      </c>
      <c r="CN14" s="191">
        <v>0</v>
      </c>
      <c r="CO14" s="196">
        <v>0</v>
      </c>
      <c r="CP14" s="193">
        <v>0</v>
      </c>
      <c r="CQ14" s="191">
        <v>0</v>
      </c>
      <c r="CR14" s="191">
        <v>1</v>
      </c>
      <c r="CS14" s="191">
        <v>0</v>
      </c>
      <c r="CT14" s="191">
        <v>0</v>
      </c>
      <c r="CU14" s="191">
        <v>0</v>
      </c>
      <c r="CV14" s="196">
        <v>1</v>
      </c>
      <c r="CW14" s="195">
        <v>1</v>
      </c>
    </row>
    <row r="15" spans="2:101" ht="21" customHeight="1" x14ac:dyDescent="0.2">
      <c r="B15" s="106" t="s">
        <v>12</v>
      </c>
      <c r="C15" s="190">
        <v>0</v>
      </c>
      <c r="D15" s="196">
        <v>0</v>
      </c>
      <c r="E15" s="207">
        <v>0</v>
      </c>
      <c r="F15" s="193">
        <v>0</v>
      </c>
      <c r="G15" s="191">
        <v>0</v>
      </c>
      <c r="H15" s="191">
        <v>0</v>
      </c>
      <c r="I15" s="191">
        <v>0</v>
      </c>
      <c r="J15" s="191">
        <v>0</v>
      </c>
      <c r="K15" s="191">
        <v>0</v>
      </c>
      <c r="L15" s="194">
        <v>0</v>
      </c>
      <c r="M15" s="195">
        <v>0</v>
      </c>
      <c r="N15" s="190">
        <v>0</v>
      </c>
      <c r="O15" s="191">
        <v>0</v>
      </c>
      <c r="P15" s="196">
        <v>0</v>
      </c>
      <c r="Q15" s="193">
        <v>0</v>
      </c>
      <c r="R15" s="191">
        <v>0</v>
      </c>
      <c r="S15" s="191">
        <v>0</v>
      </c>
      <c r="T15" s="191">
        <v>0</v>
      </c>
      <c r="U15" s="191">
        <v>0</v>
      </c>
      <c r="V15" s="191">
        <v>0</v>
      </c>
      <c r="W15" s="196">
        <v>0</v>
      </c>
      <c r="X15" s="195">
        <v>0</v>
      </c>
      <c r="Y15" s="190">
        <v>0</v>
      </c>
      <c r="Z15" s="191">
        <v>0</v>
      </c>
      <c r="AA15" s="196">
        <v>0</v>
      </c>
      <c r="AB15" s="193">
        <v>0</v>
      </c>
      <c r="AC15" s="191">
        <v>13</v>
      </c>
      <c r="AD15" s="191">
        <v>11</v>
      </c>
      <c r="AE15" s="191">
        <v>7</v>
      </c>
      <c r="AF15" s="191">
        <v>4</v>
      </c>
      <c r="AG15" s="191">
        <v>4</v>
      </c>
      <c r="AH15" s="196">
        <v>39</v>
      </c>
      <c r="AI15" s="195">
        <v>39</v>
      </c>
      <c r="AJ15" s="190">
        <v>0</v>
      </c>
      <c r="AK15" s="191">
        <v>0</v>
      </c>
      <c r="AL15" s="196">
        <v>0</v>
      </c>
      <c r="AM15" s="193">
        <v>0</v>
      </c>
      <c r="AN15" s="191">
        <v>0</v>
      </c>
      <c r="AO15" s="191">
        <v>0</v>
      </c>
      <c r="AP15" s="191">
        <v>0</v>
      </c>
      <c r="AQ15" s="191">
        <v>0</v>
      </c>
      <c r="AR15" s="191">
        <v>0</v>
      </c>
      <c r="AS15" s="196">
        <v>0</v>
      </c>
      <c r="AT15" s="195">
        <v>0</v>
      </c>
      <c r="AU15" s="190">
        <v>0</v>
      </c>
      <c r="AV15" s="191">
        <v>0</v>
      </c>
      <c r="AW15" s="196">
        <v>0</v>
      </c>
      <c r="AX15" s="193">
        <v>0</v>
      </c>
      <c r="AY15" s="191">
        <v>0</v>
      </c>
      <c r="AZ15" s="191">
        <v>1</v>
      </c>
      <c r="BA15" s="191">
        <v>2</v>
      </c>
      <c r="BB15" s="191">
        <v>2</v>
      </c>
      <c r="BC15" s="191">
        <v>0</v>
      </c>
      <c r="BD15" s="196">
        <v>5</v>
      </c>
      <c r="BE15" s="195">
        <v>5</v>
      </c>
      <c r="BF15" s="190">
        <v>0</v>
      </c>
      <c r="BG15" s="191">
        <v>0</v>
      </c>
      <c r="BH15" s="196">
        <v>0</v>
      </c>
      <c r="BI15" s="193">
        <v>0</v>
      </c>
      <c r="BJ15" s="191">
        <v>2</v>
      </c>
      <c r="BK15" s="191">
        <v>3</v>
      </c>
      <c r="BL15" s="191">
        <v>1</v>
      </c>
      <c r="BM15" s="191">
        <v>1</v>
      </c>
      <c r="BN15" s="191">
        <v>2</v>
      </c>
      <c r="BO15" s="194">
        <v>9</v>
      </c>
      <c r="BP15" s="195">
        <v>9</v>
      </c>
      <c r="BQ15" s="190">
        <v>0</v>
      </c>
      <c r="BR15" s="191">
        <v>0</v>
      </c>
      <c r="BS15" s="196">
        <v>0</v>
      </c>
      <c r="BT15" s="193">
        <v>0</v>
      </c>
      <c r="BU15" s="191">
        <v>0</v>
      </c>
      <c r="BV15" s="191">
        <v>1</v>
      </c>
      <c r="BW15" s="191">
        <v>1</v>
      </c>
      <c r="BX15" s="191">
        <v>2</v>
      </c>
      <c r="BY15" s="191">
        <v>0</v>
      </c>
      <c r="BZ15" s="196">
        <v>4</v>
      </c>
      <c r="CA15" s="195">
        <v>4</v>
      </c>
      <c r="CB15" s="190">
        <v>0</v>
      </c>
      <c r="CC15" s="191">
        <v>0</v>
      </c>
      <c r="CD15" s="196">
        <v>0</v>
      </c>
      <c r="CE15" s="193">
        <v>0</v>
      </c>
      <c r="CF15" s="191">
        <v>0</v>
      </c>
      <c r="CG15" s="191">
        <v>0</v>
      </c>
      <c r="CH15" s="191">
        <v>1</v>
      </c>
      <c r="CI15" s="191">
        <v>1</v>
      </c>
      <c r="CJ15" s="191">
        <v>1</v>
      </c>
      <c r="CK15" s="196">
        <v>3</v>
      </c>
      <c r="CL15" s="195">
        <v>3</v>
      </c>
      <c r="CM15" s="190">
        <v>0</v>
      </c>
      <c r="CN15" s="191">
        <v>0</v>
      </c>
      <c r="CO15" s="196">
        <v>0</v>
      </c>
      <c r="CP15" s="193">
        <v>0</v>
      </c>
      <c r="CQ15" s="191">
        <v>0</v>
      </c>
      <c r="CR15" s="191">
        <v>1</v>
      </c>
      <c r="CS15" s="191">
        <v>2</v>
      </c>
      <c r="CT15" s="191">
        <v>0</v>
      </c>
      <c r="CU15" s="191">
        <v>1</v>
      </c>
      <c r="CV15" s="196">
        <v>4</v>
      </c>
      <c r="CW15" s="195">
        <v>4</v>
      </c>
    </row>
    <row r="16" spans="2:101" ht="21" customHeight="1" x14ac:dyDescent="0.2">
      <c r="B16" s="106" t="s">
        <v>13</v>
      </c>
      <c r="C16" s="190">
        <v>0</v>
      </c>
      <c r="D16" s="196">
        <v>0</v>
      </c>
      <c r="E16" s="207">
        <v>0</v>
      </c>
      <c r="F16" s="193">
        <v>0</v>
      </c>
      <c r="G16" s="191">
        <v>0</v>
      </c>
      <c r="H16" s="191">
        <v>0</v>
      </c>
      <c r="I16" s="191">
        <v>0</v>
      </c>
      <c r="J16" s="191">
        <v>0</v>
      </c>
      <c r="K16" s="191">
        <v>0</v>
      </c>
      <c r="L16" s="194">
        <v>0</v>
      </c>
      <c r="M16" s="195">
        <v>0</v>
      </c>
      <c r="N16" s="190">
        <v>0</v>
      </c>
      <c r="O16" s="191">
        <v>0</v>
      </c>
      <c r="P16" s="196">
        <v>0</v>
      </c>
      <c r="Q16" s="193">
        <v>0</v>
      </c>
      <c r="R16" s="191">
        <v>0</v>
      </c>
      <c r="S16" s="191">
        <v>0</v>
      </c>
      <c r="T16" s="191">
        <v>0</v>
      </c>
      <c r="U16" s="191">
        <v>0</v>
      </c>
      <c r="V16" s="191">
        <v>0</v>
      </c>
      <c r="W16" s="196">
        <v>0</v>
      </c>
      <c r="X16" s="195">
        <v>0</v>
      </c>
      <c r="Y16" s="190">
        <v>0</v>
      </c>
      <c r="Z16" s="191">
        <v>0</v>
      </c>
      <c r="AA16" s="196">
        <v>0</v>
      </c>
      <c r="AB16" s="193">
        <v>0</v>
      </c>
      <c r="AC16" s="191">
        <v>17</v>
      </c>
      <c r="AD16" s="191">
        <v>9</v>
      </c>
      <c r="AE16" s="191">
        <v>8</v>
      </c>
      <c r="AF16" s="191">
        <v>1</v>
      </c>
      <c r="AG16" s="191">
        <v>3</v>
      </c>
      <c r="AH16" s="196">
        <v>38</v>
      </c>
      <c r="AI16" s="195">
        <v>38</v>
      </c>
      <c r="AJ16" s="190">
        <v>0</v>
      </c>
      <c r="AK16" s="191">
        <v>0</v>
      </c>
      <c r="AL16" s="196">
        <v>0</v>
      </c>
      <c r="AM16" s="193">
        <v>0</v>
      </c>
      <c r="AN16" s="191">
        <v>0</v>
      </c>
      <c r="AO16" s="191">
        <v>2</v>
      </c>
      <c r="AP16" s="191">
        <v>1</v>
      </c>
      <c r="AQ16" s="191">
        <v>0</v>
      </c>
      <c r="AR16" s="191">
        <v>0</v>
      </c>
      <c r="AS16" s="196">
        <v>3</v>
      </c>
      <c r="AT16" s="195">
        <v>3</v>
      </c>
      <c r="AU16" s="190">
        <v>0</v>
      </c>
      <c r="AV16" s="191">
        <v>0</v>
      </c>
      <c r="AW16" s="196">
        <v>0</v>
      </c>
      <c r="AX16" s="193">
        <v>0</v>
      </c>
      <c r="AY16" s="191">
        <v>1</v>
      </c>
      <c r="AZ16" s="191">
        <v>0</v>
      </c>
      <c r="BA16" s="191">
        <v>1</v>
      </c>
      <c r="BB16" s="191">
        <v>0</v>
      </c>
      <c r="BC16" s="191">
        <v>0</v>
      </c>
      <c r="BD16" s="196">
        <v>2</v>
      </c>
      <c r="BE16" s="195">
        <v>2</v>
      </c>
      <c r="BF16" s="190">
        <v>0</v>
      </c>
      <c r="BG16" s="191">
        <v>0</v>
      </c>
      <c r="BH16" s="196">
        <v>0</v>
      </c>
      <c r="BI16" s="193">
        <v>0</v>
      </c>
      <c r="BJ16" s="191">
        <v>2</v>
      </c>
      <c r="BK16" s="191">
        <v>0</v>
      </c>
      <c r="BL16" s="191">
        <v>0</v>
      </c>
      <c r="BM16" s="191">
        <v>0</v>
      </c>
      <c r="BN16" s="191">
        <v>1</v>
      </c>
      <c r="BO16" s="194">
        <v>3</v>
      </c>
      <c r="BP16" s="195">
        <v>3</v>
      </c>
      <c r="BQ16" s="190">
        <v>0</v>
      </c>
      <c r="BR16" s="191">
        <v>0</v>
      </c>
      <c r="BS16" s="196">
        <v>0</v>
      </c>
      <c r="BT16" s="193">
        <v>0</v>
      </c>
      <c r="BU16" s="191">
        <v>0</v>
      </c>
      <c r="BV16" s="191">
        <v>0</v>
      </c>
      <c r="BW16" s="191">
        <v>1</v>
      </c>
      <c r="BX16" s="191">
        <v>0</v>
      </c>
      <c r="BY16" s="191">
        <v>0</v>
      </c>
      <c r="BZ16" s="196">
        <v>1</v>
      </c>
      <c r="CA16" s="195">
        <v>1</v>
      </c>
      <c r="CB16" s="190">
        <v>0</v>
      </c>
      <c r="CC16" s="191">
        <v>0</v>
      </c>
      <c r="CD16" s="196">
        <v>0</v>
      </c>
      <c r="CE16" s="193">
        <v>0</v>
      </c>
      <c r="CF16" s="191">
        <v>0</v>
      </c>
      <c r="CG16" s="191">
        <v>0</v>
      </c>
      <c r="CH16" s="191">
        <v>0</v>
      </c>
      <c r="CI16" s="191">
        <v>0</v>
      </c>
      <c r="CJ16" s="191">
        <v>0</v>
      </c>
      <c r="CK16" s="196">
        <v>0</v>
      </c>
      <c r="CL16" s="195">
        <v>0</v>
      </c>
      <c r="CM16" s="190">
        <v>0</v>
      </c>
      <c r="CN16" s="191">
        <v>0</v>
      </c>
      <c r="CO16" s="196">
        <v>0</v>
      </c>
      <c r="CP16" s="193">
        <v>0</v>
      </c>
      <c r="CQ16" s="191">
        <v>0</v>
      </c>
      <c r="CR16" s="191">
        <v>0</v>
      </c>
      <c r="CS16" s="191">
        <v>0</v>
      </c>
      <c r="CT16" s="191">
        <v>0</v>
      </c>
      <c r="CU16" s="191">
        <v>0</v>
      </c>
      <c r="CV16" s="196">
        <v>0</v>
      </c>
      <c r="CW16" s="195">
        <v>0</v>
      </c>
    </row>
    <row r="17" spans="2:101" ht="21" customHeight="1" x14ac:dyDescent="0.2">
      <c r="B17" s="106" t="s">
        <v>15</v>
      </c>
      <c r="C17" s="190">
        <v>0</v>
      </c>
      <c r="D17" s="196">
        <v>0</v>
      </c>
      <c r="E17" s="207">
        <v>0</v>
      </c>
      <c r="F17" s="193">
        <v>0</v>
      </c>
      <c r="G17" s="191">
        <v>0</v>
      </c>
      <c r="H17" s="191">
        <v>0</v>
      </c>
      <c r="I17" s="191">
        <v>0</v>
      </c>
      <c r="J17" s="191">
        <v>0</v>
      </c>
      <c r="K17" s="191">
        <v>0</v>
      </c>
      <c r="L17" s="194">
        <v>0</v>
      </c>
      <c r="M17" s="195">
        <v>0</v>
      </c>
      <c r="N17" s="190">
        <v>0</v>
      </c>
      <c r="O17" s="191">
        <v>0</v>
      </c>
      <c r="P17" s="196">
        <v>0</v>
      </c>
      <c r="Q17" s="193">
        <v>0</v>
      </c>
      <c r="R17" s="191">
        <v>0</v>
      </c>
      <c r="S17" s="191">
        <v>0</v>
      </c>
      <c r="T17" s="191">
        <v>0</v>
      </c>
      <c r="U17" s="191">
        <v>0</v>
      </c>
      <c r="V17" s="191">
        <v>0</v>
      </c>
      <c r="W17" s="196">
        <v>0</v>
      </c>
      <c r="X17" s="195">
        <v>0</v>
      </c>
      <c r="Y17" s="190">
        <v>0</v>
      </c>
      <c r="Z17" s="191">
        <v>0</v>
      </c>
      <c r="AA17" s="196">
        <v>0</v>
      </c>
      <c r="AB17" s="193">
        <v>0</v>
      </c>
      <c r="AC17" s="191">
        <v>3</v>
      </c>
      <c r="AD17" s="191">
        <v>6</v>
      </c>
      <c r="AE17" s="191">
        <v>1</v>
      </c>
      <c r="AF17" s="191">
        <v>0</v>
      </c>
      <c r="AG17" s="191">
        <v>1</v>
      </c>
      <c r="AH17" s="196">
        <v>11</v>
      </c>
      <c r="AI17" s="195">
        <v>11</v>
      </c>
      <c r="AJ17" s="190">
        <v>0</v>
      </c>
      <c r="AK17" s="191">
        <v>0</v>
      </c>
      <c r="AL17" s="196">
        <v>0</v>
      </c>
      <c r="AM17" s="193">
        <v>0</v>
      </c>
      <c r="AN17" s="191">
        <v>0</v>
      </c>
      <c r="AO17" s="191">
        <v>0</v>
      </c>
      <c r="AP17" s="191">
        <v>0</v>
      </c>
      <c r="AQ17" s="191">
        <v>0</v>
      </c>
      <c r="AR17" s="191">
        <v>0</v>
      </c>
      <c r="AS17" s="196">
        <v>0</v>
      </c>
      <c r="AT17" s="195">
        <v>0</v>
      </c>
      <c r="AU17" s="190">
        <v>0</v>
      </c>
      <c r="AV17" s="191">
        <v>0</v>
      </c>
      <c r="AW17" s="196">
        <v>0</v>
      </c>
      <c r="AX17" s="193">
        <v>0</v>
      </c>
      <c r="AY17" s="191">
        <v>0</v>
      </c>
      <c r="AZ17" s="191">
        <v>0</v>
      </c>
      <c r="BA17" s="191">
        <v>0</v>
      </c>
      <c r="BB17" s="191">
        <v>0</v>
      </c>
      <c r="BC17" s="191">
        <v>0</v>
      </c>
      <c r="BD17" s="196">
        <v>0</v>
      </c>
      <c r="BE17" s="195">
        <v>0</v>
      </c>
      <c r="BF17" s="190">
        <v>0</v>
      </c>
      <c r="BG17" s="191">
        <v>0</v>
      </c>
      <c r="BH17" s="196">
        <v>0</v>
      </c>
      <c r="BI17" s="193">
        <v>0</v>
      </c>
      <c r="BJ17" s="191">
        <v>0</v>
      </c>
      <c r="BK17" s="191">
        <v>2</v>
      </c>
      <c r="BL17" s="191">
        <v>0</v>
      </c>
      <c r="BM17" s="191">
        <v>0</v>
      </c>
      <c r="BN17" s="191">
        <v>0</v>
      </c>
      <c r="BO17" s="194">
        <v>2</v>
      </c>
      <c r="BP17" s="195">
        <v>2</v>
      </c>
      <c r="BQ17" s="190">
        <v>0</v>
      </c>
      <c r="BR17" s="191">
        <v>0</v>
      </c>
      <c r="BS17" s="196">
        <v>0</v>
      </c>
      <c r="BT17" s="193">
        <v>0</v>
      </c>
      <c r="BU17" s="191">
        <v>0</v>
      </c>
      <c r="BV17" s="191">
        <v>0</v>
      </c>
      <c r="BW17" s="191">
        <v>0</v>
      </c>
      <c r="BX17" s="191">
        <v>0</v>
      </c>
      <c r="BY17" s="191">
        <v>0</v>
      </c>
      <c r="BZ17" s="196">
        <v>0</v>
      </c>
      <c r="CA17" s="195">
        <v>0</v>
      </c>
      <c r="CB17" s="190">
        <v>0</v>
      </c>
      <c r="CC17" s="191">
        <v>0</v>
      </c>
      <c r="CD17" s="196">
        <v>0</v>
      </c>
      <c r="CE17" s="193">
        <v>0</v>
      </c>
      <c r="CF17" s="191">
        <v>0</v>
      </c>
      <c r="CG17" s="191">
        <v>0</v>
      </c>
      <c r="CH17" s="191">
        <v>0</v>
      </c>
      <c r="CI17" s="191">
        <v>1</v>
      </c>
      <c r="CJ17" s="191">
        <v>0</v>
      </c>
      <c r="CK17" s="196">
        <v>1</v>
      </c>
      <c r="CL17" s="195">
        <v>1</v>
      </c>
      <c r="CM17" s="190">
        <v>0</v>
      </c>
      <c r="CN17" s="191">
        <v>0</v>
      </c>
      <c r="CO17" s="196">
        <v>0</v>
      </c>
      <c r="CP17" s="193">
        <v>0</v>
      </c>
      <c r="CQ17" s="191">
        <v>0</v>
      </c>
      <c r="CR17" s="191">
        <v>0</v>
      </c>
      <c r="CS17" s="191">
        <v>0</v>
      </c>
      <c r="CT17" s="191">
        <v>0</v>
      </c>
      <c r="CU17" s="191">
        <v>0</v>
      </c>
      <c r="CV17" s="196">
        <v>0</v>
      </c>
      <c r="CW17" s="195">
        <v>0</v>
      </c>
    </row>
    <row r="18" spans="2:101" ht="21" customHeight="1" x14ac:dyDescent="0.2">
      <c r="B18" s="106" t="s">
        <v>16</v>
      </c>
      <c r="C18" s="190">
        <v>0</v>
      </c>
      <c r="D18" s="196">
        <v>0</v>
      </c>
      <c r="E18" s="207">
        <v>0</v>
      </c>
      <c r="F18" s="193">
        <v>0</v>
      </c>
      <c r="G18" s="191">
        <v>0</v>
      </c>
      <c r="H18" s="191">
        <v>0</v>
      </c>
      <c r="I18" s="191">
        <v>1</v>
      </c>
      <c r="J18" s="191">
        <v>1</v>
      </c>
      <c r="K18" s="191">
        <v>1</v>
      </c>
      <c r="L18" s="194">
        <v>3</v>
      </c>
      <c r="M18" s="195">
        <v>3</v>
      </c>
      <c r="N18" s="190">
        <v>0</v>
      </c>
      <c r="O18" s="191">
        <v>0</v>
      </c>
      <c r="P18" s="196">
        <v>0</v>
      </c>
      <c r="Q18" s="193">
        <v>0</v>
      </c>
      <c r="R18" s="191">
        <v>0</v>
      </c>
      <c r="S18" s="191">
        <v>0</v>
      </c>
      <c r="T18" s="191">
        <v>0</v>
      </c>
      <c r="U18" s="191">
        <v>0</v>
      </c>
      <c r="V18" s="191">
        <v>0</v>
      </c>
      <c r="W18" s="196">
        <v>0</v>
      </c>
      <c r="X18" s="195">
        <v>0</v>
      </c>
      <c r="Y18" s="190">
        <v>0</v>
      </c>
      <c r="Z18" s="191">
        <v>0</v>
      </c>
      <c r="AA18" s="196">
        <v>0</v>
      </c>
      <c r="AB18" s="193">
        <v>0</v>
      </c>
      <c r="AC18" s="191">
        <v>8</v>
      </c>
      <c r="AD18" s="191">
        <v>10</v>
      </c>
      <c r="AE18" s="191">
        <v>5</v>
      </c>
      <c r="AF18" s="191">
        <v>2</v>
      </c>
      <c r="AG18" s="191">
        <v>0</v>
      </c>
      <c r="AH18" s="196">
        <v>25</v>
      </c>
      <c r="AI18" s="195">
        <v>25</v>
      </c>
      <c r="AJ18" s="190">
        <v>0</v>
      </c>
      <c r="AK18" s="191">
        <v>0</v>
      </c>
      <c r="AL18" s="196">
        <v>0</v>
      </c>
      <c r="AM18" s="193">
        <v>0</v>
      </c>
      <c r="AN18" s="191">
        <v>1</v>
      </c>
      <c r="AO18" s="191">
        <v>0</v>
      </c>
      <c r="AP18" s="191">
        <v>0</v>
      </c>
      <c r="AQ18" s="191">
        <v>0</v>
      </c>
      <c r="AR18" s="191">
        <v>1</v>
      </c>
      <c r="AS18" s="196">
        <v>2</v>
      </c>
      <c r="AT18" s="195">
        <v>2</v>
      </c>
      <c r="AU18" s="190">
        <v>0</v>
      </c>
      <c r="AV18" s="191">
        <v>0</v>
      </c>
      <c r="AW18" s="196">
        <v>0</v>
      </c>
      <c r="AX18" s="193">
        <v>0</v>
      </c>
      <c r="AY18" s="191">
        <v>3</v>
      </c>
      <c r="AZ18" s="191">
        <v>1</v>
      </c>
      <c r="BA18" s="191">
        <v>0</v>
      </c>
      <c r="BB18" s="191">
        <v>0</v>
      </c>
      <c r="BC18" s="191">
        <v>1</v>
      </c>
      <c r="BD18" s="196">
        <v>5</v>
      </c>
      <c r="BE18" s="195">
        <v>5</v>
      </c>
      <c r="BF18" s="190">
        <v>0</v>
      </c>
      <c r="BG18" s="191">
        <v>0</v>
      </c>
      <c r="BH18" s="196">
        <v>0</v>
      </c>
      <c r="BI18" s="193">
        <v>0</v>
      </c>
      <c r="BJ18" s="191">
        <v>1</v>
      </c>
      <c r="BK18" s="191">
        <v>2</v>
      </c>
      <c r="BL18" s="191">
        <v>1</v>
      </c>
      <c r="BM18" s="191">
        <v>1</v>
      </c>
      <c r="BN18" s="191">
        <v>0</v>
      </c>
      <c r="BO18" s="194">
        <v>5</v>
      </c>
      <c r="BP18" s="195">
        <v>5</v>
      </c>
      <c r="BQ18" s="190">
        <v>0</v>
      </c>
      <c r="BR18" s="191">
        <v>0</v>
      </c>
      <c r="BS18" s="196">
        <v>0</v>
      </c>
      <c r="BT18" s="193">
        <v>0</v>
      </c>
      <c r="BU18" s="191">
        <v>0</v>
      </c>
      <c r="BV18" s="191">
        <v>0</v>
      </c>
      <c r="BW18" s="191">
        <v>0</v>
      </c>
      <c r="BX18" s="191">
        <v>0</v>
      </c>
      <c r="BY18" s="191">
        <v>0</v>
      </c>
      <c r="BZ18" s="196">
        <v>0</v>
      </c>
      <c r="CA18" s="195">
        <v>0</v>
      </c>
      <c r="CB18" s="190">
        <v>0</v>
      </c>
      <c r="CC18" s="191">
        <v>0</v>
      </c>
      <c r="CD18" s="196">
        <v>0</v>
      </c>
      <c r="CE18" s="193">
        <v>0</v>
      </c>
      <c r="CF18" s="191">
        <v>0</v>
      </c>
      <c r="CG18" s="191">
        <v>0</v>
      </c>
      <c r="CH18" s="191">
        <v>0</v>
      </c>
      <c r="CI18" s="191">
        <v>0</v>
      </c>
      <c r="CJ18" s="191">
        <v>0</v>
      </c>
      <c r="CK18" s="196">
        <v>0</v>
      </c>
      <c r="CL18" s="195">
        <v>0</v>
      </c>
      <c r="CM18" s="190">
        <v>0</v>
      </c>
      <c r="CN18" s="191">
        <v>0</v>
      </c>
      <c r="CO18" s="196">
        <v>0</v>
      </c>
      <c r="CP18" s="193">
        <v>0</v>
      </c>
      <c r="CQ18" s="191">
        <v>0</v>
      </c>
      <c r="CR18" s="191">
        <v>0</v>
      </c>
      <c r="CS18" s="191">
        <v>0</v>
      </c>
      <c r="CT18" s="191">
        <v>0</v>
      </c>
      <c r="CU18" s="191">
        <v>0</v>
      </c>
      <c r="CV18" s="196">
        <v>0</v>
      </c>
      <c r="CW18" s="195">
        <v>0</v>
      </c>
    </row>
    <row r="19" spans="2:101" ht="21" customHeight="1" x14ac:dyDescent="0.2">
      <c r="B19" s="106" t="s">
        <v>17</v>
      </c>
      <c r="C19" s="190">
        <v>0</v>
      </c>
      <c r="D19" s="196">
        <v>0</v>
      </c>
      <c r="E19" s="207">
        <v>0</v>
      </c>
      <c r="F19" s="193">
        <v>0</v>
      </c>
      <c r="G19" s="191">
        <v>0</v>
      </c>
      <c r="H19" s="191">
        <v>0</v>
      </c>
      <c r="I19" s="191">
        <v>0</v>
      </c>
      <c r="J19" s="191">
        <v>0</v>
      </c>
      <c r="K19" s="191">
        <v>0</v>
      </c>
      <c r="L19" s="194">
        <v>0</v>
      </c>
      <c r="M19" s="195">
        <v>0</v>
      </c>
      <c r="N19" s="190">
        <v>0</v>
      </c>
      <c r="O19" s="191">
        <v>0</v>
      </c>
      <c r="P19" s="196">
        <v>0</v>
      </c>
      <c r="Q19" s="193">
        <v>0</v>
      </c>
      <c r="R19" s="191">
        <v>0</v>
      </c>
      <c r="S19" s="191">
        <v>0</v>
      </c>
      <c r="T19" s="191">
        <v>0</v>
      </c>
      <c r="U19" s="191">
        <v>0</v>
      </c>
      <c r="V19" s="191">
        <v>0</v>
      </c>
      <c r="W19" s="196">
        <v>0</v>
      </c>
      <c r="X19" s="195">
        <v>0</v>
      </c>
      <c r="Y19" s="190">
        <v>0</v>
      </c>
      <c r="Z19" s="191">
        <v>0</v>
      </c>
      <c r="AA19" s="196">
        <v>0</v>
      </c>
      <c r="AB19" s="193">
        <v>0</v>
      </c>
      <c r="AC19" s="191">
        <v>21</v>
      </c>
      <c r="AD19" s="191">
        <v>20</v>
      </c>
      <c r="AE19" s="191">
        <v>10</v>
      </c>
      <c r="AF19" s="191">
        <v>2</v>
      </c>
      <c r="AG19" s="191">
        <v>3</v>
      </c>
      <c r="AH19" s="196">
        <v>56</v>
      </c>
      <c r="AI19" s="195">
        <v>56</v>
      </c>
      <c r="AJ19" s="190">
        <v>0</v>
      </c>
      <c r="AK19" s="191">
        <v>0</v>
      </c>
      <c r="AL19" s="196">
        <v>0</v>
      </c>
      <c r="AM19" s="193">
        <v>0</v>
      </c>
      <c r="AN19" s="191">
        <v>2</v>
      </c>
      <c r="AO19" s="191">
        <v>2</v>
      </c>
      <c r="AP19" s="191">
        <v>0</v>
      </c>
      <c r="AQ19" s="191">
        <v>0</v>
      </c>
      <c r="AR19" s="191">
        <v>0</v>
      </c>
      <c r="AS19" s="196">
        <v>4</v>
      </c>
      <c r="AT19" s="195">
        <v>4</v>
      </c>
      <c r="AU19" s="190">
        <v>0</v>
      </c>
      <c r="AV19" s="191">
        <v>0</v>
      </c>
      <c r="AW19" s="196">
        <v>0</v>
      </c>
      <c r="AX19" s="193">
        <v>0</v>
      </c>
      <c r="AY19" s="191">
        <v>1</v>
      </c>
      <c r="AZ19" s="191">
        <v>0</v>
      </c>
      <c r="BA19" s="191">
        <v>2</v>
      </c>
      <c r="BB19" s="191">
        <v>2</v>
      </c>
      <c r="BC19" s="191">
        <v>1</v>
      </c>
      <c r="BD19" s="196">
        <v>6</v>
      </c>
      <c r="BE19" s="195">
        <v>6</v>
      </c>
      <c r="BF19" s="190">
        <v>0</v>
      </c>
      <c r="BG19" s="191">
        <v>0</v>
      </c>
      <c r="BH19" s="196">
        <v>0</v>
      </c>
      <c r="BI19" s="193">
        <v>0</v>
      </c>
      <c r="BJ19" s="191">
        <v>1</v>
      </c>
      <c r="BK19" s="191">
        <v>2</v>
      </c>
      <c r="BL19" s="191">
        <v>5</v>
      </c>
      <c r="BM19" s="191">
        <v>1</v>
      </c>
      <c r="BN19" s="191">
        <v>2</v>
      </c>
      <c r="BO19" s="194">
        <v>11</v>
      </c>
      <c r="BP19" s="195">
        <v>11</v>
      </c>
      <c r="BQ19" s="190">
        <v>0</v>
      </c>
      <c r="BR19" s="191">
        <v>0</v>
      </c>
      <c r="BS19" s="196">
        <v>0</v>
      </c>
      <c r="BT19" s="193">
        <v>0</v>
      </c>
      <c r="BU19" s="191">
        <v>0</v>
      </c>
      <c r="BV19" s="191">
        <v>0</v>
      </c>
      <c r="BW19" s="191">
        <v>0</v>
      </c>
      <c r="BX19" s="191">
        <v>0</v>
      </c>
      <c r="BY19" s="191">
        <v>0</v>
      </c>
      <c r="BZ19" s="196">
        <v>0</v>
      </c>
      <c r="CA19" s="195">
        <v>0</v>
      </c>
      <c r="CB19" s="190">
        <v>0</v>
      </c>
      <c r="CC19" s="191">
        <v>0</v>
      </c>
      <c r="CD19" s="196">
        <v>0</v>
      </c>
      <c r="CE19" s="193">
        <v>0</v>
      </c>
      <c r="CF19" s="191">
        <v>0</v>
      </c>
      <c r="CG19" s="191">
        <v>0</v>
      </c>
      <c r="CH19" s="191">
        <v>1</v>
      </c>
      <c r="CI19" s="191">
        <v>1</v>
      </c>
      <c r="CJ19" s="191">
        <v>1</v>
      </c>
      <c r="CK19" s="196">
        <v>3</v>
      </c>
      <c r="CL19" s="195">
        <v>3</v>
      </c>
      <c r="CM19" s="190">
        <v>0</v>
      </c>
      <c r="CN19" s="191">
        <v>0</v>
      </c>
      <c r="CO19" s="196">
        <v>0</v>
      </c>
      <c r="CP19" s="193">
        <v>0</v>
      </c>
      <c r="CQ19" s="191">
        <v>0</v>
      </c>
      <c r="CR19" s="191">
        <v>0</v>
      </c>
      <c r="CS19" s="191">
        <v>0</v>
      </c>
      <c r="CT19" s="191">
        <v>1</v>
      </c>
      <c r="CU19" s="191">
        <v>0</v>
      </c>
      <c r="CV19" s="196">
        <v>1</v>
      </c>
      <c r="CW19" s="195">
        <v>1</v>
      </c>
    </row>
    <row r="20" spans="2:101" ht="21" customHeight="1" x14ac:dyDescent="0.2">
      <c r="B20" s="106" t="s">
        <v>18</v>
      </c>
      <c r="C20" s="190">
        <v>0</v>
      </c>
      <c r="D20" s="196">
        <v>0</v>
      </c>
      <c r="E20" s="207">
        <v>0</v>
      </c>
      <c r="F20" s="193">
        <v>0</v>
      </c>
      <c r="G20" s="191">
        <v>1</v>
      </c>
      <c r="H20" s="191">
        <v>2</v>
      </c>
      <c r="I20" s="191">
        <v>0</v>
      </c>
      <c r="J20" s="191">
        <v>0</v>
      </c>
      <c r="K20" s="191">
        <v>1</v>
      </c>
      <c r="L20" s="194">
        <v>4</v>
      </c>
      <c r="M20" s="195">
        <v>4</v>
      </c>
      <c r="N20" s="190">
        <v>0</v>
      </c>
      <c r="O20" s="191">
        <v>0</v>
      </c>
      <c r="P20" s="196">
        <v>0</v>
      </c>
      <c r="Q20" s="193">
        <v>0</v>
      </c>
      <c r="R20" s="191">
        <v>0</v>
      </c>
      <c r="S20" s="191">
        <v>0</v>
      </c>
      <c r="T20" s="191">
        <v>0</v>
      </c>
      <c r="U20" s="191">
        <v>0</v>
      </c>
      <c r="V20" s="191">
        <v>0</v>
      </c>
      <c r="W20" s="196">
        <v>0</v>
      </c>
      <c r="X20" s="195">
        <v>0</v>
      </c>
      <c r="Y20" s="190">
        <v>0</v>
      </c>
      <c r="Z20" s="191">
        <v>0</v>
      </c>
      <c r="AA20" s="196">
        <v>0</v>
      </c>
      <c r="AB20" s="193">
        <v>0</v>
      </c>
      <c r="AC20" s="191">
        <v>20</v>
      </c>
      <c r="AD20" s="191">
        <v>8</v>
      </c>
      <c r="AE20" s="191">
        <v>5</v>
      </c>
      <c r="AF20" s="191">
        <v>2</v>
      </c>
      <c r="AG20" s="191">
        <v>0</v>
      </c>
      <c r="AH20" s="196">
        <v>35</v>
      </c>
      <c r="AI20" s="195">
        <v>35</v>
      </c>
      <c r="AJ20" s="190">
        <v>0</v>
      </c>
      <c r="AK20" s="191">
        <v>0</v>
      </c>
      <c r="AL20" s="196">
        <v>0</v>
      </c>
      <c r="AM20" s="193">
        <v>0</v>
      </c>
      <c r="AN20" s="191">
        <v>0</v>
      </c>
      <c r="AO20" s="191">
        <v>1</v>
      </c>
      <c r="AP20" s="191">
        <v>1</v>
      </c>
      <c r="AQ20" s="191">
        <v>0</v>
      </c>
      <c r="AR20" s="191">
        <v>0</v>
      </c>
      <c r="AS20" s="196">
        <v>2</v>
      </c>
      <c r="AT20" s="195">
        <v>2</v>
      </c>
      <c r="AU20" s="190">
        <v>0</v>
      </c>
      <c r="AV20" s="191">
        <v>0</v>
      </c>
      <c r="AW20" s="196">
        <v>0</v>
      </c>
      <c r="AX20" s="193">
        <v>0</v>
      </c>
      <c r="AY20" s="191">
        <v>3</v>
      </c>
      <c r="AZ20" s="191">
        <v>1</v>
      </c>
      <c r="BA20" s="191">
        <v>0</v>
      </c>
      <c r="BB20" s="191">
        <v>0</v>
      </c>
      <c r="BC20" s="191">
        <v>0</v>
      </c>
      <c r="BD20" s="196">
        <v>4</v>
      </c>
      <c r="BE20" s="195">
        <v>4</v>
      </c>
      <c r="BF20" s="190">
        <v>0</v>
      </c>
      <c r="BG20" s="191">
        <v>0</v>
      </c>
      <c r="BH20" s="196">
        <v>0</v>
      </c>
      <c r="BI20" s="193">
        <v>0</v>
      </c>
      <c r="BJ20" s="191">
        <v>1</v>
      </c>
      <c r="BK20" s="191">
        <v>4</v>
      </c>
      <c r="BL20" s="191">
        <v>6</v>
      </c>
      <c r="BM20" s="191">
        <v>1</v>
      </c>
      <c r="BN20" s="191">
        <v>1</v>
      </c>
      <c r="BO20" s="194">
        <v>13</v>
      </c>
      <c r="BP20" s="195">
        <v>13</v>
      </c>
      <c r="BQ20" s="190">
        <v>0</v>
      </c>
      <c r="BR20" s="191">
        <v>0</v>
      </c>
      <c r="BS20" s="196">
        <v>0</v>
      </c>
      <c r="BT20" s="193">
        <v>0</v>
      </c>
      <c r="BU20" s="191">
        <v>0</v>
      </c>
      <c r="BV20" s="191">
        <v>0</v>
      </c>
      <c r="BW20" s="191">
        <v>0</v>
      </c>
      <c r="BX20" s="191">
        <v>0</v>
      </c>
      <c r="BY20" s="191">
        <v>0</v>
      </c>
      <c r="BZ20" s="196">
        <v>0</v>
      </c>
      <c r="CA20" s="195">
        <v>0</v>
      </c>
      <c r="CB20" s="190">
        <v>0</v>
      </c>
      <c r="CC20" s="191">
        <v>0</v>
      </c>
      <c r="CD20" s="196">
        <v>0</v>
      </c>
      <c r="CE20" s="193">
        <v>0</v>
      </c>
      <c r="CF20" s="191">
        <v>0</v>
      </c>
      <c r="CG20" s="191">
        <v>0</v>
      </c>
      <c r="CH20" s="191">
        <v>0</v>
      </c>
      <c r="CI20" s="191">
        <v>1</v>
      </c>
      <c r="CJ20" s="191">
        <v>0</v>
      </c>
      <c r="CK20" s="196">
        <v>1</v>
      </c>
      <c r="CL20" s="195">
        <v>1</v>
      </c>
      <c r="CM20" s="190">
        <v>0</v>
      </c>
      <c r="CN20" s="191">
        <v>0</v>
      </c>
      <c r="CO20" s="196">
        <v>0</v>
      </c>
      <c r="CP20" s="193">
        <v>0</v>
      </c>
      <c r="CQ20" s="191">
        <v>0</v>
      </c>
      <c r="CR20" s="191">
        <v>0</v>
      </c>
      <c r="CS20" s="191">
        <v>2</v>
      </c>
      <c r="CT20" s="191">
        <v>0</v>
      </c>
      <c r="CU20" s="191">
        <v>3</v>
      </c>
      <c r="CV20" s="196">
        <v>5</v>
      </c>
      <c r="CW20" s="195">
        <v>5</v>
      </c>
    </row>
    <row r="21" spans="2:101" ht="21" customHeight="1" x14ac:dyDescent="0.2">
      <c r="B21" s="106" t="s">
        <v>19</v>
      </c>
      <c r="C21" s="190">
        <v>0</v>
      </c>
      <c r="D21" s="196">
        <v>0</v>
      </c>
      <c r="E21" s="207">
        <v>0</v>
      </c>
      <c r="F21" s="193">
        <v>0</v>
      </c>
      <c r="G21" s="191">
        <v>0</v>
      </c>
      <c r="H21" s="191">
        <v>2</v>
      </c>
      <c r="I21" s="191">
        <v>0</v>
      </c>
      <c r="J21" s="191">
        <v>1</v>
      </c>
      <c r="K21" s="191">
        <v>0</v>
      </c>
      <c r="L21" s="194">
        <v>3</v>
      </c>
      <c r="M21" s="195">
        <v>3</v>
      </c>
      <c r="N21" s="190">
        <v>0</v>
      </c>
      <c r="O21" s="191">
        <v>0</v>
      </c>
      <c r="P21" s="196">
        <v>0</v>
      </c>
      <c r="Q21" s="193">
        <v>0</v>
      </c>
      <c r="R21" s="191">
        <v>0</v>
      </c>
      <c r="S21" s="191">
        <v>1</v>
      </c>
      <c r="T21" s="191">
        <v>0</v>
      </c>
      <c r="U21" s="191">
        <v>1</v>
      </c>
      <c r="V21" s="191">
        <v>0</v>
      </c>
      <c r="W21" s="196">
        <v>2</v>
      </c>
      <c r="X21" s="195">
        <v>2</v>
      </c>
      <c r="Y21" s="190">
        <v>0</v>
      </c>
      <c r="Z21" s="191">
        <v>0</v>
      </c>
      <c r="AA21" s="196">
        <v>0</v>
      </c>
      <c r="AB21" s="193">
        <v>0</v>
      </c>
      <c r="AC21" s="191">
        <v>8</v>
      </c>
      <c r="AD21" s="191">
        <v>4</v>
      </c>
      <c r="AE21" s="191">
        <v>1</v>
      </c>
      <c r="AF21" s="191">
        <v>2</v>
      </c>
      <c r="AG21" s="191">
        <v>0</v>
      </c>
      <c r="AH21" s="196">
        <v>15</v>
      </c>
      <c r="AI21" s="195">
        <v>15</v>
      </c>
      <c r="AJ21" s="190">
        <v>1</v>
      </c>
      <c r="AK21" s="191">
        <v>0</v>
      </c>
      <c r="AL21" s="196">
        <v>1</v>
      </c>
      <c r="AM21" s="193">
        <v>0</v>
      </c>
      <c r="AN21" s="191">
        <v>1</v>
      </c>
      <c r="AO21" s="191">
        <v>2</v>
      </c>
      <c r="AP21" s="191">
        <v>1</v>
      </c>
      <c r="AQ21" s="191">
        <v>0</v>
      </c>
      <c r="AR21" s="191">
        <v>0</v>
      </c>
      <c r="AS21" s="196">
        <v>4</v>
      </c>
      <c r="AT21" s="195">
        <v>5</v>
      </c>
      <c r="AU21" s="190">
        <v>0</v>
      </c>
      <c r="AV21" s="191">
        <v>0</v>
      </c>
      <c r="AW21" s="196">
        <v>0</v>
      </c>
      <c r="AX21" s="193">
        <v>0</v>
      </c>
      <c r="AY21" s="191">
        <v>1</v>
      </c>
      <c r="AZ21" s="191">
        <v>1</v>
      </c>
      <c r="BA21" s="191">
        <v>1</v>
      </c>
      <c r="BB21" s="191">
        <v>1</v>
      </c>
      <c r="BC21" s="191">
        <v>0</v>
      </c>
      <c r="BD21" s="196">
        <v>4</v>
      </c>
      <c r="BE21" s="195">
        <v>4</v>
      </c>
      <c r="BF21" s="190">
        <v>0</v>
      </c>
      <c r="BG21" s="191">
        <v>0</v>
      </c>
      <c r="BH21" s="196">
        <v>0</v>
      </c>
      <c r="BI21" s="193">
        <v>0</v>
      </c>
      <c r="BJ21" s="191">
        <v>1</v>
      </c>
      <c r="BK21" s="191">
        <v>0</v>
      </c>
      <c r="BL21" s="191">
        <v>1</v>
      </c>
      <c r="BM21" s="191">
        <v>0</v>
      </c>
      <c r="BN21" s="191">
        <v>1</v>
      </c>
      <c r="BO21" s="194">
        <v>3</v>
      </c>
      <c r="BP21" s="195">
        <v>3</v>
      </c>
      <c r="BQ21" s="190">
        <v>0</v>
      </c>
      <c r="BR21" s="191">
        <v>0</v>
      </c>
      <c r="BS21" s="196">
        <v>0</v>
      </c>
      <c r="BT21" s="193">
        <v>0</v>
      </c>
      <c r="BU21" s="191">
        <v>0</v>
      </c>
      <c r="BV21" s="191">
        <v>0</v>
      </c>
      <c r="BW21" s="191">
        <v>0</v>
      </c>
      <c r="BX21" s="191">
        <v>0</v>
      </c>
      <c r="BY21" s="191">
        <v>0</v>
      </c>
      <c r="BZ21" s="196">
        <v>0</v>
      </c>
      <c r="CA21" s="195">
        <v>0</v>
      </c>
      <c r="CB21" s="190">
        <v>0</v>
      </c>
      <c r="CC21" s="191">
        <v>0</v>
      </c>
      <c r="CD21" s="196">
        <v>0</v>
      </c>
      <c r="CE21" s="193">
        <v>0</v>
      </c>
      <c r="CF21" s="191">
        <v>0</v>
      </c>
      <c r="CG21" s="191">
        <v>0</v>
      </c>
      <c r="CH21" s="191">
        <v>0</v>
      </c>
      <c r="CI21" s="191">
        <v>0</v>
      </c>
      <c r="CJ21" s="191">
        <v>0</v>
      </c>
      <c r="CK21" s="196">
        <v>0</v>
      </c>
      <c r="CL21" s="195">
        <v>0</v>
      </c>
      <c r="CM21" s="190">
        <v>0</v>
      </c>
      <c r="CN21" s="191">
        <v>0</v>
      </c>
      <c r="CO21" s="196">
        <v>0</v>
      </c>
      <c r="CP21" s="193">
        <v>0</v>
      </c>
      <c r="CQ21" s="191">
        <v>0</v>
      </c>
      <c r="CR21" s="191">
        <v>0</v>
      </c>
      <c r="CS21" s="191">
        <v>0</v>
      </c>
      <c r="CT21" s="191">
        <v>0</v>
      </c>
      <c r="CU21" s="191">
        <v>0</v>
      </c>
      <c r="CV21" s="196">
        <v>0</v>
      </c>
      <c r="CW21" s="195">
        <v>0</v>
      </c>
    </row>
    <row r="22" spans="2:101" ht="21" customHeight="1" x14ac:dyDescent="0.2">
      <c r="B22" s="106" t="s">
        <v>20</v>
      </c>
      <c r="C22" s="190">
        <v>0</v>
      </c>
      <c r="D22" s="196">
        <v>0</v>
      </c>
      <c r="E22" s="207">
        <v>0</v>
      </c>
      <c r="F22" s="193">
        <v>0</v>
      </c>
      <c r="G22" s="191">
        <v>0</v>
      </c>
      <c r="H22" s="191">
        <v>0</v>
      </c>
      <c r="I22" s="191">
        <v>0</v>
      </c>
      <c r="J22" s="191">
        <v>0</v>
      </c>
      <c r="K22" s="191">
        <v>0</v>
      </c>
      <c r="L22" s="194">
        <v>0</v>
      </c>
      <c r="M22" s="195">
        <v>0</v>
      </c>
      <c r="N22" s="190">
        <v>0</v>
      </c>
      <c r="O22" s="191">
        <v>0</v>
      </c>
      <c r="P22" s="196">
        <v>0</v>
      </c>
      <c r="Q22" s="193">
        <v>0</v>
      </c>
      <c r="R22" s="191">
        <v>0</v>
      </c>
      <c r="S22" s="191">
        <v>0</v>
      </c>
      <c r="T22" s="191">
        <v>0</v>
      </c>
      <c r="U22" s="191">
        <v>0</v>
      </c>
      <c r="V22" s="191">
        <v>0</v>
      </c>
      <c r="W22" s="196">
        <v>0</v>
      </c>
      <c r="X22" s="195">
        <v>0</v>
      </c>
      <c r="Y22" s="190">
        <v>0</v>
      </c>
      <c r="Z22" s="191">
        <v>0</v>
      </c>
      <c r="AA22" s="196">
        <v>0</v>
      </c>
      <c r="AB22" s="193">
        <v>0</v>
      </c>
      <c r="AC22" s="191">
        <v>13</v>
      </c>
      <c r="AD22" s="191">
        <v>11</v>
      </c>
      <c r="AE22" s="191">
        <v>3</v>
      </c>
      <c r="AF22" s="191">
        <v>1</v>
      </c>
      <c r="AG22" s="191">
        <v>0</v>
      </c>
      <c r="AH22" s="196">
        <v>28</v>
      </c>
      <c r="AI22" s="195">
        <v>28</v>
      </c>
      <c r="AJ22" s="190">
        <v>0</v>
      </c>
      <c r="AK22" s="191">
        <v>0</v>
      </c>
      <c r="AL22" s="196">
        <v>0</v>
      </c>
      <c r="AM22" s="193">
        <v>0</v>
      </c>
      <c r="AN22" s="191">
        <v>0</v>
      </c>
      <c r="AO22" s="191">
        <v>0</v>
      </c>
      <c r="AP22" s="191">
        <v>1</v>
      </c>
      <c r="AQ22" s="191">
        <v>0</v>
      </c>
      <c r="AR22" s="191">
        <v>0</v>
      </c>
      <c r="AS22" s="196">
        <v>1</v>
      </c>
      <c r="AT22" s="195">
        <v>1</v>
      </c>
      <c r="AU22" s="190">
        <v>0</v>
      </c>
      <c r="AV22" s="191">
        <v>0</v>
      </c>
      <c r="AW22" s="196">
        <v>0</v>
      </c>
      <c r="AX22" s="193">
        <v>0</v>
      </c>
      <c r="AY22" s="191">
        <v>0</v>
      </c>
      <c r="AZ22" s="191">
        <v>1</v>
      </c>
      <c r="BA22" s="191">
        <v>0</v>
      </c>
      <c r="BB22" s="191">
        <v>0</v>
      </c>
      <c r="BC22" s="191">
        <v>1</v>
      </c>
      <c r="BD22" s="196">
        <v>2</v>
      </c>
      <c r="BE22" s="195">
        <v>2</v>
      </c>
      <c r="BF22" s="190">
        <v>0</v>
      </c>
      <c r="BG22" s="191">
        <v>0</v>
      </c>
      <c r="BH22" s="196">
        <v>0</v>
      </c>
      <c r="BI22" s="193">
        <v>0</v>
      </c>
      <c r="BJ22" s="191">
        <v>1</v>
      </c>
      <c r="BK22" s="191">
        <v>2</v>
      </c>
      <c r="BL22" s="191">
        <v>4</v>
      </c>
      <c r="BM22" s="191">
        <v>0</v>
      </c>
      <c r="BN22" s="191">
        <v>0</v>
      </c>
      <c r="BO22" s="194">
        <v>7</v>
      </c>
      <c r="BP22" s="195">
        <v>7</v>
      </c>
      <c r="BQ22" s="190">
        <v>0</v>
      </c>
      <c r="BR22" s="191">
        <v>0</v>
      </c>
      <c r="BS22" s="196">
        <v>0</v>
      </c>
      <c r="BT22" s="193">
        <v>0</v>
      </c>
      <c r="BU22" s="191">
        <v>0</v>
      </c>
      <c r="BV22" s="191">
        <v>0</v>
      </c>
      <c r="BW22" s="191">
        <v>0</v>
      </c>
      <c r="BX22" s="191">
        <v>0</v>
      </c>
      <c r="BY22" s="191">
        <v>0</v>
      </c>
      <c r="BZ22" s="196">
        <v>0</v>
      </c>
      <c r="CA22" s="195">
        <v>0</v>
      </c>
      <c r="CB22" s="190">
        <v>0</v>
      </c>
      <c r="CC22" s="191">
        <v>0</v>
      </c>
      <c r="CD22" s="196">
        <v>0</v>
      </c>
      <c r="CE22" s="193">
        <v>0</v>
      </c>
      <c r="CF22" s="191">
        <v>0</v>
      </c>
      <c r="CG22" s="191">
        <v>0</v>
      </c>
      <c r="CH22" s="191">
        <v>0</v>
      </c>
      <c r="CI22" s="191">
        <v>0</v>
      </c>
      <c r="CJ22" s="191">
        <v>0</v>
      </c>
      <c r="CK22" s="196">
        <v>0</v>
      </c>
      <c r="CL22" s="195">
        <v>0</v>
      </c>
      <c r="CM22" s="190">
        <v>0</v>
      </c>
      <c r="CN22" s="191">
        <v>0</v>
      </c>
      <c r="CO22" s="196">
        <v>0</v>
      </c>
      <c r="CP22" s="193">
        <v>0</v>
      </c>
      <c r="CQ22" s="191">
        <v>0</v>
      </c>
      <c r="CR22" s="191">
        <v>0</v>
      </c>
      <c r="CS22" s="191">
        <v>0</v>
      </c>
      <c r="CT22" s="191">
        <v>0</v>
      </c>
      <c r="CU22" s="191">
        <v>0</v>
      </c>
      <c r="CV22" s="196">
        <v>0</v>
      </c>
      <c r="CW22" s="195">
        <v>0</v>
      </c>
    </row>
    <row r="23" spans="2:101" ht="21" customHeight="1" x14ac:dyDescent="0.2">
      <c r="B23" s="106" t="s">
        <v>21</v>
      </c>
      <c r="C23" s="190">
        <v>0</v>
      </c>
      <c r="D23" s="196">
        <v>0</v>
      </c>
      <c r="E23" s="207">
        <v>0</v>
      </c>
      <c r="F23" s="193">
        <v>0</v>
      </c>
      <c r="G23" s="191">
        <v>0</v>
      </c>
      <c r="H23" s="191">
        <v>0</v>
      </c>
      <c r="I23" s="191">
        <v>0</v>
      </c>
      <c r="J23" s="191">
        <v>0</v>
      </c>
      <c r="K23" s="191">
        <v>0</v>
      </c>
      <c r="L23" s="194">
        <v>0</v>
      </c>
      <c r="M23" s="195">
        <v>0</v>
      </c>
      <c r="N23" s="190">
        <v>0</v>
      </c>
      <c r="O23" s="191">
        <v>0</v>
      </c>
      <c r="P23" s="196">
        <v>0</v>
      </c>
      <c r="Q23" s="193">
        <v>0</v>
      </c>
      <c r="R23" s="191">
        <v>0</v>
      </c>
      <c r="S23" s="191">
        <v>0</v>
      </c>
      <c r="T23" s="191">
        <v>0</v>
      </c>
      <c r="U23" s="191">
        <v>0</v>
      </c>
      <c r="V23" s="191">
        <v>0</v>
      </c>
      <c r="W23" s="196">
        <v>0</v>
      </c>
      <c r="X23" s="195">
        <v>0</v>
      </c>
      <c r="Y23" s="190">
        <v>0</v>
      </c>
      <c r="Z23" s="191">
        <v>0</v>
      </c>
      <c r="AA23" s="196">
        <v>0</v>
      </c>
      <c r="AB23" s="193">
        <v>0</v>
      </c>
      <c r="AC23" s="191">
        <v>12</v>
      </c>
      <c r="AD23" s="191">
        <v>7</v>
      </c>
      <c r="AE23" s="191">
        <v>3</v>
      </c>
      <c r="AF23" s="191">
        <v>2</v>
      </c>
      <c r="AG23" s="191">
        <v>0</v>
      </c>
      <c r="AH23" s="196">
        <v>24</v>
      </c>
      <c r="AI23" s="195">
        <v>24</v>
      </c>
      <c r="AJ23" s="190">
        <v>0</v>
      </c>
      <c r="AK23" s="191">
        <v>0</v>
      </c>
      <c r="AL23" s="196">
        <v>0</v>
      </c>
      <c r="AM23" s="193">
        <v>0</v>
      </c>
      <c r="AN23" s="191">
        <v>0</v>
      </c>
      <c r="AO23" s="191">
        <v>0</v>
      </c>
      <c r="AP23" s="191">
        <v>0</v>
      </c>
      <c r="AQ23" s="191">
        <v>0</v>
      </c>
      <c r="AR23" s="191">
        <v>0</v>
      </c>
      <c r="AS23" s="196">
        <v>0</v>
      </c>
      <c r="AT23" s="195">
        <v>0</v>
      </c>
      <c r="AU23" s="190">
        <v>0</v>
      </c>
      <c r="AV23" s="191">
        <v>0</v>
      </c>
      <c r="AW23" s="196">
        <v>0</v>
      </c>
      <c r="AX23" s="193">
        <v>0</v>
      </c>
      <c r="AY23" s="191">
        <v>1</v>
      </c>
      <c r="AZ23" s="191">
        <v>0</v>
      </c>
      <c r="BA23" s="191">
        <v>1</v>
      </c>
      <c r="BB23" s="191">
        <v>0</v>
      </c>
      <c r="BC23" s="191">
        <v>0</v>
      </c>
      <c r="BD23" s="196">
        <v>2</v>
      </c>
      <c r="BE23" s="195">
        <v>2</v>
      </c>
      <c r="BF23" s="190">
        <v>0</v>
      </c>
      <c r="BG23" s="191">
        <v>0</v>
      </c>
      <c r="BH23" s="196">
        <v>0</v>
      </c>
      <c r="BI23" s="193">
        <v>0</v>
      </c>
      <c r="BJ23" s="191">
        <v>0</v>
      </c>
      <c r="BK23" s="191">
        <v>1</v>
      </c>
      <c r="BL23" s="191">
        <v>0</v>
      </c>
      <c r="BM23" s="191">
        <v>2</v>
      </c>
      <c r="BN23" s="191">
        <v>1</v>
      </c>
      <c r="BO23" s="194">
        <v>4</v>
      </c>
      <c r="BP23" s="195">
        <v>4</v>
      </c>
      <c r="BQ23" s="190">
        <v>0</v>
      </c>
      <c r="BR23" s="191">
        <v>0</v>
      </c>
      <c r="BS23" s="196">
        <v>0</v>
      </c>
      <c r="BT23" s="193">
        <v>0</v>
      </c>
      <c r="BU23" s="191">
        <v>0</v>
      </c>
      <c r="BV23" s="191">
        <v>0</v>
      </c>
      <c r="BW23" s="191">
        <v>0</v>
      </c>
      <c r="BX23" s="191">
        <v>0</v>
      </c>
      <c r="BY23" s="191">
        <v>0</v>
      </c>
      <c r="BZ23" s="196">
        <v>0</v>
      </c>
      <c r="CA23" s="195">
        <v>0</v>
      </c>
      <c r="CB23" s="190">
        <v>0</v>
      </c>
      <c r="CC23" s="191">
        <v>0</v>
      </c>
      <c r="CD23" s="196">
        <v>0</v>
      </c>
      <c r="CE23" s="193">
        <v>0</v>
      </c>
      <c r="CF23" s="191">
        <v>0</v>
      </c>
      <c r="CG23" s="191">
        <v>0</v>
      </c>
      <c r="CH23" s="191">
        <v>0</v>
      </c>
      <c r="CI23" s="191">
        <v>0</v>
      </c>
      <c r="CJ23" s="191">
        <v>0</v>
      </c>
      <c r="CK23" s="196">
        <v>0</v>
      </c>
      <c r="CL23" s="195">
        <v>0</v>
      </c>
      <c r="CM23" s="190">
        <v>0</v>
      </c>
      <c r="CN23" s="191">
        <v>0</v>
      </c>
      <c r="CO23" s="196">
        <v>0</v>
      </c>
      <c r="CP23" s="193">
        <v>0</v>
      </c>
      <c r="CQ23" s="191">
        <v>0</v>
      </c>
      <c r="CR23" s="191">
        <v>0</v>
      </c>
      <c r="CS23" s="191">
        <v>0</v>
      </c>
      <c r="CT23" s="191">
        <v>0</v>
      </c>
      <c r="CU23" s="191">
        <v>0</v>
      </c>
      <c r="CV23" s="196">
        <v>0</v>
      </c>
      <c r="CW23" s="195">
        <v>0</v>
      </c>
    </row>
    <row r="24" spans="2:101" ht="21" customHeight="1" x14ac:dyDescent="0.2">
      <c r="B24" s="106" t="s">
        <v>22</v>
      </c>
      <c r="C24" s="190">
        <v>0</v>
      </c>
      <c r="D24" s="196">
        <v>0</v>
      </c>
      <c r="E24" s="207">
        <v>0</v>
      </c>
      <c r="F24" s="193">
        <v>0</v>
      </c>
      <c r="G24" s="191">
        <v>0</v>
      </c>
      <c r="H24" s="191">
        <v>0</v>
      </c>
      <c r="I24" s="191">
        <v>0</v>
      </c>
      <c r="J24" s="191">
        <v>1</v>
      </c>
      <c r="K24" s="191">
        <v>0</v>
      </c>
      <c r="L24" s="194">
        <v>1</v>
      </c>
      <c r="M24" s="195">
        <v>1</v>
      </c>
      <c r="N24" s="190">
        <v>0</v>
      </c>
      <c r="O24" s="191">
        <v>0</v>
      </c>
      <c r="P24" s="196">
        <v>0</v>
      </c>
      <c r="Q24" s="193">
        <v>0</v>
      </c>
      <c r="R24" s="191">
        <v>0</v>
      </c>
      <c r="S24" s="191">
        <v>0</v>
      </c>
      <c r="T24" s="191">
        <v>0</v>
      </c>
      <c r="U24" s="191">
        <v>0</v>
      </c>
      <c r="V24" s="191">
        <v>0</v>
      </c>
      <c r="W24" s="196">
        <v>0</v>
      </c>
      <c r="X24" s="195">
        <v>0</v>
      </c>
      <c r="Y24" s="190">
        <v>0</v>
      </c>
      <c r="Z24" s="191">
        <v>0</v>
      </c>
      <c r="AA24" s="196">
        <v>0</v>
      </c>
      <c r="AB24" s="193">
        <v>0</v>
      </c>
      <c r="AC24" s="191">
        <v>8</v>
      </c>
      <c r="AD24" s="191">
        <v>6</v>
      </c>
      <c r="AE24" s="191">
        <v>1</v>
      </c>
      <c r="AF24" s="191">
        <v>0</v>
      </c>
      <c r="AG24" s="191">
        <v>1</v>
      </c>
      <c r="AH24" s="196">
        <v>16</v>
      </c>
      <c r="AI24" s="195">
        <v>16</v>
      </c>
      <c r="AJ24" s="190">
        <v>0</v>
      </c>
      <c r="AK24" s="191">
        <v>0</v>
      </c>
      <c r="AL24" s="196">
        <v>0</v>
      </c>
      <c r="AM24" s="193">
        <v>0</v>
      </c>
      <c r="AN24" s="191">
        <v>0</v>
      </c>
      <c r="AO24" s="191">
        <v>0</v>
      </c>
      <c r="AP24" s="191">
        <v>0</v>
      </c>
      <c r="AQ24" s="191">
        <v>0</v>
      </c>
      <c r="AR24" s="191">
        <v>0</v>
      </c>
      <c r="AS24" s="196">
        <v>0</v>
      </c>
      <c r="AT24" s="195">
        <v>0</v>
      </c>
      <c r="AU24" s="190">
        <v>0</v>
      </c>
      <c r="AV24" s="191">
        <v>0</v>
      </c>
      <c r="AW24" s="196">
        <v>0</v>
      </c>
      <c r="AX24" s="193">
        <v>0</v>
      </c>
      <c r="AY24" s="191">
        <v>0</v>
      </c>
      <c r="AZ24" s="191">
        <v>1</v>
      </c>
      <c r="BA24" s="191">
        <v>0</v>
      </c>
      <c r="BB24" s="191">
        <v>0</v>
      </c>
      <c r="BC24" s="191">
        <v>0</v>
      </c>
      <c r="BD24" s="196">
        <v>1</v>
      </c>
      <c r="BE24" s="195">
        <v>1</v>
      </c>
      <c r="BF24" s="190">
        <v>0</v>
      </c>
      <c r="BG24" s="191">
        <v>1</v>
      </c>
      <c r="BH24" s="196">
        <v>1</v>
      </c>
      <c r="BI24" s="193">
        <v>0</v>
      </c>
      <c r="BJ24" s="191">
        <v>0</v>
      </c>
      <c r="BK24" s="191">
        <v>0</v>
      </c>
      <c r="BL24" s="191">
        <v>0</v>
      </c>
      <c r="BM24" s="191">
        <v>0</v>
      </c>
      <c r="BN24" s="191">
        <v>0</v>
      </c>
      <c r="BO24" s="194">
        <v>0</v>
      </c>
      <c r="BP24" s="195">
        <v>1</v>
      </c>
      <c r="BQ24" s="190">
        <v>0</v>
      </c>
      <c r="BR24" s="191">
        <v>0</v>
      </c>
      <c r="BS24" s="196">
        <v>0</v>
      </c>
      <c r="BT24" s="193">
        <v>0</v>
      </c>
      <c r="BU24" s="191">
        <v>0</v>
      </c>
      <c r="BV24" s="191">
        <v>0</v>
      </c>
      <c r="BW24" s="191">
        <v>0</v>
      </c>
      <c r="BX24" s="191">
        <v>0</v>
      </c>
      <c r="BY24" s="191">
        <v>0</v>
      </c>
      <c r="BZ24" s="196">
        <v>0</v>
      </c>
      <c r="CA24" s="195">
        <v>0</v>
      </c>
      <c r="CB24" s="190">
        <v>0</v>
      </c>
      <c r="CC24" s="191">
        <v>0</v>
      </c>
      <c r="CD24" s="196">
        <v>0</v>
      </c>
      <c r="CE24" s="193">
        <v>0</v>
      </c>
      <c r="CF24" s="191">
        <v>0</v>
      </c>
      <c r="CG24" s="191">
        <v>0</v>
      </c>
      <c r="CH24" s="191">
        <v>0</v>
      </c>
      <c r="CI24" s="191">
        <v>0</v>
      </c>
      <c r="CJ24" s="191">
        <v>0</v>
      </c>
      <c r="CK24" s="196">
        <v>0</v>
      </c>
      <c r="CL24" s="195">
        <v>0</v>
      </c>
      <c r="CM24" s="190">
        <v>0</v>
      </c>
      <c r="CN24" s="191">
        <v>0</v>
      </c>
      <c r="CO24" s="196">
        <v>0</v>
      </c>
      <c r="CP24" s="193">
        <v>0</v>
      </c>
      <c r="CQ24" s="191">
        <v>0</v>
      </c>
      <c r="CR24" s="191">
        <v>0</v>
      </c>
      <c r="CS24" s="191">
        <v>0</v>
      </c>
      <c r="CT24" s="191">
        <v>0</v>
      </c>
      <c r="CU24" s="191">
        <v>0</v>
      </c>
      <c r="CV24" s="196">
        <v>0</v>
      </c>
      <c r="CW24" s="195">
        <v>0</v>
      </c>
    </row>
    <row r="25" spans="2:101" ht="21" customHeight="1" x14ac:dyDescent="0.2">
      <c r="B25" s="106" t="s">
        <v>23</v>
      </c>
      <c r="C25" s="190">
        <v>0</v>
      </c>
      <c r="D25" s="196">
        <v>0</v>
      </c>
      <c r="E25" s="207">
        <v>0</v>
      </c>
      <c r="F25" s="193">
        <v>0</v>
      </c>
      <c r="G25" s="191">
        <v>0</v>
      </c>
      <c r="H25" s="191">
        <v>0</v>
      </c>
      <c r="I25" s="191">
        <v>0</v>
      </c>
      <c r="J25" s="191">
        <v>0</v>
      </c>
      <c r="K25" s="191">
        <v>1</v>
      </c>
      <c r="L25" s="194">
        <v>1</v>
      </c>
      <c r="M25" s="195">
        <v>1</v>
      </c>
      <c r="N25" s="190">
        <v>0</v>
      </c>
      <c r="O25" s="191">
        <v>0</v>
      </c>
      <c r="P25" s="196">
        <v>0</v>
      </c>
      <c r="Q25" s="193">
        <v>0</v>
      </c>
      <c r="R25" s="191">
        <v>0</v>
      </c>
      <c r="S25" s="191">
        <v>0</v>
      </c>
      <c r="T25" s="191">
        <v>0</v>
      </c>
      <c r="U25" s="191">
        <v>0</v>
      </c>
      <c r="V25" s="191">
        <v>0</v>
      </c>
      <c r="W25" s="196">
        <v>0</v>
      </c>
      <c r="X25" s="195">
        <v>0</v>
      </c>
      <c r="Y25" s="190">
        <v>0</v>
      </c>
      <c r="Z25" s="191">
        <v>0</v>
      </c>
      <c r="AA25" s="196">
        <v>0</v>
      </c>
      <c r="AB25" s="193">
        <v>0</v>
      </c>
      <c r="AC25" s="191">
        <v>2</v>
      </c>
      <c r="AD25" s="191">
        <v>1</v>
      </c>
      <c r="AE25" s="191">
        <v>2</v>
      </c>
      <c r="AF25" s="191">
        <v>0</v>
      </c>
      <c r="AG25" s="191">
        <v>0</v>
      </c>
      <c r="AH25" s="196">
        <v>5</v>
      </c>
      <c r="AI25" s="195">
        <v>5</v>
      </c>
      <c r="AJ25" s="190">
        <v>0</v>
      </c>
      <c r="AK25" s="191">
        <v>0</v>
      </c>
      <c r="AL25" s="196">
        <v>0</v>
      </c>
      <c r="AM25" s="193">
        <v>0</v>
      </c>
      <c r="AN25" s="191">
        <v>0</v>
      </c>
      <c r="AO25" s="191">
        <v>0</v>
      </c>
      <c r="AP25" s="191">
        <v>0</v>
      </c>
      <c r="AQ25" s="191">
        <v>0</v>
      </c>
      <c r="AR25" s="191">
        <v>0</v>
      </c>
      <c r="AS25" s="196">
        <v>0</v>
      </c>
      <c r="AT25" s="195">
        <v>0</v>
      </c>
      <c r="AU25" s="190">
        <v>0</v>
      </c>
      <c r="AV25" s="191">
        <v>0</v>
      </c>
      <c r="AW25" s="196">
        <v>0</v>
      </c>
      <c r="AX25" s="193">
        <v>0</v>
      </c>
      <c r="AY25" s="191">
        <v>0</v>
      </c>
      <c r="AZ25" s="191">
        <v>0</v>
      </c>
      <c r="BA25" s="191">
        <v>0</v>
      </c>
      <c r="BB25" s="191">
        <v>0</v>
      </c>
      <c r="BC25" s="191">
        <v>0</v>
      </c>
      <c r="BD25" s="196">
        <v>0</v>
      </c>
      <c r="BE25" s="195">
        <v>0</v>
      </c>
      <c r="BF25" s="190">
        <v>0</v>
      </c>
      <c r="BG25" s="191">
        <v>0</v>
      </c>
      <c r="BH25" s="196">
        <v>0</v>
      </c>
      <c r="BI25" s="193">
        <v>0</v>
      </c>
      <c r="BJ25" s="191">
        <v>1</v>
      </c>
      <c r="BK25" s="191">
        <v>0</v>
      </c>
      <c r="BL25" s="191">
        <v>3</v>
      </c>
      <c r="BM25" s="191">
        <v>0</v>
      </c>
      <c r="BN25" s="191">
        <v>2</v>
      </c>
      <c r="BO25" s="194">
        <v>6</v>
      </c>
      <c r="BP25" s="195">
        <v>6</v>
      </c>
      <c r="BQ25" s="190">
        <v>0</v>
      </c>
      <c r="BR25" s="191">
        <v>0</v>
      </c>
      <c r="BS25" s="196">
        <v>0</v>
      </c>
      <c r="BT25" s="193">
        <v>0</v>
      </c>
      <c r="BU25" s="191">
        <v>0</v>
      </c>
      <c r="BV25" s="191">
        <v>0</v>
      </c>
      <c r="BW25" s="191">
        <v>0</v>
      </c>
      <c r="BX25" s="191">
        <v>0</v>
      </c>
      <c r="BY25" s="191">
        <v>0</v>
      </c>
      <c r="BZ25" s="196">
        <v>0</v>
      </c>
      <c r="CA25" s="195">
        <v>0</v>
      </c>
      <c r="CB25" s="190">
        <v>0</v>
      </c>
      <c r="CC25" s="191">
        <v>0</v>
      </c>
      <c r="CD25" s="196">
        <v>0</v>
      </c>
      <c r="CE25" s="193">
        <v>0</v>
      </c>
      <c r="CF25" s="191">
        <v>0</v>
      </c>
      <c r="CG25" s="191">
        <v>0</v>
      </c>
      <c r="CH25" s="191">
        <v>0</v>
      </c>
      <c r="CI25" s="191">
        <v>0</v>
      </c>
      <c r="CJ25" s="191">
        <v>0</v>
      </c>
      <c r="CK25" s="196">
        <v>0</v>
      </c>
      <c r="CL25" s="195">
        <v>0</v>
      </c>
      <c r="CM25" s="190">
        <v>0</v>
      </c>
      <c r="CN25" s="191">
        <v>0</v>
      </c>
      <c r="CO25" s="196">
        <v>0</v>
      </c>
      <c r="CP25" s="193">
        <v>0</v>
      </c>
      <c r="CQ25" s="191">
        <v>0</v>
      </c>
      <c r="CR25" s="191">
        <v>1</v>
      </c>
      <c r="CS25" s="191">
        <v>1</v>
      </c>
      <c r="CT25" s="191">
        <v>1</v>
      </c>
      <c r="CU25" s="191">
        <v>0</v>
      </c>
      <c r="CV25" s="196">
        <v>3</v>
      </c>
      <c r="CW25" s="195">
        <v>3</v>
      </c>
    </row>
    <row r="26" spans="2:101" ht="21" customHeight="1" x14ac:dyDescent="0.2">
      <c r="B26" s="106" t="s">
        <v>24</v>
      </c>
      <c r="C26" s="190">
        <v>0</v>
      </c>
      <c r="D26" s="196">
        <v>0</v>
      </c>
      <c r="E26" s="207">
        <v>0</v>
      </c>
      <c r="F26" s="193">
        <v>0</v>
      </c>
      <c r="G26" s="191">
        <v>1</v>
      </c>
      <c r="H26" s="191">
        <v>0</v>
      </c>
      <c r="I26" s="191">
        <v>0</v>
      </c>
      <c r="J26" s="191">
        <v>2</v>
      </c>
      <c r="K26" s="191">
        <v>0</v>
      </c>
      <c r="L26" s="194">
        <v>3</v>
      </c>
      <c r="M26" s="195">
        <v>3</v>
      </c>
      <c r="N26" s="190">
        <v>0</v>
      </c>
      <c r="O26" s="191">
        <v>0</v>
      </c>
      <c r="P26" s="196">
        <v>0</v>
      </c>
      <c r="Q26" s="193">
        <v>0</v>
      </c>
      <c r="R26" s="191">
        <v>0</v>
      </c>
      <c r="S26" s="191">
        <v>0</v>
      </c>
      <c r="T26" s="191">
        <v>0</v>
      </c>
      <c r="U26" s="191">
        <v>0</v>
      </c>
      <c r="V26" s="191">
        <v>0</v>
      </c>
      <c r="W26" s="196">
        <v>0</v>
      </c>
      <c r="X26" s="195">
        <v>0</v>
      </c>
      <c r="Y26" s="190">
        <v>0</v>
      </c>
      <c r="Z26" s="191">
        <v>0</v>
      </c>
      <c r="AA26" s="196">
        <v>0</v>
      </c>
      <c r="AB26" s="193">
        <v>0</v>
      </c>
      <c r="AC26" s="191">
        <v>0</v>
      </c>
      <c r="AD26" s="191">
        <v>0</v>
      </c>
      <c r="AE26" s="191">
        <v>0</v>
      </c>
      <c r="AF26" s="191">
        <v>2</v>
      </c>
      <c r="AG26" s="191">
        <v>0</v>
      </c>
      <c r="AH26" s="196">
        <v>2</v>
      </c>
      <c r="AI26" s="195">
        <v>2</v>
      </c>
      <c r="AJ26" s="190">
        <v>0</v>
      </c>
      <c r="AK26" s="191">
        <v>0</v>
      </c>
      <c r="AL26" s="196">
        <v>0</v>
      </c>
      <c r="AM26" s="193">
        <v>0</v>
      </c>
      <c r="AN26" s="191">
        <v>0</v>
      </c>
      <c r="AO26" s="191">
        <v>0</v>
      </c>
      <c r="AP26" s="191">
        <v>0</v>
      </c>
      <c r="AQ26" s="191">
        <v>0</v>
      </c>
      <c r="AR26" s="191">
        <v>0</v>
      </c>
      <c r="AS26" s="196">
        <v>0</v>
      </c>
      <c r="AT26" s="195">
        <v>0</v>
      </c>
      <c r="AU26" s="190">
        <v>0</v>
      </c>
      <c r="AV26" s="191">
        <v>0</v>
      </c>
      <c r="AW26" s="196">
        <v>0</v>
      </c>
      <c r="AX26" s="193">
        <v>0</v>
      </c>
      <c r="AY26" s="191">
        <v>2</v>
      </c>
      <c r="AZ26" s="191">
        <v>1</v>
      </c>
      <c r="BA26" s="191">
        <v>0</v>
      </c>
      <c r="BB26" s="191">
        <v>0</v>
      </c>
      <c r="BC26" s="191">
        <v>0</v>
      </c>
      <c r="BD26" s="196">
        <v>3</v>
      </c>
      <c r="BE26" s="195">
        <v>3</v>
      </c>
      <c r="BF26" s="190">
        <v>0</v>
      </c>
      <c r="BG26" s="191">
        <v>0</v>
      </c>
      <c r="BH26" s="196">
        <v>0</v>
      </c>
      <c r="BI26" s="193">
        <v>0</v>
      </c>
      <c r="BJ26" s="191">
        <v>0</v>
      </c>
      <c r="BK26" s="191">
        <v>1</v>
      </c>
      <c r="BL26" s="191">
        <v>0</v>
      </c>
      <c r="BM26" s="191">
        <v>0</v>
      </c>
      <c r="BN26" s="191">
        <v>1</v>
      </c>
      <c r="BO26" s="194">
        <v>2</v>
      </c>
      <c r="BP26" s="195">
        <v>2</v>
      </c>
      <c r="BQ26" s="190">
        <v>0</v>
      </c>
      <c r="BR26" s="191">
        <v>0</v>
      </c>
      <c r="BS26" s="196">
        <v>0</v>
      </c>
      <c r="BT26" s="193">
        <v>0</v>
      </c>
      <c r="BU26" s="191">
        <v>0</v>
      </c>
      <c r="BV26" s="191">
        <v>0</v>
      </c>
      <c r="BW26" s="191">
        <v>0</v>
      </c>
      <c r="BX26" s="191">
        <v>0</v>
      </c>
      <c r="BY26" s="191">
        <v>0</v>
      </c>
      <c r="BZ26" s="196">
        <v>0</v>
      </c>
      <c r="CA26" s="195">
        <v>0</v>
      </c>
      <c r="CB26" s="190">
        <v>0</v>
      </c>
      <c r="CC26" s="191">
        <v>0</v>
      </c>
      <c r="CD26" s="196">
        <v>0</v>
      </c>
      <c r="CE26" s="193">
        <v>0</v>
      </c>
      <c r="CF26" s="191">
        <v>0</v>
      </c>
      <c r="CG26" s="191">
        <v>0</v>
      </c>
      <c r="CH26" s="191">
        <v>0</v>
      </c>
      <c r="CI26" s="191">
        <v>0</v>
      </c>
      <c r="CJ26" s="191">
        <v>0</v>
      </c>
      <c r="CK26" s="196">
        <v>0</v>
      </c>
      <c r="CL26" s="195">
        <v>0</v>
      </c>
      <c r="CM26" s="190">
        <v>0</v>
      </c>
      <c r="CN26" s="191">
        <v>0</v>
      </c>
      <c r="CO26" s="196">
        <v>0</v>
      </c>
      <c r="CP26" s="193">
        <v>0</v>
      </c>
      <c r="CQ26" s="191">
        <v>0</v>
      </c>
      <c r="CR26" s="191">
        <v>0</v>
      </c>
      <c r="CS26" s="191">
        <v>0</v>
      </c>
      <c r="CT26" s="191">
        <v>0</v>
      </c>
      <c r="CU26" s="191">
        <v>0</v>
      </c>
      <c r="CV26" s="196">
        <v>0</v>
      </c>
      <c r="CW26" s="195">
        <v>0</v>
      </c>
    </row>
    <row r="27" spans="2:101" ht="21" customHeight="1" x14ac:dyDescent="0.2">
      <c r="B27" s="106" t="s">
        <v>25</v>
      </c>
      <c r="C27" s="190">
        <v>0</v>
      </c>
      <c r="D27" s="196">
        <v>0</v>
      </c>
      <c r="E27" s="207">
        <v>0</v>
      </c>
      <c r="F27" s="193">
        <v>0</v>
      </c>
      <c r="G27" s="191">
        <v>0</v>
      </c>
      <c r="H27" s="191">
        <v>0</v>
      </c>
      <c r="I27" s="191">
        <v>0</v>
      </c>
      <c r="J27" s="191">
        <v>0</v>
      </c>
      <c r="K27" s="191">
        <v>0</v>
      </c>
      <c r="L27" s="194">
        <v>0</v>
      </c>
      <c r="M27" s="195">
        <v>0</v>
      </c>
      <c r="N27" s="190">
        <v>0</v>
      </c>
      <c r="O27" s="191">
        <v>0</v>
      </c>
      <c r="P27" s="196">
        <v>0</v>
      </c>
      <c r="Q27" s="193">
        <v>0</v>
      </c>
      <c r="R27" s="191">
        <v>0</v>
      </c>
      <c r="S27" s="191">
        <v>0</v>
      </c>
      <c r="T27" s="191">
        <v>0</v>
      </c>
      <c r="U27" s="191">
        <v>0</v>
      </c>
      <c r="V27" s="191">
        <v>0</v>
      </c>
      <c r="W27" s="196">
        <v>0</v>
      </c>
      <c r="X27" s="195">
        <v>0</v>
      </c>
      <c r="Y27" s="190">
        <v>0</v>
      </c>
      <c r="Z27" s="191">
        <v>0</v>
      </c>
      <c r="AA27" s="196">
        <v>0</v>
      </c>
      <c r="AB27" s="193">
        <v>0</v>
      </c>
      <c r="AC27" s="191">
        <v>4</v>
      </c>
      <c r="AD27" s="191">
        <v>3</v>
      </c>
      <c r="AE27" s="191">
        <v>0</v>
      </c>
      <c r="AF27" s="191">
        <v>1</v>
      </c>
      <c r="AG27" s="191">
        <v>0</v>
      </c>
      <c r="AH27" s="196">
        <v>8</v>
      </c>
      <c r="AI27" s="195">
        <v>8</v>
      </c>
      <c r="AJ27" s="190">
        <v>0</v>
      </c>
      <c r="AK27" s="191">
        <v>0</v>
      </c>
      <c r="AL27" s="196">
        <v>0</v>
      </c>
      <c r="AM27" s="193">
        <v>0</v>
      </c>
      <c r="AN27" s="191">
        <v>0</v>
      </c>
      <c r="AO27" s="191">
        <v>0</v>
      </c>
      <c r="AP27" s="191">
        <v>0</v>
      </c>
      <c r="AQ27" s="191">
        <v>0</v>
      </c>
      <c r="AR27" s="191">
        <v>0</v>
      </c>
      <c r="AS27" s="196">
        <v>0</v>
      </c>
      <c r="AT27" s="195">
        <v>0</v>
      </c>
      <c r="AU27" s="190">
        <v>0</v>
      </c>
      <c r="AV27" s="191">
        <v>0</v>
      </c>
      <c r="AW27" s="196">
        <v>0</v>
      </c>
      <c r="AX27" s="193">
        <v>0</v>
      </c>
      <c r="AY27" s="191">
        <v>0</v>
      </c>
      <c r="AZ27" s="191">
        <v>0</v>
      </c>
      <c r="BA27" s="191">
        <v>0</v>
      </c>
      <c r="BB27" s="191">
        <v>0</v>
      </c>
      <c r="BC27" s="191">
        <v>0</v>
      </c>
      <c r="BD27" s="196">
        <v>0</v>
      </c>
      <c r="BE27" s="195">
        <v>0</v>
      </c>
      <c r="BF27" s="190">
        <v>0</v>
      </c>
      <c r="BG27" s="191">
        <v>0</v>
      </c>
      <c r="BH27" s="196">
        <v>0</v>
      </c>
      <c r="BI27" s="193">
        <v>0</v>
      </c>
      <c r="BJ27" s="191">
        <v>1</v>
      </c>
      <c r="BK27" s="191">
        <v>0</v>
      </c>
      <c r="BL27" s="191">
        <v>0</v>
      </c>
      <c r="BM27" s="191">
        <v>0</v>
      </c>
      <c r="BN27" s="191">
        <v>0</v>
      </c>
      <c r="BO27" s="194">
        <v>1</v>
      </c>
      <c r="BP27" s="195">
        <v>1</v>
      </c>
      <c r="BQ27" s="190">
        <v>0</v>
      </c>
      <c r="BR27" s="191">
        <v>0</v>
      </c>
      <c r="BS27" s="196">
        <v>0</v>
      </c>
      <c r="BT27" s="193">
        <v>0</v>
      </c>
      <c r="BU27" s="191">
        <v>0</v>
      </c>
      <c r="BV27" s="191">
        <v>0</v>
      </c>
      <c r="BW27" s="191">
        <v>0</v>
      </c>
      <c r="BX27" s="191">
        <v>0</v>
      </c>
      <c r="BY27" s="191">
        <v>0</v>
      </c>
      <c r="BZ27" s="196">
        <v>0</v>
      </c>
      <c r="CA27" s="195">
        <v>0</v>
      </c>
      <c r="CB27" s="190">
        <v>0</v>
      </c>
      <c r="CC27" s="191">
        <v>0</v>
      </c>
      <c r="CD27" s="196">
        <v>0</v>
      </c>
      <c r="CE27" s="193">
        <v>0</v>
      </c>
      <c r="CF27" s="191">
        <v>0</v>
      </c>
      <c r="CG27" s="191">
        <v>0</v>
      </c>
      <c r="CH27" s="191">
        <v>0</v>
      </c>
      <c r="CI27" s="191">
        <v>0</v>
      </c>
      <c r="CJ27" s="191">
        <v>0</v>
      </c>
      <c r="CK27" s="196">
        <v>0</v>
      </c>
      <c r="CL27" s="195">
        <v>0</v>
      </c>
      <c r="CM27" s="190">
        <v>0</v>
      </c>
      <c r="CN27" s="191">
        <v>0</v>
      </c>
      <c r="CO27" s="196">
        <v>0</v>
      </c>
      <c r="CP27" s="193">
        <v>0</v>
      </c>
      <c r="CQ27" s="191">
        <v>0</v>
      </c>
      <c r="CR27" s="191">
        <v>0</v>
      </c>
      <c r="CS27" s="191">
        <v>0</v>
      </c>
      <c r="CT27" s="191">
        <v>0</v>
      </c>
      <c r="CU27" s="191">
        <v>0</v>
      </c>
      <c r="CV27" s="196">
        <v>0</v>
      </c>
      <c r="CW27" s="195">
        <v>0</v>
      </c>
    </row>
    <row r="28" spans="2:101" ht="21" customHeight="1" x14ac:dyDescent="0.2">
      <c r="B28" s="106" t="s">
        <v>26</v>
      </c>
      <c r="C28" s="190">
        <v>0</v>
      </c>
      <c r="D28" s="196">
        <v>0</v>
      </c>
      <c r="E28" s="207">
        <v>0</v>
      </c>
      <c r="F28" s="193">
        <v>0</v>
      </c>
      <c r="G28" s="191">
        <v>0</v>
      </c>
      <c r="H28" s="191">
        <v>0</v>
      </c>
      <c r="I28" s="191">
        <v>0</v>
      </c>
      <c r="J28" s="191">
        <v>0</v>
      </c>
      <c r="K28" s="191">
        <v>0</v>
      </c>
      <c r="L28" s="194">
        <v>0</v>
      </c>
      <c r="M28" s="195">
        <v>0</v>
      </c>
      <c r="N28" s="190">
        <v>0</v>
      </c>
      <c r="O28" s="191">
        <v>0</v>
      </c>
      <c r="P28" s="196">
        <v>0</v>
      </c>
      <c r="Q28" s="193">
        <v>0</v>
      </c>
      <c r="R28" s="191">
        <v>0</v>
      </c>
      <c r="S28" s="191">
        <v>0</v>
      </c>
      <c r="T28" s="191">
        <v>0</v>
      </c>
      <c r="U28" s="191">
        <v>0</v>
      </c>
      <c r="V28" s="191">
        <v>0</v>
      </c>
      <c r="W28" s="196">
        <v>0</v>
      </c>
      <c r="X28" s="195">
        <v>0</v>
      </c>
      <c r="Y28" s="190">
        <v>0</v>
      </c>
      <c r="Z28" s="191">
        <v>0</v>
      </c>
      <c r="AA28" s="196">
        <v>0</v>
      </c>
      <c r="AB28" s="193">
        <v>0</v>
      </c>
      <c r="AC28" s="191">
        <v>2</v>
      </c>
      <c r="AD28" s="191">
        <v>2</v>
      </c>
      <c r="AE28" s="191">
        <v>2</v>
      </c>
      <c r="AF28" s="191">
        <v>0</v>
      </c>
      <c r="AG28" s="191">
        <v>0</v>
      </c>
      <c r="AH28" s="196">
        <v>6</v>
      </c>
      <c r="AI28" s="195">
        <v>6</v>
      </c>
      <c r="AJ28" s="190">
        <v>0</v>
      </c>
      <c r="AK28" s="191">
        <v>0</v>
      </c>
      <c r="AL28" s="196">
        <v>0</v>
      </c>
      <c r="AM28" s="193">
        <v>0</v>
      </c>
      <c r="AN28" s="191">
        <v>0</v>
      </c>
      <c r="AO28" s="191">
        <v>0</v>
      </c>
      <c r="AP28" s="191">
        <v>0</v>
      </c>
      <c r="AQ28" s="191">
        <v>0</v>
      </c>
      <c r="AR28" s="191">
        <v>0</v>
      </c>
      <c r="AS28" s="196">
        <v>0</v>
      </c>
      <c r="AT28" s="195">
        <v>0</v>
      </c>
      <c r="AU28" s="190">
        <v>0</v>
      </c>
      <c r="AV28" s="191">
        <v>0</v>
      </c>
      <c r="AW28" s="196">
        <v>0</v>
      </c>
      <c r="AX28" s="193">
        <v>0</v>
      </c>
      <c r="AY28" s="191">
        <v>0</v>
      </c>
      <c r="AZ28" s="191">
        <v>0</v>
      </c>
      <c r="BA28" s="191">
        <v>0</v>
      </c>
      <c r="BB28" s="191">
        <v>0</v>
      </c>
      <c r="BC28" s="191">
        <v>0</v>
      </c>
      <c r="BD28" s="196">
        <v>0</v>
      </c>
      <c r="BE28" s="195">
        <v>0</v>
      </c>
      <c r="BF28" s="190">
        <v>0</v>
      </c>
      <c r="BG28" s="191">
        <v>0</v>
      </c>
      <c r="BH28" s="196">
        <v>0</v>
      </c>
      <c r="BI28" s="193">
        <v>0</v>
      </c>
      <c r="BJ28" s="191">
        <v>2</v>
      </c>
      <c r="BK28" s="191">
        <v>1</v>
      </c>
      <c r="BL28" s="191">
        <v>2</v>
      </c>
      <c r="BM28" s="191">
        <v>0</v>
      </c>
      <c r="BN28" s="191">
        <v>0</v>
      </c>
      <c r="BO28" s="194">
        <v>5</v>
      </c>
      <c r="BP28" s="195">
        <v>5</v>
      </c>
      <c r="BQ28" s="190">
        <v>0</v>
      </c>
      <c r="BR28" s="191">
        <v>0</v>
      </c>
      <c r="BS28" s="196">
        <v>0</v>
      </c>
      <c r="BT28" s="193">
        <v>0</v>
      </c>
      <c r="BU28" s="191">
        <v>0</v>
      </c>
      <c r="BV28" s="191">
        <v>0</v>
      </c>
      <c r="BW28" s="191">
        <v>0</v>
      </c>
      <c r="BX28" s="191">
        <v>0</v>
      </c>
      <c r="BY28" s="191">
        <v>0</v>
      </c>
      <c r="BZ28" s="196">
        <v>0</v>
      </c>
      <c r="CA28" s="195">
        <v>0</v>
      </c>
      <c r="CB28" s="190">
        <v>0</v>
      </c>
      <c r="CC28" s="191">
        <v>0</v>
      </c>
      <c r="CD28" s="196">
        <v>0</v>
      </c>
      <c r="CE28" s="193">
        <v>0</v>
      </c>
      <c r="CF28" s="191">
        <v>0</v>
      </c>
      <c r="CG28" s="191">
        <v>0</v>
      </c>
      <c r="CH28" s="191">
        <v>0</v>
      </c>
      <c r="CI28" s="191">
        <v>0</v>
      </c>
      <c r="CJ28" s="191">
        <v>0</v>
      </c>
      <c r="CK28" s="196">
        <v>0</v>
      </c>
      <c r="CL28" s="195">
        <v>0</v>
      </c>
      <c r="CM28" s="190">
        <v>0</v>
      </c>
      <c r="CN28" s="191">
        <v>0</v>
      </c>
      <c r="CO28" s="196">
        <v>0</v>
      </c>
      <c r="CP28" s="193">
        <v>0</v>
      </c>
      <c r="CQ28" s="191">
        <v>0</v>
      </c>
      <c r="CR28" s="191">
        <v>0</v>
      </c>
      <c r="CS28" s="191">
        <v>0</v>
      </c>
      <c r="CT28" s="191">
        <v>0</v>
      </c>
      <c r="CU28" s="191">
        <v>0</v>
      </c>
      <c r="CV28" s="196">
        <v>0</v>
      </c>
      <c r="CW28" s="195">
        <v>0</v>
      </c>
    </row>
    <row r="29" spans="2:101" ht="21" customHeight="1" x14ac:dyDescent="0.2">
      <c r="B29" s="106" t="s">
        <v>27</v>
      </c>
      <c r="C29" s="190">
        <v>0</v>
      </c>
      <c r="D29" s="196">
        <v>0</v>
      </c>
      <c r="E29" s="207">
        <v>0</v>
      </c>
      <c r="F29" s="193">
        <v>0</v>
      </c>
      <c r="G29" s="191">
        <v>0</v>
      </c>
      <c r="H29" s="191">
        <v>0</v>
      </c>
      <c r="I29" s="191">
        <v>0</v>
      </c>
      <c r="J29" s="191">
        <v>0</v>
      </c>
      <c r="K29" s="191">
        <v>0</v>
      </c>
      <c r="L29" s="194">
        <v>0</v>
      </c>
      <c r="M29" s="195">
        <v>0</v>
      </c>
      <c r="N29" s="190">
        <v>0</v>
      </c>
      <c r="O29" s="191">
        <v>0</v>
      </c>
      <c r="P29" s="196">
        <v>0</v>
      </c>
      <c r="Q29" s="193">
        <v>0</v>
      </c>
      <c r="R29" s="191">
        <v>0</v>
      </c>
      <c r="S29" s="191">
        <v>0</v>
      </c>
      <c r="T29" s="191">
        <v>0</v>
      </c>
      <c r="U29" s="191">
        <v>0</v>
      </c>
      <c r="V29" s="191">
        <v>0</v>
      </c>
      <c r="W29" s="196">
        <v>0</v>
      </c>
      <c r="X29" s="195">
        <v>0</v>
      </c>
      <c r="Y29" s="190">
        <v>0</v>
      </c>
      <c r="Z29" s="191">
        <v>0</v>
      </c>
      <c r="AA29" s="196">
        <v>0</v>
      </c>
      <c r="AB29" s="193">
        <v>0</v>
      </c>
      <c r="AC29" s="191">
        <v>3</v>
      </c>
      <c r="AD29" s="191">
        <v>2</v>
      </c>
      <c r="AE29" s="191">
        <v>1</v>
      </c>
      <c r="AF29" s="191">
        <v>0</v>
      </c>
      <c r="AG29" s="191">
        <v>0</v>
      </c>
      <c r="AH29" s="196">
        <v>6</v>
      </c>
      <c r="AI29" s="195">
        <v>6</v>
      </c>
      <c r="AJ29" s="190">
        <v>0</v>
      </c>
      <c r="AK29" s="191">
        <v>0</v>
      </c>
      <c r="AL29" s="196">
        <v>0</v>
      </c>
      <c r="AM29" s="193">
        <v>0</v>
      </c>
      <c r="AN29" s="191">
        <v>1</v>
      </c>
      <c r="AO29" s="191">
        <v>1</v>
      </c>
      <c r="AP29" s="191">
        <v>0</v>
      </c>
      <c r="AQ29" s="191">
        <v>0</v>
      </c>
      <c r="AR29" s="191">
        <v>0</v>
      </c>
      <c r="AS29" s="196">
        <v>2</v>
      </c>
      <c r="AT29" s="195">
        <v>2</v>
      </c>
      <c r="AU29" s="190">
        <v>0</v>
      </c>
      <c r="AV29" s="191">
        <v>0</v>
      </c>
      <c r="AW29" s="196">
        <v>0</v>
      </c>
      <c r="AX29" s="193">
        <v>0</v>
      </c>
      <c r="AY29" s="191">
        <v>0</v>
      </c>
      <c r="AZ29" s="191">
        <v>0</v>
      </c>
      <c r="BA29" s="191">
        <v>0</v>
      </c>
      <c r="BB29" s="191">
        <v>0</v>
      </c>
      <c r="BC29" s="191">
        <v>0</v>
      </c>
      <c r="BD29" s="196">
        <v>0</v>
      </c>
      <c r="BE29" s="195">
        <v>0</v>
      </c>
      <c r="BF29" s="190">
        <v>0</v>
      </c>
      <c r="BG29" s="191">
        <v>0</v>
      </c>
      <c r="BH29" s="196">
        <v>0</v>
      </c>
      <c r="BI29" s="193">
        <v>0</v>
      </c>
      <c r="BJ29" s="191">
        <v>0</v>
      </c>
      <c r="BK29" s="191">
        <v>0</v>
      </c>
      <c r="BL29" s="191">
        <v>0</v>
      </c>
      <c r="BM29" s="191">
        <v>1</v>
      </c>
      <c r="BN29" s="191">
        <v>0</v>
      </c>
      <c r="BO29" s="194">
        <v>1</v>
      </c>
      <c r="BP29" s="195">
        <v>1</v>
      </c>
      <c r="BQ29" s="190">
        <v>0</v>
      </c>
      <c r="BR29" s="191">
        <v>0</v>
      </c>
      <c r="BS29" s="196">
        <v>0</v>
      </c>
      <c r="BT29" s="193">
        <v>0</v>
      </c>
      <c r="BU29" s="191">
        <v>0</v>
      </c>
      <c r="BV29" s="191">
        <v>0</v>
      </c>
      <c r="BW29" s="191">
        <v>0</v>
      </c>
      <c r="BX29" s="191">
        <v>0</v>
      </c>
      <c r="BY29" s="191">
        <v>0</v>
      </c>
      <c r="BZ29" s="196">
        <v>0</v>
      </c>
      <c r="CA29" s="195">
        <v>0</v>
      </c>
      <c r="CB29" s="190">
        <v>0</v>
      </c>
      <c r="CC29" s="191">
        <v>0</v>
      </c>
      <c r="CD29" s="196">
        <v>0</v>
      </c>
      <c r="CE29" s="193">
        <v>0</v>
      </c>
      <c r="CF29" s="191">
        <v>0</v>
      </c>
      <c r="CG29" s="191">
        <v>0</v>
      </c>
      <c r="CH29" s="191">
        <v>0</v>
      </c>
      <c r="CI29" s="191">
        <v>0</v>
      </c>
      <c r="CJ29" s="191">
        <v>0</v>
      </c>
      <c r="CK29" s="196">
        <v>0</v>
      </c>
      <c r="CL29" s="195">
        <v>0</v>
      </c>
      <c r="CM29" s="190">
        <v>0</v>
      </c>
      <c r="CN29" s="191">
        <v>0</v>
      </c>
      <c r="CO29" s="196">
        <v>0</v>
      </c>
      <c r="CP29" s="193">
        <v>0</v>
      </c>
      <c r="CQ29" s="191">
        <v>1</v>
      </c>
      <c r="CR29" s="191">
        <v>0</v>
      </c>
      <c r="CS29" s="191">
        <v>1</v>
      </c>
      <c r="CT29" s="191">
        <v>0</v>
      </c>
      <c r="CU29" s="191">
        <v>0</v>
      </c>
      <c r="CV29" s="196">
        <v>2</v>
      </c>
      <c r="CW29" s="195">
        <v>2</v>
      </c>
    </row>
    <row r="30" spans="2:101" ht="21" customHeight="1" x14ac:dyDescent="0.2">
      <c r="B30" s="106" t="s">
        <v>28</v>
      </c>
      <c r="C30" s="190">
        <v>0</v>
      </c>
      <c r="D30" s="196">
        <v>0</v>
      </c>
      <c r="E30" s="207">
        <v>0</v>
      </c>
      <c r="F30" s="193">
        <v>0</v>
      </c>
      <c r="G30" s="191">
        <v>0</v>
      </c>
      <c r="H30" s="191">
        <v>0</v>
      </c>
      <c r="I30" s="191">
        <v>0</v>
      </c>
      <c r="J30" s="191">
        <v>0</v>
      </c>
      <c r="K30" s="191">
        <v>0</v>
      </c>
      <c r="L30" s="194">
        <v>0</v>
      </c>
      <c r="M30" s="195">
        <v>0</v>
      </c>
      <c r="N30" s="190">
        <v>0</v>
      </c>
      <c r="O30" s="191">
        <v>0</v>
      </c>
      <c r="P30" s="196">
        <v>0</v>
      </c>
      <c r="Q30" s="193">
        <v>0</v>
      </c>
      <c r="R30" s="191">
        <v>0</v>
      </c>
      <c r="S30" s="191">
        <v>0</v>
      </c>
      <c r="T30" s="191">
        <v>0</v>
      </c>
      <c r="U30" s="191">
        <v>0</v>
      </c>
      <c r="V30" s="191">
        <v>0</v>
      </c>
      <c r="W30" s="196">
        <v>0</v>
      </c>
      <c r="X30" s="195">
        <v>0</v>
      </c>
      <c r="Y30" s="190">
        <v>0</v>
      </c>
      <c r="Z30" s="191">
        <v>0</v>
      </c>
      <c r="AA30" s="196">
        <v>0</v>
      </c>
      <c r="AB30" s="193">
        <v>0</v>
      </c>
      <c r="AC30" s="191">
        <v>6</v>
      </c>
      <c r="AD30" s="191">
        <v>1</v>
      </c>
      <c r="AE30" s="191">
        <v>0</v>
      </c>
      <c r="AF30" s="191">
        <v>0</v>
      </c>
      <c r="AG30" s="191">
        <v>0</v>
      </c>
      <c r="AH30" s="196">
        <v>7</v>
      </c>
      <c r="AI30" s="195">
        <v>7</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0</v>
      </c>
      <c r="AZ30" s="191">
        <v>0</v>
      </c>
      <c r="BA30" s="191">
        <v>0</v>
      </c>
      <c r="BB30" s="191">
        <v>0</v>
      </c>
      <c r="BC30" s="191">
        <v>0</v>
      </c>
      <c r="BD30" s="196">
        <v>0</v>
      </c>
      <c r="BE30" s="195">
        <v>0</v>
      </c>
      <c r="BF30" s="190">
        <v>0</v>
      </c>
      <c r="BG30" s="191">
        <v>0</v>
      </c>
      <c r="BH30" s="196">
        <v>0</v>
      </c>
      <c r="BI30" s="193">
        <v>0</v>
      </c>
      <c r="BJ30" s="191">
        <v>0</v>
      </c>
      <c r="BK30" s="191">
        <v>1</v>
      </c>
      <c r="BL30" s="191">
        <v>0</v>
      </c>
      <c r="BM30" s="191">
        <v>0</v>
      </c>
      <c r="BN30" s="191">
        <v>0</v>
      </c>
      <c r="BO30" s="194">
        <v>1</v>
      </c>
      <c r="BP30" s="195">
        <v>1</v>
      </c>
      <c r="BQ30" s="190">
        <v>0</v>
      </c>
      <c r="BR30" s="191">
        <v>0</v>
      </c>
      <c r="BS30" s="196">
        <v>0</v>
      </c>
      <c r="BT30" s="193">
        <v>0</v>
      </c>
      <c r="BU30" s="191">
        <v>0</v>
      </c>
      <c r="BV30" s="191">
        <v>0</v>
      </c>
      <c r="BW30" s="191">
        <v>0</v>
      </c>
      <c r="BX30" s="191">
        <v>0</v>
      </c>
      <c r="BY30" s="191">
        <v>0</v>
      </c>
      <c r="BZ30" s="196">
        <v>0</v>
      </c>
      <c r="CA30" s="195">
        <v>0</v>
      </c>
      <c r="CB30" s="190">
        <v>0</v>
      </c>
      <c r="CC30" s="191">
        <v>0</v>
      </c>
      <c r="CD30" s="196">
        <v>0</v>
      </c>
      <c r="CE30" s="193">
        <v>0</v>
      </c>
      <c r="CF30" s="191">
        <v>0</v>
      </c>
      <c r="CG30" s="191">
        <v>0</v>
      </c>
      <c r="CH30" s="191">
        <v>0</v>
      </c>
      <c r="CI30" s="191">
        <v>0</v>
      </c>
      <c r="CJ30" s="191">
        <v>0</v>
      </c>
      <c r="CK30" s="196">
        <v>0</v>
      </c>
      <c r="CL30" s="195">
        <v>0</v>
      </c>
      <c r="CM30" s="190">
        <v>0</v>
      </c>
      <c r="CN30" s="191">
        <v>0</v>
      </c>
      <c r="CO30" s="196">
        <v>0</v>
      </c>
      <c r="CP30" s="193">
        <v>0</v>
      </c>
      <c r="CQ30" s="191">
        <v>0</v>
      </c>
      <c r="CR30" s="191">
        <v>0</v>
      </c>
      <c r="CS30" s="191">
        <v>0</v>
      </c>
      <c r="CT30" s="191">
        <v>0</v>
      </c>
      <c r="CU30" s="191">
        <v>0</v>
      </c>
      <c r="CV30" s="196">
        <v>0</v>
      </c>
      <c r="CW30" s="195">
        <v>0</v>
      </c>
    </row>
    <row r="31" spans="2:101" ht="21" customHeight="1" x14ac:dyDescent="0.2">
      <c r="B31" s="106" t="s">
        <v>29</v>
      </c>
      <c r="C31" s="190">
        <v>0</v>
      </c>
      <c r="D31" s="196">
        <v>0</v>
      </c>
      <c r="E31" s="207">
        <v>0</v>
      </c>
      <c r="F31" s="193">
        <v>0</v>
      </c>
      <c r="G31" s="191">
        <v>1</v>
      </c>
      <c r="H31" s="191">
        <v>0</v>
      </c>
      <c r="I31" s="191">
        <v>0</v>
      </c>
      <c r="J31" s="191">
        <v>0</v>
      </c>
      <c r="K31" s="191">
        <v>0</v>
      </c>
      <c r="L31" s="194">
        <v>1</v>
      </c>
      <c r="M31" s="195">
        <v>1</v>
      </c>
      <c r="N31" s="190">
        <v>0</v>
      </c>
      <c r="O31" s="191">
        <v>0</v>
      </c>
      <c r="P31" s="196">
        <v>0</v>
      </c>
      <c r="Q31" s="193">
        <v>0</v>
      </c>
      <c r="R31" s="191">
        <v>0</v>
      </c>
      <c r="S31" s="191">
        <v>0</v>
      </c>
      <c r="T31" s="191">
        <v>0</v>
      </c>
      <c r="U31" s="191">
        <v>0</v>
      </c>
      <c r="V31" s="191">
        <v>0</v>
      </c>
      <c r="W31" s="196">
        <v>0</v>
      </c>
      <c r="X31" s="195">
        <v>0</v>
      </c>
      <c r="Y31" s="190">
        <v>0</v>
      </c>
      <c r="Z31" s="191">
        <v>0</v>
      </c>
      <c r="AA31" s="196">
        <v>0</v>
      </c>
      <c r="AB31" s="193">
        <v>0</v>
      </c>
      <c r="AC31" s="191">
        <v>0</v>
      </c>
      <c r="AD31" s="191">
        <v>0</v>
      </c>
      <c r="AE31" s="191">
        <v>1</v>
      </c>
      <c r="AF31" s="191">
        <v>0</v>
      </c>
      <c r="AG31" s="191">
        <v>0</v>
      </c>
      <c r="AH31" s="196">
        <v>1</v>
      </c>
      <c r="AI31" s="195">
        <v>1</v>
      </c>
      <c r="AJ31" s="190">
        <v>0</v>
      </c>
      <c r="AK31" s="191">
        <v>0</v>
      </c>
      <c r="AL31" s="196">
        <v>0</v>
      </c>
      <c r="AM31" s="193">
        <v>0</v>
      </c>
      <c r="AN31" s="191">
        <v>0</v>
      </c>
      <c r="AO31" s="191">
        <v>0</v>
      </c>
      <c r="AP31" s="191">
        <v>0</v>
      </c>
      <c r="AQ31" s="191">
        <v>0</v>
      </c>
      <c r="AR31" s="191">
        <v>0</v>
      </c>
      <c r="AS31" s="196">
        <v>0</v>
      </c>
      <c r="AT31" s="195">
        <v>0</v>
      </c>
      <c r="AU31" s="190">
        <v>0</v>
      </c>
      <c r="AV31" s="191">
        <v>0</v>
      </c>
      <c r="AW31" s="196">
        <v>0</v>
      </c>
      <c r="AX31" s="193">
        <v>0</v>
      </c>
      <c r="AY31" s="191">
        <v>1</v>
      </c>
      <c r="AZ31" s="191">
        <v>1</v>
      </c>
      <c r="BA31" s="191">
        <v>0</v>
      </c>
      <c r="BB31" s="191">
        <v>0</v>
      </c>
      <c r="BC31" s="191">
        <v>0</v>
      </c>
      <c r="BD31" s="196">
        <v>2</v>
      </c>
      <c r="BE31" s="195">
        <v>2</v>
      </c>
      <c r="BF31" s="190">
        <v>0</v>
      </c>
      <c r="BG31" s="191">
        <v>0</v>
      </c>
      <c r="BH31" s="196">
        <v>0</v>
      </c>
      <c r="BI31" s="193">
        <v>0</v>
      </c>
      <c r="BJ31" s="191">
        <v>0</v>
      </c>
      <c r="BK31" s="191">
        <v>0</v>
      </c>
      <c r="BL31" s="191">
        <v>0</v>
      </c>
      <c r="BM31" s="191">
        <v>0</v>
      </c>
      <c r="BN31" s="191">
        <v>0</v>
      </c>
      <c r="BO31" s="194">
        <v>0</v>
      </c>
      <c r="BP31" s="195">
        <v>0</v>
      </c>
      <c r="BQ31" s="190">
        <v>0</v>
      </c>
      <c r="BR31" s="191">
        <v>0</v>
      </c>
      <c r="BS31" s="196">
        <v>0</v>
      </c>
      <c r="BT31" s="193">
        <v>0</v>
      </c>
      <c r="BU31" s="191">
        <v>0</v>
      </c>
      <c r="BV31" s="191">
        <v>0</v>
      </c>
      <c r="BW31" s="191">
        <v>0</v>
      </c>
      <c r="BX31" s="191">
        <v>0</v>
      </c>
      <c r="BY31" s="191">
        <v>0</v>
      </c>
      <c r="BZ31" s="196">
        <v>0</v>
      </c>
      <c r="CA31" s="195">
        <v>0</v>
      </c>
      <c r="CB31" s="190">
        <v>0</v>
      </c>
      <c r="CC31" s="191">
        <v>0</v>
      </c>
      <c r="CD31" s="196">
        <v>0</v>
      </c>
      <c r="CE31" s="193">
        <v>0</v>
      </c>
      <c r="CF31" s="191">
        <v>0</v>
      </c>
      <c r="CG31" s="191">
        <v>0</v>
      </c>
      <c r="CH31" s="191">
        <v>0</v>
      </c>
      <c r="CI31" s="191">
        <v>1</v>
      </c>
      <c r="CJ31" s="191">
        <v>0</v>
      </c>
      <c r="CK31" s="196">
        <v>1</v>
      </c>
      <c r="CL31" s="195">
        <v>1</v>
      </c>
      <c r="CM31" s="190">
        <v>0</v>
      </c>
      <c r="CN31" s="191">
        <v>0</v>
      </c>
      <c r="CO31" s="196">
        <v>0</v>
      </c>
      <c r="CP31" s="193">
        <v>0</v>
      </c>
      <c r="CQ31" s="191">
        <v>0</v>
      </c>
      <c r="CR31" s="191">
        <v>0</v>
      </c>
      <c r="CS31" s="191">
        <v>0</v>
      </c>
      <c r="CT31" s="191">
        <v>0</v>
      </c>
      <c r="CU31" s="191">
        <v>0</v>
      </c>
      <c r="CV31" s="196">
        <v>0</v>
      </c>
      <c r="CW31" s="195">
        <v>0</v>
      </c>
    </row>
    <row r="32" spans="2:101" ht="21" customHeight="1" x14ac:dyDescent="0.2">
      <c r="B32" s="106" t="s">
        <v>30</v>
      </c>
      <c r="C32" s="190">
        <v>0</v>
      </c>
      <c r="D32" s="196">
        <v>0</v>
      </c>
      <c r="E32" s="207">
        <v>0</v>
      </c>
      <c r="F32" s="193">
        <v>0</v>
      </c>
      <c r="G32" s="191">
        <v>0</v>
      </c>
      <c r="H32" s="191">
        <v>0</v>
      </c>
      <c r="I32" s="191">
        <v>0</v>
      </c>
      <c r="J32" s="191">
        <v>0</v>
      </c>
      <c r="K32" s="191">
        <v>0</v>
      </c>
      <c r="L32" s="194">
        <v>0</v>
      </c>
      <c r="M32" s="195">
        <v>0</v>
      </c>
      <c r="N32" s="190">
        <v>0</v>
      </c>
      <c r="O32" s="191">
        <v>0</v>
      </c>
      <c r="P32" s="196">
        <v>0</v>
      </c>
      <c r="Q32" s="193">
        <v>0</v>
      </c>
      <c r="R32" s="191">
        <v>0</v>
      </c>
      <c r="S32" s="191">
        <v>0</v>
      </c>
      <c r="T32" s="191">
        <v>0</v>
      </c>
      <c r="U32" s="191">
        <v>0</v>
      </c>
      <c r="V32" s="191">
        <v>0</v>
      </c>
      <c r="W32" s="196">
        <v>0</v>
      </c>
      <c r="X32" s="195">
        <v>0</v>
      </c>
      <c r="Y32" s="190">
        <v>0</v>
      </c>
      <c r="Z32" s="191">
        <v>0</v>
      </c>
      <c r="AA32" s="196">
        <v>0</v>
      </c>
      <c r="AB32" s="193">
        <v>0</v>
      </c>
      <c r="AC32" s="191">
        <v>1</v>
      </c>
      <c r="AD32" s="191">
        <v>0</v>
      </c>
      <c r="AE32" s="191">
        <v>0</v>
      </c>
      <c r="AF32" s="191">
        <v>1</v>
      </c>
      <c r="AG32" s="191">
        <v>0</v>
      </c>
      <c r="AH32" s="196">
        <v>2</v>
      </c>
      <c r="AI32" s="195">
        <v>2</v>
      </c>
      <c r="AJ32" s="190">
        <v>0</v>
      </c>
      <c r="AK32" s="191">
        <v>0</v>
      </c>
      <c r="AL32" s="196">
        <v>0</v>
      </c>
      <c r="AM32" s="193">
        <v>0</v>
      </c>
      <c r="AN32" s="191">
        <v>0</v>
      </c>
      <c r="AO32" s="191">
        <v>1</v>
      </c>
      <c r="AP32" s="191">
        <v>0</v>
      </c>
      <c r="AQ32" s="191">
        <v>0</v>
      </c>
      <c r="AR32" s="191">
        <v>0</v>
      </c>
      <c r="AS32" s="196">
        <v>1</v>
      </c>
      <c r="AT32" s="195">
        <v>1</v>
      </c>
      <c r="AU32" s="190">
        <v>0</v>
      </c>
      <c r="AV32" s="191">
        <v>0</v>
      </c>
      <c r="AW32" s="196">
        <v>0</v>
      </c>
      <c r="AX32" s="193">
        <v>0</v>
      </c>
      <c r="AY32" s="191">
        <v>0</v>
      </c>
      <c r="AZ32" s="191">
        <v>0</v>
      </c>
      <c r="BA32" s="191">
        <v>0</v>
      </c>
      <c r="BB32" s="191">
        <v>0</v>
      </c>
      <c r="BC32" s="191">
        <v>0</v>
      </c>
      <c r="BD32" s="196">
        <v>0</v>
      </c>
      <c r="BE32" s="195">
        <v>0</v>
      </c>
      <c r="BF32" s="190">
        <v>0</v>
      </c>
      <c r="BG32" s="191">
        <v>0</v>
      </c>
      <c r="BH32" s="196">
        <v>0</v>
      </c>
      <c r="BI32" s="193">
        <v>0</v>
      </c>
      <c r="BJ32" s="191">
        <v>1</v>
      </c>
      <c r="BK32" s="191">
        <v>0</v>
      </c>
      <c r="BL32" s="191">
        <v>0</v>
      </c>
      <c r="BM32" s="191">
        <v>0</v>
      </c>
      <c r="BN32" s="191">
        <v>0</v>
      </c>
      <c r="BO32" s="194">
        <v>1</v>
      </c>
      <c r="BP32" s="195">
        <v>1</v>
      </c>
      <c r="BQ32" s="190">
        <v>0</v>
      </c>
      <c r="BR32" s="191">
        <v>0</v>
      </c>
      <c r="BS32" s="196">
        <v>0</v>
      </c>
      <c r="BT32" s="193">
        <v>0</v>
      </c>
      <c r="BU32" s="191">
        <v>0</v>
      </c>
      <c r="BV32" s="191">
        <v>0</v>
      </c>
      <c r="BW32" s="191">
        <v>0</v>
      </c>
      <c r="BX32" s="191">
        <v>0</v>
      </c>
      <c r="BY32" s="191">
        <v>0</v>
      </c>
      <c r="BZ32" s="196">
        <v>0</v>
      </c>
      <c r="CA32" s="195">
        <v>0</v>
      </c>
      <c r="CB32" s="190">
        <v>0</v>
      </c>
      <c r="CC32" s="191">
        <v>0</v>
      </c>
      <c r="CD32" s="196">
        <v>0</v>
      </c>
      <c r="CE32" s="193">
        <v>0</v>
      </c>
      <c r="CF32" s="191">
        <v>0</v>
      </c>
      <c r="CG32" s="191">
        <v>0</v>
      </c>
      <c r="CH32" s="191">
        <v>0</v>
      </c>
      <c r="CI32" s="191">
        <v>0</v>
      </c>
      <c r="CJ32" s="191">
        <v>0</v>
      </c>
      <c r="CK32" s="196">
        <v>0</v>
      </c>
      <c r="CL32" s="195">
        <v>0</v>
      </c>
      <c r="CM32" s="190">
        <v>0</v>
      </c>
      <c r="CN32" s="191">
        <v>0</v>
      </c>
      <c r="CO32" s="196">
        <v>0</v>
      </c>
      <c r="CP32" s="193">
        <v>0</v>
      </c>
      <c r="CQ32" s="191">
        <v>0</v>
      </c>
      <c r="CR32" s="191">
        <v>0</v>
      </c>
      <c r="CS32" s="191">
        <v>0</v>
      </c>
      <c r="CT32" s="191">
        <v>0</v>
      </c>
      <c r="CU32" s="191">
        <v>0</v>
      </c>
      <c r="CV32" s="196">
        <v>0</v>
      </c>
      <c r="CW32" s="195">
        <v>0</v>
      </c>
    </row>
    <row r="33" spans="2:101" ht="21" customHeight="1" x14ac:dyDescent="0.2">
      <c r="B33" s="106" t="s">
        <v>31</v>
      </c>
      <c r="C33" s="190">
        <v>0</v>
      </c>
      <c r="D33" s="196">
        <v>0</v>
      </c>
      <c r="E33" s="207">
        <v>0</v>
      </c>
      <c r="F33" s="193">
        <v>0</v>
      </c>
      <c r="G33" s="191">
        <v>0</v>
      </c>
      <c r="H33" s="191">
        <v>0</v>
      </c>
      <c r="I33" s="191">
        <v>0</v>
      </c>
      <c r="J33" s="191">
        <v>0</v>
      </c>
      <c r="K33" s="191">
        <v>0</v>
      </c>
      <c r="L33" s="194">
        <v>0</v>
      </c>
      <c r="M33" s="195">
        <v>0</v>
      </c>
      <c r="N33" s="190">
        <v>0</v>
      </c>
      <c r="O33" s="191">
        <v>0</v>
      </c>
      <c r="P33" s="196">
        <v>0</v>
      </c>
      <c r="Q33" s="193">
        <v>0</v>
      </c>
      <c r="R33" s="191">
        <v>0</v>
      </c>
      <c r="S33" s="191">
        <v>0</v>
      </c>
      <c r="T33" s="191">
        <v>0</v>
      </c>
      <c r="U33" s="191">
        <v>0</v>
      </c>
      <c r="V33" s="191">
        <v>0</v>
      </c>
      <c r="W33" s="196">
        <v>0</v>
      </c>
      <c r="X33" s="195">
        <v>0</v>
      </c>
      <c r="Y33" s="190">
        <v>0</v>
      </c>
      <c r="Z33" s="191">
        <v>0</v>
      </c>
      <c r="AA33" s="196">
        <v>0</v>
      </c>
      <c r="AB33" s="193">
        <v>0</v>
      </c>
      <c r="AC33" s="191">
        <v>3</v>
      </c>
      <c r="AD33" s="191">
        <v>0</v>
      </c>
      <c r="AE33" s="191">
        <v>0</v>
      </c>
      <c r="AF33" s="191">
        <v>0</v>
      </c>
      <c r="AG33" s="191">
        <v>0</v>
      </c>
      <c r="AH33" s="196">
        <v>3</v>
      </c>
      <c r="AI33" s="195">
        <v>3</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0</v>
      </c>
      <c r="BB33" s="191">
        <v>0</v>
      </c>
      <c r="BC33" s="191">
        <v>0</v>
      </c>
      <c r="BD33" s="196">
        <v>0</v>
      </c>
      <c r="BE33" s="195">
        <v>0</v>
      </c>
      <c r="BF33" s="190">
        <v>0</v>
      </c>
      <c r="BG33" s="191">
        <v>0</v>
      </c>
      <c r="BH33" s="196">
        <v>0</v>
      </c>
      <c r="BI33" s="193">
        <v>0</v>
      </c>
      <c r="BJ33" s="191">
        <v>0</v>
      </c>
      <c r="BK33" s="191">
        <v>0</v>
      </c>
      <c r="BL33" s="191">
        <v>0</v>
      </c>
      <c r="BM33" s="191">
        <v>0</v>
      </c>
      <c r="BN33" s="191">
        <v>0</v>
      </c>
      <c r="BO33" s="194">
        <v>0</v>
      </c>
      <c r="BP33" s="195">
        <v>0</v>
      </c>
      <c r="BQ33" s="190">
        <v>0</v>
      </c>
      <c r="BR33" s="191">
        <v>0</v>
      </c>
      <c r="BS33" s="196">
        <v>0</v>
      </c>
      <c r="BT33" s="193">
        <v>0</v>
      </c>
      <c r="BU33" s="191">
        <v>0</v>
      </c>
      <c r="BV33" s="191">
        <v>0</v>
      </c>
      <c r="BW33" s="191">
        <v>0</v>
      </c>
      <c r="BX33" s="191">
        <v>0</v>
      </c>
      <c r="BY33" s="191">
        <v>0</v>
      </c>
      <c r="BZ33" s="196">
        <v>0</v>
      </c>
      <c r="CA33" s="195">
        <v>0</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0</v>
      </c>
      <c r="CT33" s="191">
        <v>0</v>
      </c>
      <c r="CU33" s="191">
        <v>0</v>
      </c>
      <c r="CV33" s="196">
        <v>0</v>
      </c>
      <c r="CW33" s="195">
        <v>0</v>
      </c>
    </row>
    <row r="34" spans="2:101" ht="21" customHeight="1" x14ac:dyDescent="0.2">
      <c r="B34" s="106" t="s">
        <v>32</v>
      </c>
      <c r="C34" s="190">
        <v>0</v>
      </c>
      <c r="D34" s="196">
        <v>0</v>
      </c>
      <c r="E34" s="207">
        <v>0</v>
      </c>
      <c r="F34" s="193">
        <v>0</v>
      </c>
      <c r="G34" s="191">
        <v>1</v>
      </c>
      <c r="H34" s="191">
        <v>1</v>
      </c>
      <c r="I34" s="191">
        <v>0</v>
      </c>
      <c r="J34" s="191">
        <v>0</v>
      </c>
      <c r="K34" s="191">
        <v>0</v>
      </c>
      <c r="L34" s="194">
        <v>2</v>
      </c>
      <c r="M34" s="195">
        <v>2</v>
      </c>
      <c r="N34" s="190">
        <v>0</v>
      </c>
      <c r="O34" s="191">
        <v>0</v>
      </c>
      <c r="P34" s="196">
        <v>0</v>
      </c>
      <c r="Q34" s="193">
        <v>0</v>
      </c>
      <c r="R34" s="191">
        <v>0</v>
      </c>
      <c r="S34" s="191">
        <v>0</v>
      </c>
      <c r="T34" s="191">
        <v>0</v>
      </c>
      <c r="U34" s="191">
        <v>0</v>
      </c>
      <c r="V34" s="191">
        <v>0</v>
      </c>
      <c r="W34" s="196">
        <v>0</v>
      </c>
      <c r="X34" s="195">
        <v>0</v>
      </c>
      <c r="Y34" s="190">
        <v>0</v>
      </c>
      <c r="Z34" s="191">
        <v>0</v>
      </c>
      <c r="AA34" s="196">
        <v>0</v>
      </c>
      <c r="AB34" s="193">
        <v>0</v>
      </c>
      <c r="AC34" s="191">
        <v>4</v>
      </c>
      <c r="AD34" s="191">
        <v>2</v>
      </c>
      <c r="AE34" s="191">
        <v>0</v>
      </c>
      <c r="AF34" s="191">
        <v>0</v>
      </c>
      <c r="AG34" s="191">
        <v>0</v>
      </c>
      <c r="AH34" s="196">
        <v>6</v>
      </c>
      <c r="AI34" s="195">
        <v>6</v>
      </c>
      <c r="AJ34" s="190">
        <v>0</v>
      </c>
      <c r="AK34" s="191">
        <v>0</v>
      </c>
      <c r="AL34" s="196">
        <v>0</v>
      </c>
      <c r="AM34" s="193">
        <v>0</v>
      </c>
      <c r="AN34" s="191">
        <v>1</v>
      </c>
      <c r="AO34" s="191">
        <v>0</v>
      </c>
      <c r="AP34" s="191">
        <v>1</v>
      </c>
      <c r="AQ34" s="191">
        <v>0</v>
      </c>
      <c r="AR34" s="191">
        <v>0</v>
      </c>
      <c r="AS34" s="196">
        <v>2</v>
      </c>
      <c r="AT34" s="195">
        <v>2</v>
      </c>
      <c r="AU34" s="190">
        <v>0</v>
      </c>
      <c r="AV34" s="191">
        <v>0</v>
      </c>
      <c r="AW34" s="196">
        <v>0</v>
      </c>
      <c r="AX34" s="193">
        <v>0</v>
      </c>
      <c r="AY34" s="191">
        <v>1</v>
      </c>
      <c r="AZ34" s="191">
        <v>0</v>
      </c>
      <c r="BA34" s="191">
        <v>0</v>
      </c>
      <c r="BB34" s="191">
        <v>0</v>
      </c>
      <c r="BC34" s="191">
        <v>0</v>
      </c>
      <c r="BD34" s="196">
        <v>1</v>
      </c>
      <c r="BE34" s="195">
        <v>1</v>
      </c>
      <c r="BF34" s="190">
        <v>0</v>
      </c>
      <c r="BG34" s="191">
        <v>0</v>
      </c>
      <c r="BH34" s="196">
        <v>0</v>
      </c>
      <c r="BI34" s="193">
        <v>0</v>
      </c>
      <c r="BJ34" s="191">
        <v>0</v>
      </c>
      <c r="BK34" s="191">
        <v>0</v>
      </c>
      <c r="BL34" s="191">
        <v>1</v>
      </c>
      <c r="BM34" s="191">
        <v>0</v>
      </c>
      <c r="BN34" s="191">
        <v>0</v>
      </c>
      <c r="BO34" s="194">
        <v>1</v>
      </c>
      <c r="BP34" s="195">
        <v>1</v>
      </c>
      <c r="BQ34" s="190">
        <v>0</v>
      </c>
      <c r="BR34" s="191">
        <v>0</v>
      </c>
      <c r="BS34" s="196">
        <v>0</v>
      </c>
      <c r="BT34" s="193">
        <v>0</v>
      </c>
      <c r="BU34" s="191">
        <v>0</v>
      </c>
      <c r="BV34" s="191">
        <v>0</v>
      </c>
      <c r="BW34" s="191">
        <v>0</v>
      </c>
      <c r="BX34" s="191">
        <v>0</v>
      </c>
      <c r="BY34" s="191">
        <v>0</v>
      </c>
      <c r="BZ34" s="196">
        <v>0</v>
      </c>
      <c r="CA34" s="195">
        <v>0</v>
      </c>
      <c r="CB34" s="190">
        <v>0</v>
      </c>
      <c r="CC34" s="191">
        <v>0</v>
      </c>
      <c r="CD34" s="196">
        <v>0</v>
      </c>
      <c r="CE34" s="193">
        <v>0</v>
      </c>
      <c r="CF34" s="191">
        <v>0</v>
      </c>
      <c r="CG34" s="191">
        <v>0</v>
      </c>
      <c r="CH34" s="191">
        <v>0</v>
      </c>
      <c r="CI34" s="191">
        <v>0</v>
      </c>
      <c r="CJ34" s="191">
        <v>0</v>
      </c>
      <c r="CK34" s="196">
        <v>0</v>
      </c>
      <c r="CL34" s="195">
        <v>0</v>
      </c>
      <c r="CM34" s="190">
        <v>0</v>
      </c>
      <c r="CN34" s="191">
        <v>0</v>
      </c>
      <c r="CO34" s="196">
        <v>0</v>
      </c>
      <c r="CP34" s="193">
        <v>0</v>
      </c>
      <c r="CQ34" s="191">
        <v>0</v>
      </c>
      <c r="CR34" s="191">
        <v>0</v>
      </c>
      <c r="CS34" s="191">
        <v>0</v>
      </c>
      <c r="CT34" s="191">
        <v>0</v>
      </c>
      <c r="CU34" s="191">
        <v>0</v>
      </c>
      <c r="CV34" s="196">
        <v>0</v>
      </c>
      <c r="CW34" s="195">
        <v>0</v>
      </c>
    </row>
    <row r="35" spans="2:101" ht="21" customHeight="1" x14ac:dyDescent="0.2">
      <c r="B35" s="106" t="s">
        <v>33</v>
      </c>
      <c r="C35" s="190">
        <v>0</v>
      </c>
      <c r="D35" s="196">
        <v>0</v>
      </c>
      <c r="E35" s="207">
        <v>0</v>
      </c>
      <c r="F35" s="193">
        <v>0</v>
      </c>
      <c r="G35" s="191">
        <v>0</v>
      </c>
      <c r="H35" s="191">
        <v>0</v>
      </c>
      <c r="I35" s="191">
        <v>0</v>
      </c>
      <c r="J35" s="191">
        <v>0</v>
      </c>
      <c r="K35" s="191">
        <v>0</v>
      </c>
      <c r="L35" s="194">
        <v>0</v>
      </c>
      <c r="M35" s="195">
        <v>0</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1</v>
      </c>
      <c r="AD35" s="191">
        <v>0</v>
      </c>
      <c r="AE35" s="191">
        <v>1</v>
      </c>
      <c r="AF35" s="191">
        <v>1</v>
      </c>
      <c r="AG35" s="191">
        <v>0</v>
      </c>
      <c r="AH35" s="196">
        <v>3</v>
      </c>
      <c r="AI35" s="195">
        <v>3</v>
      </c>
      <c r="AJ35" s="190">
        <v>0</v>
      </c>
      <c r="AK35" s="191">
        <v>0</v>
      </c>
      <c r="AL35" s="196">
        <v>0</v>
      </c>
      <c r="AM35" s="193">
        <v>0</v>
      </c>
      <c r="AN35" s="191">
        <v>0</v>
      </c>
      <c r="AO35" s="191">
        <v>0</v>
      </c>
      <c r="AP35" s="191">
        <v>0</v>
      </c>
      <c r="AQ35" s="191">
        <v>0</v>
      </c>
      <c r="AR35" s="191">
        <v>0</v>
      </c>
      <c r="AS35" s="196">
        <v>0</v>
      </c>
      <c r="AT35" s="195">
        <v>0</v>
      </c>
      <c r="AU35" s="190">
        <v>0</v>
      </c>
      <c r="AV35" s="191">
        <v>0</v>
      </c>
      <c r="AW35" s="196">
        <v>0</v>
      </c>
      <c r="AX35" s="193">
        <v>0</v>
      </c>
      <c r="AY35" s="191">
        <v>0</v>
      </c>
      <c r="AZ35" s="191">
        <v>0</v>
      </c>
      <c r="BA35" s="191">
        <v>0</v>
      </c>
      <c r="BB35" s="191">
        <v>0</v>
      </c>
      <c r="BC35" s="191">
        <v>0</v>
      </c>
      <c r="BD35" s="196">
        <v>0</v>
      </c>
      <c r="BE35" s="195">
        <v>0</v>
      </c>
      <c r="BF35" s="190">
        <v>0</v>
      </c>
      <c r="BG35" s="191">
        <v>0</v>
      </c>
      <c r="BH35" s="196">
        <v>0</v>
      </c>
      <c r="BI35" s="193">
        <v>0</v>
      </c>
      <c r="BJ35" s="191">
        <v>0</v>
      </c>
      <c r="BK35" s="191">
        <v>0</v>
      </c>
      <c r="BL35" s="191">
        <v>1</v>
      </c>
      <c r="BM35" s="191">
        <v>0</v>
      </c>
      <c r="BN35" s="191">
        <v>0</v>
      </c>
      <c r="BO35" s="194">
        <v>1</v>
      </c>
      <c r="BP35" s="195">
        <v>1</v>
      </c>
      <c r="BQ35" s="190">
        <v>0</v>
      </c>
      <c r="BR35" s="191">
        <v>0</v>
      </c>
      <c r="BS35" s="196">
        <v>0</v>
      </c>
      <c r="BT35" s="193">
        <v>0</v>
      </c>
      <c r="BU35" s="191">
        <v>0</v>
      </c>
      <c r="BV35" s="191">
        <v>0</v>
      </c>
      <c r="BW35" s="191">
        <v>0</v>
      </c>
      <c r="BX35" s="191">
        <v>0</v>
      </c>
      <c r="BY35" s="191">
        <v>0</v>
      </c>
      <c r="BZ35" s="196">
        <v>0</v>
      </c>
      <c r="CA35" s="195">
        <v>0</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0</v>
      </c>
      <c r="CR35" s="191">
        <v>0</v>
      </c>
      <c r="CS35" s="191">
        <v>0</v>
      </c>
      <c r="CT35" s="191">
        <v>0</v>
      </c>
      <c r="CU35" s="191">
        <v>0</v>
      </c>
      <c r="CV35" s="196">
        <v>0</v>
      </c>
      <c r="CW35" s="195">
        <v>0</v>
      </c>
    </row>
    <row r="36" spans="2:101" ht="21" customHeight="1" x14ac:dyDescent="0.2">
      <c r="B36" s="106" t="s">
        <v>34</v>
      </c>
      <c r="C36" s="190">
        <v>0</v>
      </c>
      <c r="D36" s="196">
        <v>0</v>
      </c>
      <c r="E36" s="207">
        <v>0</v>
      </c>
      <c r="F36" s="193">
        <v>0</v>
      </c>
      <c r="G36" s="191">
        <v>0</v>
      </c>
      <c r="H36" s="191">
        <v>0</v>
      </c>
      <c r="I36" s="191">
        <v>0</v>
      </c>
      <c r="J36" s="191">
        <v>0</v>
      </c>
      <c r="K36" s="191">
        <v>0</v>
      </c>
      <c r="L36" s="194">
        <v>0</v>
      </c>
      <c r="M36" s="195">
        <v>0</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0</v>
      </c>
      <c r="AD36" s="191">
        <v>0</v>
      </c>
      <c r="AE36" s="191">
        <v>0</v>
      </c>
      <c r="AF36" s="191">
        <v>0</v>
      </c>
      <c r="AG36" s="191">
        <v>0</v>
      </c>
      <c r="AH36" s="196">
        <v>0</v>
      </c>
      <c r="AI36" s="195">
        <v>0</v>
      </c>
      <c r="AJ36" s="190">
        <v>0</v>
      </c>
      <c r="AK36" s="191">
        <v>0</v>
      </c>
      <c r="AL36" s="196">
        <v>0</v>
      </c>
      <c r="AM36" s="193">
        <v>0</v>
      </c>
      <c r="AN36" s="191">
        <v>0</v>
      </c>
      <c r="AO36" s="191">
        <v>0</v>
      </c>
      <c r="AP36" s="191">
        <v>0</v>
      </c>
      <c r="AQ36" s="191">
        <v>0</v>
      </c>
      <c r="AR36" s="191">
        <v>0</v>
      </c>
      <c r="AS36" s="196">
        <v>0</v>
      </c>
      <c r="AT36" s="195">
        <v>0</v>
      </c>
      <c r="AU36" s="190">
        <v>0</v>
      </c>
      <c r="AV36" s="191">
        <v>0</v>
      </c>
      <c r="AW36" s="196">
        <v>0</v>
      </c>
      <c r="AX36" s="193">
        <v>0</v>
      </c>
      <c r="AY36" s="191">
        <v>1</v>
      </c>
      <c r="AZ36" s="191">
        <v>0</v>
      </c>
      <c r="BA36" s="191">
        <v>0</v>
      </c>
      <c r="BB36" s="191">
        <v>0</v>
      </c>
      <c r="BC36" s="191">
        <v>0</v>
      </c>
      <c r="BD36" s="196">
        <v>1</v>
      </c>
      <c r="BE36" s="195">
        <v>1</v>
      </c>
      <c r="BF36" s="190">
        <v>0</v>
      </c>
      <c r="BG36" s="191">
        <v>0</v>
      </c>
      <c r="BH36" s="196">
        <v>0</v>
      </c>
      <c r="BI36" s="193">
        <v>0</v>
      </c>
      <c r="BJ36" s="191">
        <v>0</v>
      </c>
      <c r="BK36" s="191">
        <v>0</v>
      </c>
      <c r="BL36" s="191">
        <v>0</v>
      </c>
      <c r="BM36" s="191">
        <v>0</v>
      </c>
      <c r="BN36" s="191">
        <v>0</v>
      </c>
      <c r="BO36" s="194">
        <v>0</v>
      </c>
      <c r="BP36" s="195">
        <v>0</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0</v>
      </c>
      <c r="CI36" s="191">
        <v>0</v>
      </c>
      <c r="CJ36" s="191">
        <v>0</v>
      </c>
      <c r="CK36" s="196">
        <v>0</v>
      </c>
      <c r="CL36" s="195">
        <v>0</v>
      </c>
      <c r="CM36" s="190">
        <v>0</v>
      </c>
      <c r="CN36" s="191">
        <v>0</v>
      </c>
      <c r="CO36" s="196">
        <v>0</v>
      </c>
      <c r="CP36" s="193">
        <v>0</v>
      </c>
      <c r="CQ36" s="191">
        <v>0</v>
      </c>
      <c r="CR36" s="191">
        <v>0</v>
      </c>
      <c r="CS36" s="191">
        <v>0</v>
      </c>
      <c r="CT36" s="191">
        <v>0</v>
      </c>
      <c r="CU36" s="191">
        <v>0</v>
      </c>
      <c r="CV36" s="196">
        <v>0</v>
      </c>
      <c r="CW36" s="195">
        <v>0</v>
      </c>
    </row>
    <row r="37" spans="2:101" ht="21" customHeight="1" x14ac:dyDescent="0.2">
      <c r="B37" s="106" t="s">
        <v>35</v>
      </c>
      <c r="C37" s="190">
        <v>0</v>
      </c>
      <c r="D37" s="196">
        <v>0</v>
      </c>
      <c r="E37" s="207">
        <v>0</v>
      </c>
      <c r="F37" s="193">
        <v>0</v>
      </c>
      <c r="G37" s="191">
        <v>0</v>
      </c>
      <c r="H37" s="191">
        <v>0</v>
      </c>
      <c r="I37" s="191">
        <v>0</v>
      </c>
      <c r="J37" s="191">
        <v>0</v>
      </c>
      <c r="K37" s="191">
        <v>0</v>
      </c>
      <c r="L37" s="194">
        <v>0</v>
      </c>
      <c r="M37" s="195">
        <v>0</v>
      </c>
      <c r="N37" s="190">
        <v>0</v>
      </c>
      <c r="O37" s="191">
        <v>0</v>
      </c>
      <c r="P37" s="196">
        <v>0</v>
      </c>
      <c r="Q37" s="193">
        <v>0</v>
      </c>
      <c r="R37" s="191">
        <v>0</v>
      </c>
      <c r="S37" s="191">
        <v>0</v>
      </c>
      <c r="T37" s="191">
        <v>0</v>
      </c>
      <c r="U37" s="191">
        <v>0</v>
      </c>
      <c r="V37" s="191">
        <v>0</v>
      </c>
      <c r="W37" s="196">
        <v>0</v>
      </c>
      <c r="X37" s="195">
        <v>0</v>
      </c>
      <c r="Y37" s="190">
        <v>0</v>
      </c>
      <c r="Z37" s="191">
        <v>0</v>
      </c>
      <c r="AA37" s="196">
        <v>0</v>
      </c>
      <c r="AB37" s="193">
        <v>0</v>
      </c>
      <c r="AC37" s="191">
        <v>1</v>
      </c>
      <c r="AD37" s="191">
        <v>0</v>
      </c>
      <c r="AE37" s="191">
        <v>0</v>
      </c>
      <c r="AF37" s="191">
        <v>0</v>
      </c>
      <c r="AG37" s="191">
        <v>0</v>
      </c>
      <c r="AH37" s="196">
        <v>1</v>
      </c>
      <c r="AI37" s="195">
        <v>1</v>
      </c>
      <c r="AJ37" s="190">
        <v>0</v>
      </c>
      <c r="AK37" s="191">
        <v>0</v>
      </c>
      <c r="AL37" s="196">
        <v>0</v>
      </c>
      <c r="AM37" s="193">
        <v>0</v>
      </c>
      <c r="AN37" s="191">
        <v>0</v>
      </c>
      <c r="AO37" s="191">
        <v>0</v>
      </c>
      <c r="AP37" s="191">
        <v>0</v>
      </c>
      <c r="AQ37" s="191">
        <v>0</v>
      </c>
      <c r="AR37" s="191">
        <v>0</v>
      </c>
      <c r="AS37" s="196">
        <v>0</v>
      </c>
      <c r="AT37" s="195">
        <v>0</v>
      </c>
      <c r="AU37" s="190">
        <v>1</v>
      </c>
      <c r="AV37" s="191">
        <v>0</v>
      </c>
      <c r="AW37" s="196">
        <v>1</v>
      </c>
      <c r="AX37" s="193">
        <v>0</v>
      </c>
      <c r="AY37" s="191">
        <v>0</v>
      </c>
      <c r="AZ37" s="191">
        <v>0</v>
      </c>
      <c r="BA37" s="191">
        <v>1</v>
      </c>
      <c r="BB37" s="191">
        <v>0</v>
      </c>
      <c r="BC37" s="191">
        <v>0</v>
      </c>
      <c r="BD37" s="196">
        <v>1</v>
      </c>
      <c r="BE37" s="195">
        <v>2</v>
      </c>
      <c r="BF37" s="190">
        <v>0</v>
      </c>
      <c r="BG37" s="191">
        <v>0</v>
      </c>
      <c r="BH37" s="196">
        <v>0</v>
      </c>
      <c r="BI37" s="193">
        <v>0</v>
      </c>
      <c r="BJ37" s="191">
        <v>1</v>
      </c>
      <c r="BK37" s="191">
        <v>0</v>
      </c>
      <c r="BL37" s="191">
        <v>0</v>
      </c>
      <c r="BM37" s="191">
        <v>0</v>
      </c>
      <c r="BN37" s="191">
        <v>0</v>
      </c>
      <c r="BO37" s="194">
        <v>1</v>
      </c>
      <c r="BP37" s="195">
        <v>1</v>
      </c>
      <c r="BQ37" s="190">
        <v>0</v>
      </c>
      <c r="BR37" s="191">
        <v>0</v>
      </c>
      <c r="BS37" s="196">
        <v>0</v>
      </c>
      <c r="BT37" s="193">
        <v>0</v>
      </c>
      <c r="BU37" s="191">
        <v>0</v>
      </c>
      <c r="BV37" s="191">
        <v>0</v>
      </c>
      <c r="BW37" s="191">
        <v>0</v>
      </c>
      <c r="BX37" s="191">
        <v>0</v>
      </c>
      <c r="BY37" s="191">
        <v>0</v>
      </c>
      <c r="BZ37" s="196">
        <v>0</v>
      </c>
      <c r="CA37" s="195">
        <v>0</v>
      </c>
      <c r="CB37" s="190">
        <v>0</v>
      </c>
      <c r="CC37" s="191">
        <v>0</v>
      </c>
      <c r="CD37" s="196">
        <v>0</v>
      </c>
      <c r="CE37" s="193">
        <v>0</v>
      </c>
      <c r="CF37" s="191">
        <v>0</v>
      </c>
      <c r="CG37" s="191">
        <v>0</v>
      </c>
      <c r="CH37" s="191">
        <v>0</v>
      </c>
      <c r="CI37" s="191">
        <v>0</v>
      </c>
      <c r="CJ37" s="191">
        <v>0</v>
      </c>
      <c r="CK37" s="196">
        <v>0</v>
      </c>
      <c r="CL37" s="195">
        <v>0</v>
      </c>
      <c r="CM37" s="190">
        <v>0</v>
      </c>
      <c r="CN37" s="191">
        <v>0</v>
      </c>
      <c r="CO37" s="196">
        <v>0</v>
      </c>
      <c r="CP37" s="193">
        <v>0</v>
      </c>
      <c r="CQ37" s="191">
        <v>0</v>
      </c>
      <c r="CR37" s="191">
        <v>0</v>
      </c>
      <c r="CS37" s="191">
        <v>0</v>
      </c>
      <c r="CT37" s="191">
        <v>0</v>
      </c>
      <c r="CU37" s="191">
        <v>0</v>
      </c>
      <c r="CV37" s="196">
        <v>0</v>
      </c>
      <c r="CW37" s="195">
        <v>0</v>
      </c>
    </row>
    <row r="38" spans="2:101" ht="21" customHeight="1" x14ac:dyDescent="0.2">
      <c r="B38" s="106" t="s">
        <v>36</v>
      </c>
      <c r="C38" s="190">
        <v>0</v>
      </c>
      <c r="D38" s="196">
        <v>0</v>
      </c>
      <c r="E38" s="207">
        <v>0</v>
      </c>
      <c r="F38" s="193">
        <v>0</v>
      </c>
      <c r="G38" s="191">
        <v>0</v>
      </c>
      <c r="H38" s="191">
        <v>0</v>
      </c>
      <c r="I38" s="191">
        <v>0</v>
      </c>
      <c r="J38" s="191">
        <v>0</v>
      </c>
      <c r="K38" s="191">
        <v>0</v>
      </c>
      <c r="L38" s="194">
        <v>0</v>
      </c>
      <c r="M38" s="195">
        <v>0</v>
      </c>
      <c r="N38" s="190">
        <v>0</v>
      </c>
      <c r="O38" s="191">
        <v>0</v>
      </c>
      <c r="P38" s="196">
        <v>0</v>
      </c>
      <c r="Q38" s="193">
        <v>0</v>
      </c>
      <c r="R38" s="191">
        <v>0</v>
      </c>
      <c r="S38" s="191">
        <v>0</v>
      </c>
      <c r="T38" s="191">
        <v>0</v>
      </c>
      <c r="U38" s="191">
        <v>0</v>
      </c>
      <c r="V38" s="191">
        <v>0</v>
      </c>
      <c r="W38" s="196">
        <v>0</v>
      </c>
      <c r="X38" s="195">
        <v>0</v>
      </c>
      <c r="Y38" s="190">
        <v>0</v>
      </c>
      <c r="Z38" s="191">
        <v>0</v>
      </c>
      <c r="AA38" s="196">
        <v>0</v>
      </c>
      <c r="AB38" s="193">
        <v>0</v>
      </c>
      <c r="AC38" s="191">
        <v>2</v>
      </c>
      <c r="AD38" s="191">
        <v>0</v>
      </c>
      <c r="AE38" s="191">
        <v>0</v>
      </c>
      <c r="AF38" s="191">
        <v>0</v>
      </c>
      <c r="AG38" s="191">
        <v>0</v>
      </c>
      <c r="AH38" s="196">
        <v>2</v>
      </c>
      <c r="AI38" s="195">
        <v>2</v>
      </c>
      <c r="AJ38" s="190">
        <v>0</v>
      </c>
      <c r="AK38" s="191">
        <v>0</v>
      </c>
      <c r="AL38" s="196">
        <v>0</v>
      </c>
      <c r="AM38" s="193">
        <v>0</v>
      </c>
      <c r="AN38" s="191">
        <v>0</v>
      </c>
      <c r="AO38" s="191">
        <v>0</v>
      </c>
      <c r="AP38" s="191">
        <v>0</v>
      </c>
      <c r="AQ38" s="191">
        <v>0</v>
      </c>
      <c r="AR38" s="191">
        <v>0</v>
      </c>
      <c r="AS38" s="196">
        <v>0</v>
      </c>
      <c r="AT38" s="195">
        <v>0</v>
      </c>
      <c r="AU38" s="190">
        <v>0</v>
      </c>
      <c r="AV38" s="191">
        <v>0</v>
      </c>
      <c r="AW38" s="196">
        <v>0</v>
      </c>
      <c r="AX38" s="193">
        <v>0</v>
      </c>
      <c r="AY38" s="191">
        <v>0</v>
      </c>
      <c r="AZ38" s="191">
        <v>0</v>
      </c>
      <c r="BA38" s="191">
        <v>0</v>
      </c>
      <c r="BB38" s="191">
        <v>0</v>
      </c>
      <c r="BC38" s="191">
        <v>0</v>
      </c>
      <c r="BD38" s="196">
        <v>0</v>
      </c>
      <c r="BE38" s="195">
        <v>0</v>
      </c>
      <c r="BF38" s="190">
        <v>0</v>
      </c>
      <c r="BG38" s="191">
        <v>0</v>
      </c>
      <c r="BH38" s="196">
        <v>0</v>
      </c>
      <c r="BI38" s="193">
        <v>0</v>
      </c>
      <c r="BJ38" s="191">
        <v>0</v>
      </c>
      <c r="BK38" s="191">
        <v>1</v>
      </c>
      <c r="BL38" s="191">
        <v>1</v>
      </c>
      <c r="BM38" s="191">
        <v>0</v>
      </c>
      <c r="BN38" s="191">
        <v>0</v>
      </c>
      <c r="BO38" s="194">
        <v>2</v>
      </c>
      <c r="BP38" s="195">
        <v>2</v>
      </c>
      <c r="BQ38" s="190">
        <v>0</v>
      </c>
      <c r="BR38" s="191">
        <v>0</v>
      </c>
      <c r="BS38" s="196">
        <v>0</v>
      </c>
      <c r="BT38" s="193">
        <v>0</v>
      </c>
      <c r="BU38" s="191">
        <v>0</v>
      </c>
      <c r="BV38" s="191">
        <v>0</v>
      </c>
      <c r="BW38" s="191">
        <v>0</v>
      </c>
      <c r="BX38" s="191">
        <v>0</v>
      </c>
      <c r="BY38" s="191">
        <v>0</v>
      </c>
      <c r="BZ38" s="196">
        <v>0</v>
      </c>
      <c r="CA38" s="195">
        <v>0</v>
      </c>
      <c r="CB38" s="190">
        <v>0</v>
      </c>
      <c r="CC38" s="191">
        <v>0</v>
      </c>
      <c r="CD38" s="196">
        <v>0</v>
      </c>
      <c r="CE38" s="193">
        <v>0</v>
      </c>
      <c r="CF38" s="191">
        <v>0</v>
      </c>
      <c r="CG38" s="191">
        <v>0</v>
      </c>
      <c r="CH38" s="191">
        <v>0</v>
      </c>
      <c r="CI38" s="191">
        <v>0</v>
      </c>
      <c r="CJ38" s="191">
        <v>0</v>
      </c>
      <c r="CK38" s="196">
        <v>0</v>
      </c>
      <c r="CL38" s="195">
        <v>0</v>
      </c>
      <c r="CM38" s="190">
        <v>0</v>
      </c>
      <c r="CN38" s="191">
        <v>0</v>
      </c>
      <c r="CO38" s="196">
        <v>0</v>
      </c>
      <c r="CP38" s="193">
        <v>0</v>
      </c>
      <c r="CQ38" s="191">
        <v>0</v>
      </c>
      <c r="CR38" s="191">
        <v>0</v>
      </c>
      <c r="CS38" s="191">
        <v>0</v>
      </c>
      <c r="CT38" s="191">
        <v>0</v>
      </c>
      <c r="CU38" s="191">
        <v>0</v>
      </c>
      <c r="CV38" s="196">
        <v>0</v>
      </c>
      <c r="CW38" s="195">
        <v>0</v>
      </c>
    </row>
    <row r="39" spans="2:101" ht="21" customHeight="1" thickBot="1" x14ac:dyDescent="0.25">
      <c r="B39" s="108" t="s">
        <v>37</v>
      </c>
      <c r="C39" s="197">
        <v>0</v>
      </c>
      <c r="D39" s="203">
        <v>0</v>
      </c>
      <c r="E39" s="208">
        <v>0</v>
      </c>
      <c r="F39" s="200">
        <v>0</v>
      </c>
      <c r="G39" s="198">
        <v>0</v>
      </c>
      <c r="H39" s="198">
        <v>0</v>
      </c>
      <c r="I39" s="198">
        <v>0</v>
      </c>
      <c r="J39" s="198">
        <v>0</v>
      </c>
      <c r="K39" s="198">
        <v>0</v>
      </c>
      <c r="L39" s="201">
        <v>0</v>
      </c>
      <c r="M39" s="202">
        <v>0</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0</v>
      </c>
      <c r="AE39" s="198">
        <v>0</v>
      </c>
      <c r="AF39" s="198">
        <v>0</v>
      </c>
      <c r="AG39" s="198">
        <v>1</v>
      </c>
      <c r="AH39" s="203">
        <v>1</v>
      </c>
      <c r="AI39" s="202">
        <v>1</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0</v>
      </c>
      <c r="BD39" s="203">
        <v>0</v>
      </c>
      <c r="BE39" s="202">
        <v>0</v>
      </c>
      <c r="BF39" s="197">
        <v>0</v>
      </c>
      <c r="BG39" s="198">
        <v>0</v>
      </c>
      <c r="BH39" s="203">
        <v>0</v>
      </c>
      <c r="BI39" s="200">
        <v>0</v>
      </c>
      <c r="BJ39" s="198">
        <v>0</v>
      </c>
      <c r="BK39" s="198">
        <v>0</v>
      </c>
      <c r="BL39" s="198">
        <v>0</v>
      </c>
      <c r="BM39" s="198">
        <v>0</v>
      </c>
      <c r="BN39" s="198">
        <v>0</v>
      </c>
      <c r="BO39" s="201">
        <v>0</v>
      </c>
      <c r="BP39" s="202">
        <v>0</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0</v>
      </c>
      <c r="CV39" s="203">
        <v>0</v>
      </c>
      <c r="CW39" s="202">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8" style="175" customWidth="1"/>
    <col min="18" max="16384" width="9" style="175"/>
  </cols>
  <sheetData>
    <row r="1" spans="2:24" ht="24" customHeight="1" x14ac:dyDescent="0.2">
      <c r="B1" s="142" t="s">
        <v>123</v>
      </c>
      <c r="H1" s="442">
        <f>第１表!F2</f>
        <v>6</v>
      </c>
      <c r="I1" s="442"/>
      <c r="J1" s="18">
        <f>第１表!G2</f>
        <v>11</v>
      </c>
      <c r="K1" s="447">
        <f>IF(J1&lt;3,J1+12-2,J1-2)</f>
        <v>9</v>
      </c>
      <c r="L1" s="447"/>
    </row>
    <row r="2" spans="2:24" ht="24" customHeight="1" thickBot="1" x14ac:dyDescent="0.25">
      <c r="B2" s="142" t="s">
        <v>130</v>
      </c>
    </row>
    <row r="3" spans="2:24" ht="21" customHeight="1" x14ac:dyDescent="0.2">
      <c r="B3" s="465"/>
      <c r="C3" s="466" t="s">
        <v>140</v>
      </c>
      <c r="D3" s="466"/>
      <c r="E3" s="466"/>
      <c r="F3" s="466"/>
      <c r="G3" s="466"/>
      <c r="H3" s="466"/>
      <c r="I3" s="466"/>
      <c r="J3" s="466"/>
      <c r="K3" s="466"/>
      <c r="L3" s="466"/>
      <c r="M3" s="496"/>
      <c r="N3" s="466" t="s">
        <v>112</v>
      </c>
      <c r="O3" s="466"/>
      <c r="P3" s="466"/>
      <c r="Q3" s="466"/>
      <c r="R3" s="466"/>
      <c r="S3" s="466"/>
      <c r="T3" s="466"/>
      <c r="U3" s="466"/>
      <c r="V3" s="466"/>
      <c r="W3" s="466"/>
      <c r="X3" s="496"/>
    </row>
    <row r="4" spans="2:24" ht="21" customHeight="1" x14ac:dyDescent="0.2">
      <c r="B4" s="502"/>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503"/>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104285</v>
      </c>
      <c r="H6" s="184">
        <v>108439</v>
      </c>
      <c r="I6" s="184">
        <v>62421</v>
      </c>
      <c r="J6" s="184">
        <v>31414</v>
      </c>
      <c r="K6" s="184">
        <v>14498</v>
      </c>
      <c r="L6" s="189">
        <v>321057</v>
      </c>
      <c r="M6" s="188">
        <v>321057</v>
      </c>
      <c r="N6" s="184">
        <v>29</v>
      </c>
      <c r="O6" s="184">
        <v>62</v>
      </c>
      <c r="P6" s="189">
        <v>91</v>
      </c>
      <c r="Q6" s="186">
        <v>0</v>
      </c>
      <c r="R6" s="184">
        <v>6755</v>
      </c>
      <c r="S6" s="184">
        <v>9280</v>
      </c>
      <c r="T6" s="184">
        <v>11673</v>
      </c>
      <c r="U6" s="184">
        <v>6159</v>
      </c>
      <c r="V6" s="184">
        <v>4805</v>
      </c>
      <c r="W6" s="189">
        <v>38672</v>
      </c>
      <c r="X6" s="188">
        <v>38763</v>
      </c>
    </row>
    <row r="7" spans="2:24" ht="21" customHeight="1" x14ac:dyDescent="0.2">
      <c r="B7" s="95" t="s">
        <v>5</v>
      </c>
      <c r="C7" s="191">
        <v>0</v>
      </c>
      <c r="D7" s="191">
        <v>0</v>
      </c>
      <c r="E7" s="196">
        <v>0</v>
      </c>
      <c r="F7" s="193">
        <v>0</v>
      </c>
      <c r="G7" s="191">
        <v>36481</v>
      </c>
      <c r="H7" s="191">
        <v>50684</v>
      </c>
      <c r="I7" s="191">
        <v>29336</v>
      </c>
      <c r="J7" s="191">
        <v>14377</v>
      </c>
      <c r="K7" s="191">
        <v>6999</v>
      </c>
      <c r="L7" s="196">
        <v>137877</v>
      </c>
      <c r="M7" s="195">
        <v>137877</v>
      </c>
      <c r="N7" s="191">
        <v>16</v>
      </c>
      <c r="O7" s="191">
        <v>13</v>
      </c>
      <c r="P7" s="196">
        <v>29</v>
      </c>
      <c r="Q7" s="193">
        <v>0</v>
      </c>
      <c r="R7" s="191">
        <v>3326</v>
      </c>
      <c r="S7" s="191">
        <v>4923</v>
      </c>
      <c r="T7" s="191">
        <v>6095</v>
      </c>
      <c r="U7" s="191">
        <v>3466</v>
      </c>
      <c r="V7" s="191">
        <v>2576</v>
      </c>
      <c r="W7" s="196">
        <v>20386</v>
      </c>
      <c r="X7" s="195">
        <v>20415</v>
      </c>
    </row>
    <row r="8" spans="2:24" ht="21" customHeight="1" x14ac:dyDescent="0.2">
      <c r="B8" s="106" t="s">
        <v>6</v>
      </c>
      <c r="C8" s="191">
        <v>0</v>
      </c>
      <c r="D8" s="191">
        <v>0</v>
      </c>
      <c r="E8" s="196">
        <v>0</v>
      </c>
      <c r="F8" s="193">
        <v>0</v>
      </c>
      <c r="G8" s="191">
        <v>14070</v>
      </c>
      <c r="H8" s="191">
        <v>12422</v>
      </c>
      <c r="I8" s="191">
        <v>6880</v>
      </c>
      <c r="J8" s="191">
        <v>4080</v>
      </c>
      <c r="K8" s="191">
        <v>1825</v>
      </c>
      <c r="L8" s="196">
        <v>39277</v>
      </c>
      <c r="M8" s="195">
        <v>39277</v>
      </c>
      <c r="N8" s="191">
        <v>1</v>
      </c>
      <c r="O8" s="191">
        <v>0</v>
      </c>
      <c r="P8" s="196">
        <v>1</v>
      </c>
      <c r="Q8" s="193">
        <v>0</v>
      </c>
      <c r="R8" s="191">
        <v>1340</v>
      </c>
      <c r="S8" s="191">
        <v>2319</v>
      </c>
      <c r="T8" s="191">
        <v>2548</v>
      </c>
      <c r="U8" s="191">
        <v>1376</v>
      </c>
      <c r="V8" s="191">
        <v>1129</v>
      </c>
      <c r="W8" s="196">
        <v>8712</v>
      </c>
      <c r="X8" s="195">
        <v>8713</v>
      </c>
    </row>
    <row r="9" spans="2:24" ht="21" customHeight="1" x14ac:dyDescent="0.2">
      <c r="B9" s="106" t="s">
        <v>14</v>
      </c>
      <c r="C9" s="191">
        <v>0</v>
      </c>
      <c r="D9" s="191">
        <v>0</v>
      </c>
      <c r="E9" s="196">
        <v>0</v>
      </c>
      <c r="F9" s="193">
        <v>0</v>
      </c>
      <c r="G9" s="191">
        <v>8450</v>
      </c>
      <c r="H9" s="191">
        <v>9791</v>
      </c>
      <c r="I9" s="191">
        <v>5772</v>
      </c>
      <c r="J9" s="191">
        <v>3045</v>
      </c>
      <c r="K9" s="191">
        <v>1312</v>
      </c>
      <c r="L9" s="196">
        <v>28370</v>
      </c>
      <c r="M9" s="195">
        <v>28370</v>
      </c>
      <c r="N9" s="191">
        <v>0</v>
      </c>
      <c r="O9" s="191">
        <v>0</v>
      </c>
      <c r="P9" s="196">
        <v>0</v>
      </c>
      <c r="Q9" s="193">
        <v>0</v>
      </c>
      <c r="R9" s="191">
        <v>137</v>
      </c>
      <c r="S9" s="191">
        <v>153</v>
      </c>
      <c r="T9" s="191">
        <v>353</v>
      </c>
      <c r="U9" s="191">
        <v>131</v>
      </c>
      <c r="V9" s="191">
        <v>223</v>
      </c>
      <c r="W9" s="196">
        <v>997</v>
      </c>
      <c r="X9" s="195">
        <v>997</v>
      </c>
    </row>
    <row r="10" spans="2:24" ht="21" customHeight="1" x14ac:dyDescent="0.2">
      <c r="B10" s="106" t="s">
        <v>7</v>
      </c>
      <c r="C10" s="191">
        <v>0</v>
      </c>
      <c r="D10" s="191">
        <v>0</v>
      </c>
      <c r="E10" s="196">
        <v>0</v>
      </c>
      <c r="F10" s="193">
        <v>0</v>
      </c>
      <c r="G10" s="191">
        <v>9014</v>
      </c>
      <c r="H10" s="191">
        <v>5822</v>
      </c>
      <c r="I10" s="191">
        <v>2596</v>
      </c>
      <c r="J10" s="191">
        <v>1087</v>
      </c>
      <c r="K10" s="191">
        <v>530</v>
      </c>
      <c r="L10" s="196">
        <v>19049</v>
      </c>
      <c r="M10" s="195">
        <v>19049</v>
      </c>
      <c r="N10" s="191">
        <v>5</v>
      </c>
      <c r="O10" s="191">
        <v>16</v>
      </c>
      <c r="P10" s="196">
        <v>21</v>
      </c>
      <c r="Q10" s="193">
        <v>0</v>
      </c>
      <c r="R10" s="191">
        <v>746</v>
      </c>
      <c r="S10" s="191">
        <v>764</v>
      </c>
      <c r="T10" s="191">
        <v>904</v>
      </c>
      <c r="U10" s="191">
        <v>324</v>
      </c>
      <c r="V10" s="191">
        <v>257</v>
      </c>
      <c r="W10" s="196">
        <v>2995</v>
      </c>
      <c r="X10" s="195">
        <v>3016</v>
      </c>
    </row>
    <row r="11" spans="2:24" ht="21" customHeight="1" x14ac:dyDescent="0.2">
      <c r="B11" s="106" t="s">
        <v>8</v>
      </c>
      <c r="C11" s="191">
        <v>0</v>
      </c>
      <c r="D11" s="191">
        <v>0</v>
      </c>
      <c r="E11" s="196">
        <v>0</v>
      </c>
      <c r="F11" s="193">
        <v>0</v>
      </c>
      <c r="G11" s="191">
        <v>4619</v>
      </c>
      <c r="H11" s="191">
        <v>4873</v>
      </c>
      <c r="I11" s="191">
        <v>2382</v>
      </c>
      <c r="J11" s="191">
        <v>1205</v>
      </c>
      <c r="K11" s="191">
        <v>535</v>
      </c>
      <c r="L11" s="196">
        <v>13614</v>
      </c>
      <c r="M11" s="195">
        <v>13614</v>
      </c>
      <c r="N11" s="191">
        <v>0</v>
      </c>
      <c r="O11" s="191">
        <v>0</v>
      </c>
      <c r="P11" s="196">
        <v>0</v>
      </c>
      <c r="Q11" s="193">
        <v>0</v>
      </c>
      <c r="R11" s="191">
        <v>63</v>
      </c>
      <c r="S11" s="191">
        <v>51</v>
      </c>
      <c r="T11" s="191">
        <v>98</v>
      </c>
      <c r="U11" s="191">
        <v>124</v>
      </c>
      <c r="V11" s="191">
        <v>75</v>
      </c>
      <c r="W11" s="196">
        <v>411</v>
      </c>
      <c r="X11" s="195">
        <v>411</v>
      </c>
    </row>
    <row r="12" spans="2:24" ht="21" customHeight="1" x14ac:dyDescent="0.2">
      <c r="B12" s="106" t="s">
        <v>9</v>
      </c>
      <c r="C12" s="191">
        <v>0</v>
      </c>
      <c r="D12" s="191">
        <v>0</v>
      </c>
      <c r="E12" s="196">
        <v>0</v>
      </c>
      <c r="F12" s="193">
        <v>0</v>
      </c>
      <c r="G12" s="191">
        <v>2972</v>
      </c>
      <c r="H12" s="191">
        <v>2199</v>
      </c>
      <c r="I12" s="191">
        <v>1248</v>
      </c>
      <c r="J12" s="191">
        <v>972</v>
      </c>
      <c r="K12" s="191">
        <v>427</v>
      </c>
      <c r="L12" s="196">
        <v>7818</v>
      </c>
      <c r="M12" s="195">
        <v>7818</v>
      </c>
      <c r="N12" s="191">
        <v>0</v>
      </c>
      <c r="O12" s="191">
        <v>0</v>
      </c>
      <c r="P12" s="196">
        <v>0</v>
      </c>
      <c r="Q12" s="193">
        <v>0</v>
      </c>
      <c r="R12" s="191">
        <v>75</v>
      </c>
      <c r="S12" s="191">
        <v>53</v>
      </c>
      <c r="T12" s="191">
        <v>130</v>
      </c>
      <c r="U12" s="191">
        <v>0</v>
      </c>
      <c r="V12" s="191">
        <v>37</v>
      </c>
      <c r="W12" s="196">
        <v>295</v>
      </c>
      <c r="X12" s="195">
        <v>295</v>
      </c>
    </row>
    <row r="13" spans="2:24" ht="21" customHeight="1" x14ac:dyDescent="0.2">
      <c r="B13" s="106" t="s">
        <v>10</v>
      </c>
      <c r="C13" s="191">
        <v>0</v>
      </c>
      <c r="D13" s="191">
        <v>0</v>
      </c>
      <c r="E13" s="196">
        <v>0</v>
      </c>
      <c r="F13" s="193">
        <v>0</v>
      </c>
      <c r="G13" s="191">
        <v>4188</v>
      </c>
      <c r="H13" s="191">
        <v>2024</v>
      </c>
      <c r="I13" s="191">
        <v>1142</v>
      </c>
      <c r="J13" s="191">
        <v>633</v>
      </c>
      <c r="K13" s="191">
        <v>144</v>
      </c>
      <c r="L13" s="196">
        <v>8131</v>
      </c>
      <c r="M13" s="195">
        <v>8131</v>
      </c>
      <c r="N13" s="191">
        <v>0</v>
      </c>
      <c r="O13" s="191">
        <v>4</v>
      </c>
      <c r="P13" s="196">
        <v>4</v>
      </c>
      <c r="Q13" s="193">
        <v>0</v>
      </c>
      <c r="R13" s="191">
        <v>102</v>
      </c>
      <c r="S13" s="191">
        <v>103</v>
      </c>
      <c r="T13" s="191">
        <v>270</v>
      </c>
      <c r="U13" s="191">
        <v>132</v>
      </c>
      <c r="V13" s="191">
        <v>102</v>
      </c>
      <c r="W13" s="196">
        <v>709</v>
      </c>
      <c r="X13" s="195">
        <v>713</v>
      </c>
    </row>
    <row r="14" spans="2:24" ht="21" customHeight="1" x14ac:dyDescent="0.2">
      <c r="B14" s="106" t="s">
        <v>11</v>
      </c>
      <c r="C14" s="191">
        <v>0</v>
      </c>
      <c r="D14" s="191">
        <v>0</v>
      </c>
      <c r="E14" s="196">
        <v>0</v>
      </c>
      <c r="F14" s="193">
        <v>0</v>
      </c>
      <c r="G14" s="191">
        <v>4144</v>
      </c>
      <c r="H14" s="191">
        <v>2767</v>
      </c>
      <c r="I14" s="191">
        <v>1930</v>
      </c>
      <c r="J14" s="191">
        <v>788</v>
      </c>
      <c r="K14" s="191">
        <v>351</v>
      </c>
      <c r="L14" s="196">
        <v>9980</v>
      </c>
      <c r="M14" s="195">
        <v>9980</v>
      </c>
      <c r="N14" s="191">
        <v>0</v>
      </c>
      <c r="O14" s="191">
        <v>0</v>
      </c>
      <c r="P14" s="196">
        <v>0</v>
      </c>
      <c r="Q14" s="193">
        <v>0</v>
      </c>
      <c r="R14" s="191">
        <v>188</v>
      </c>
      <c r="S14" s="191">
        <v>168</v>
      </c>
      <c r="T14" s="191">
        <v>112</v>
      </c>
      <c r="U14" s="191">
        <v>56</v>
      </c>
      <c r="V14" s="191">
        <v>34</v>
      </c>
      <c r="W14" s="196">
        <v>558</v>
      </c>
      <c r="X14" s="195">
        <v>558</v>
      </c>
    </row>
    <row r="15" spans="2:24" ht="21" customHeight="1" x14ac:dyDescent="0.2">
      <c r="B15" s="106" t="s">
        <v>12</v>
      </c>
      <c r="C15" s="191">
        <v>0</v>
      </c>
      <c r="D15" s="191">
        <v>0</v>
      </c>
      <c r="E15" s="196">
        <v>0</v>
      </c>
      <c r="F15" s="193">
        <v>0</v>
      </c>
      <c r="G15" s="191">
        <v>2991</v>
      </c>
      <c r="H15" s="191">
        <v>2036</v>
      </c>
      <c r="I15" s="191">
        <v>1541</v>
      </c>
      <c r="J15" s="191">
        <v>622</v>
      </c>
      <c r="K15" s="191">
        <v>219</v>
      </c>
      <c r="L15" s="196">
        <v>7409</v>
      </c>
      <c r="M15" s="195">
        <v>7409</v>
      </c>
      <c r="N15" s="191">
        <v>0</v>
      </c>
      <c r="O15" s="191">
        <v>0</v>
      </c>
      <c r="P15" s="196">
        <v>0</v>
      </c>
      <c r="Q15" s="193">
        <v>0</v>
      </c>
      <c r="R15" s="191">
        <v>31</v>
      </c>
      <c r="S15" s="191">
        <v>8</v>
      </c>
      <c r="T15" s="191">
        <v>26</v>
      </c>
      <c r="U15" s="191">
        <v>0</v>
      </c>
      <c r="V15" s="191">
        <v>11</v>
      </c>
      <c r="W15" s="196">
        <v>76</v>
      </c>
      <c r="X15" s="195">
        <v>76</v>
      </c>
    </row>
    <row r="16" spans="2:24" ht="21" customHeight="1" x14ac:dyDescent="0.2">
      <c r="B16" s="106" t="s">
        <v>13</v>
      </c>
      <c r="C16" s="191">
        <v>0</v>
      </c>
      <c r="D16" s="191">
        <v>0</v>
      </c>
      <c r="E16" s="196">
        <v>0</v>
      </c>
      <c r="F16" s="193">
        <v>0</v>
      </c>
      <c r="G16" s="191">
        <v>955</v>
      </c>
      <c r="H16" s="191">
        <v>1331</v>
      </c>
      <c r="I16" s="191">
        <v>657</v>
      </c>
      <c r="J16" s="191">
        <v>329</v>
      </c>
      <c r="K16" s="191">
        <v>141</v>
      </c>
      <c r="L16" s="196">
        <v>3413</v>
      </c>
      <c r="M16" s="195">
        <v>3413</v>
      </c>
      <c r="N16" s="191">
        <v>0</v>
      </c>
      <c r="O16" s="191">
        <v>0</v>
      </c>
      <c r="P16" s="196">
        <v>0</v>
      </c>
      <c r="Q16" s="193">
        <v>0</v>
      </c>
      <c r="R16" s="191">
        <v>0</v>
      </c>
      <c r="S16" s="191">
        <v>63</v>
      </c>
      <c r="T16" s="191">
        <v>93</v>
      </c>
      <c r="U16" s="191">
        <v>40</v>
      </c>
      <c r="V16" s="191">
        <v>77</v>
      </c>
      <c r="W16" s="196">
        <v>273</v>
      </c>
      <c r="X16" s="195">
        <v>273</v>
      </c>
    </row>
    <row r="17" spans="2:24" ht="21" customHeight="1" x14ac:dyDescent="0.2">
      <c r="B17" s="106" t="s">
        <v>15</v>
      </c>
      <c r="C17" s="191">
        <v>0</v>
      </c>
      <c r="D17" s="191">
        <v>0</v>
      </c>
      <c r="E17" s="196">
        <v>0</v>
      </c>
      <c r="F17" s="193">
        <v>0</v>
      </c>
      <c r="G17" s="191">
        <v>1404</v>
      </c>
      <c r="H17" s="191">
        <v>1400</v>
      </c>
      <c r="I17" s="191">
        <v>693</v>
      </c>
      <c r="J17" s="191">
        <v>337</v>
      </c>
      <c r="K17" s="191">
        <v>159</v>
      </c>
      <c r="L17" s="196">
        <v>3993</v>
      </c>
      <c r="M17" s="195">
        <v>3993</v>
      </c>
      <c r="N17" s="191">
        <v>0</v>
      </c>
      <c r="O17" s="191">
        <v>8</v>
      </c>
      <c r="P17" s="196">
        <v>8</v>
      </c>
      <c r="Q17" s="193">
        <v>0</v>
      </c>
      <c r="R17" s="191">
        <v>48</v>
      </c>
      <c r="S17" s="191">
        <v>31</v>
      </c>
      <c r="T17" s="191">
        <v>60</v>
      </c>
      <c r="U17" s="191">
        <v>33</v>
      </c>
      <c r="V17" s="191">
        <v>23</v>
      </c>
      <c r="W17" s="196">
        <v>195</v>
      </c>
      <c r="X17" s="195">
        <v>203</v>
      </c>
    </row>
    <row r="18" spans="2:24" ht="21" customHeight="1" x14ac:dyDescent="0.2">
      <c r="B18" s="106" t="s">
        <v>16</v>
      </c>
      <c r="C18" s="191">
        <v>0</v>
      </c>
      <c r="D18" s="191">
        <v>0</v>
      </c>
      <c r="E18" s="196">
        <v>0</v>
      </c>
      <c r="F18" s="193">
        <v>0</v>
      </c>
      <c r="G18" s="191">
        <v>1241</v>
      </c>
      <c r="H18" s="191">
        <v>1480</v>
      </c>
      <c r="I18" s="191">
        <v>923</v>
      </c>
      <c r="J18" s="191">
        <v>372</v>
      </c>
      <c r="K18" s="191">
        <v>137</v>
      </c>
      <c r="L18" s="196">
        <v>4153</v>
      </c>
      <c r="M18" s="195">
        <v>4153</v>
      </c>
      <c r="N18" s="191">
        <v>0</v>
      </c>
      <c r="O18" s="191">
        <v>0</v>
      </c>
      <c r="P18" s="196">
        <v>0</v>
      </c>
      <c r="Q18" s="193">
        <v>0</v>
      </c>
      <c r="R18" s="191">
        <v>49</v>
      </c>
      <c r="S18" s="191">
        <v>56</v>
      </c>
      <c r="T18" s="191">
        <v>62</v>
      </c>
      <c r="U18" s="191">
        <v>56</v>
      </c>
      <c r="V18" s="191">
        <v>60</v>
      </c>
      <c r="W18" s="196">
        <v>283</v>
      </c>
      <c r="X18" s="195">
        <v>283</v>
      </c>
    </row>
    <row r="19" spans="2:24" ht="21" customHeight="1" x14ac:dyDescent="0.2">
      <c r="B19" s="106" t="s">
        <v>17</v>
      </c>
      <c r="C19" s="191">
        <v>0</v>
      </c>
      <c r="D19" s="191">
        <v>0</v>
      </c>
      <c r="E19" s="196">
        <v>0</v>
      </c>
      <c r="F19" s="193">
        <v>0</v>
      </c>
      <c r="G19" s="191">
        <v>2269</v>
      </c>
      <c r="H19" s="191">
        <v>2996</v>
      </c>
      <c r="I19" s="191">
        <v>1738</v>
      </c>
      <c r="J19" s="191">
        <v>1121</v>
      </c>
      <c r="K19" s="191">
        <v>554</v>
      </c>
      <c r="L19" s="196">
        <v>8678</v>
      </c>
      <c r="M19" s="195">
        <v>8678</v>
      </c>
      <c r="N19" s="191">
        <v>3</v>
      </c>
      <c r="O19" s="191">
        <v>21</v>
      </c>
      <c r="P19" s="196">
        <v>24</v>
      </c>
      <c r="Q19" s="193">
        <v>0</v>
      </c>
      <c r="R19" s="191">
        <v>215</v>
      </c>
      <c r="S19" s="191">
        <v>184</v>
      </c>
      <c r="T19" s="191">
        <v>164</v>
      </c>
      <c r="U19" s="191">
        <v>113</v>
      </c>
      <c r="V19" s="191">
        <v>70</v>
      </c>
      <c r="W19" s="196">
        <v>746</v>
      </c>
      <c r="X19" s="195">
        <v>770</v>
      </c>
    </row>
    <row r="20" spans="2:24" ht="21" customHeight="1" x14ac:dyDescent="0.2">
      <c r="B20" s="106" t="s">
        <v>18</v>
      </c>
      <c r="C20" s="191">
        <v>0</v>
      </c>
      <c r="D20" s="191">
        <v>0</v>
      </c>
      <c r="E20" s="196">
        <v>0</v>
      </c>
      <c r="F20" s="193">
        <v>0</v>
      </c>
      <c r="G20" s="191">
        <v>2457</v>
      </c>
      <c r="H20" s="191">
        <v>1822</v>
      </c>
      <c r="I20" s="191">
        <v>956</v>
      </c>
      <c r="J20" s="191">
        <v>455</v>
      </c>
      <c r="K20" s="191">
        <v>182</v>
      </c>
      <c r="L20" s="196">
        <v>5872</v>
      </c>
      <c r="M20" s="195">
        <v>5872</v>
      </c>
      <c r="N20" s="191">
        <v>0</v>
      </c>
      <c r="O20" s="191">
        <v>0</v>
      </c>
      <c r="P20" s="196">
        <v>0</v>
      </c>
      <c r="Q20" s="193">
        <v>0</v>
      </c>
      <c r="R20" s="191">
        <v>87</v>
      </c>
      <c r="S20" s="191">
        <v>99</v>
      </c>
      <c r="T20" s="191">
        <v>282</v>
      </c>
      <c r="U20" s="191">
        <v>121</v>
      </c>
      <c r="V20" s="191">
        <v>58</v>
      </c>
      <c r="W20" s="196">
        <v>647</v>
      </c>
      <c r="X20" s="195">
        <v>647</v>
      </c>
    </row>
    <row r="21" spans="2:24" ht="21" customHeight="1" x14ac:dyDescent="0.2">
      <c r="B21" s="106" t="s">
        <v>19</v>
      </c>
      <c r="C21" s="191">
        <v>0</v>
      </c>
      <c r="D21" s="191">
        <v>0</v>
      </c>
      <c r="E21" s="196">
        <v>0</v>
      </c>
      <c r="F21" s="193">
        <v>0</v>
      </c>
      <c r="G21" s="191">
        <v>1025</v>
      </c>
      <c r="H21" s="191">
        <v>799</v>
      </c>
      <c r="I21" s="191">
        <v>456</v>
      </c>
      <c r="J21" s="191">
        <v>232</v>
      </c>
      <c r="K21" s="191">
        <v>127</v>
      </c>
      <c r="L21" s="196">
        <v>2639</v>
      </c>
      <c r="M21" s="195">
        <v>2639</v>
      </c>
      <c r="N21" s="191">
        <v>4</v>
      </c>
      <c r="O21" s="191">
        <v>0</v>
      </c>
      <c r="P21" s="196">
        <v>4</v>
      </c>
      <c r="Q21" s="193">
        <v>0</v>
      </c>
      <c r="R21" s="191">
        <v>110</v>
      </c>
      <c r="S21" s="191">
        <v>186</v>
      </c>
      <c r="T21" s="191">
        <v>145</v>
      </c>
      <c r="U21" s="191">
        <v>40</v>
      </c>
      <c r="V21" s="191">
        <v>43</v>
      </c>
      <c r="W21" s="196">
        <v>524</v>
      </c>
      <c r="X21" s="195">
        <v>528</v>
      </c>
    </row>
    <row r="22" spans="2:24" ht="21" customHeight="1" x14ac:dyDescent="0.2">
      <c r="B22" s="106" t="s">
        <v>20</v>
      </c>
      <c r="C22" s="191">
        <v>0</v>
      </c>
      <c r="D22" s="191">
        <v>0</v>
      </c>
      <c r="E22" s="196">
        <v>0</v>
      </c>
      <c r="F22" s="193">
        <v>0</v>
      </c>
      <c r="G22" s="191">
        <v>1363</v>
      </c>
      <c r="H22" s="191">
        <v>947</v>
      </c>
      <c r="I22" s="191">
        <v>596</v>
      </c>
      <c r="J22" s="191">
        <v>182</v>
      </c>
      <c r="K22" s="191">
        <v>50</v>
      </c>
      <c r="L22" s="196">
        <v>3138</v>
      </c>
      <c r="M22" s="195">
        <v>3138</v>
      </c>
      <c r="N22" s="191">
        <v>0</v>
      </c>
      <c r="O22" s="191">
        <v>0</v>
      </c>
      <c r="P22" s="196">
        <v>0</v>
      </c>
      <c r="Q22" s="193">
        <v>0</v>
      </c>
      <c r="R22" s="191">
        <v>14</v>
      </c>
      <c r="S22" s="191">
        <v>4</v>
      </c>
      <c r="T22" s="191">
        <v>102</v>
      </c>
      <c r="U22" s="191">
        <v>24</v>
      </c>
      <c r="V22" s="191">
        <v>4</v>
      </c>
      <c r="W22" s="196">
        <v>148</v>
      </c>
      <c r="X22" s="195">
        <v>148</v>
      </c>
    </row>
    <row r="23" spans="2:24" ht="21" customHeight="1" x14ac:dyDescent="0.2">
      <c r="B23" s="106" t="s">
        <v>21</v>
      </c>
      <c r="C23" s="191">
        <v>0</v>
      </c>
      <c r="D23" s="191">
        <v>0</v>
      </c>
      <c r="E23" s="196">
        <v>0</v>
      </c>
      <c r="F23" s="193">
        <v>0</v>
      </c>
      <c r="G23" s="191">
        <v>1653</v>
      </c>
      <c r="H23" s="191">
        <v>1285</v>
      </c>
      <c r="I23" s="191">
        <v>874</v>
      </c>
      <c r="J23" s="191">
        <v>309</v>
      </c>
      <c r="K23" s="191">
        <v>189</v>
      </c>
      <c r="L23" s="196">
        <v>4310</v>
      </c>
      <c r="M23" s="195">
        <v>4310</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1011</v>
      </c>
      <c r="H24" s="191">
        <v>979</v>
      </c>
      <c r="I24" s="191">
        <v>499</v>
      </c>
      <c r="J24" s="191">
        <v>310</v>
      </c>
      <c r="K24" s="191">
        <v>101</v>
      </c>
      <c r="L24" s="196">
        <v>2900</v>
      </c>
      <c r="M24" s="195">
        <v>2900</v>
      </c>
      <c r="N24" s="191">
        <v>0</v>
      </c>
      <c r="O24" s="191">
        <v>0</v>
      </c>
      <c r="P24" s="196">
        <v>0</v>
      </c>
      <c r="Q24" s="193">
        <v>0</v>
      </c>
      <c r="R24" s="191">
        <v>23</v>
      </c>
      <c r="S24" s="191">
        <v>14</v>
      </c>
      <c r="T24" s="191">
        <v>97</v>
      </c>
      <c r="U24" s="191">
        <v>42</v>
      </c>
      <c r="V24" s="191">
        <v>0</v>
      </c>
      <c r="W24" s="196">
        <v>176</v>
      </c>
      <c r="X24" s="195">
        <v>176</v>
      </c>
    </row>
    <row r="25" spans="2:24" ht="21" customHeight="1" x14ac:dyDescent="0.2">
      <c r="B25" s="106" t="s">
        <v>23</v>
      </c>
      <c r="C25" s="191">
        <v>0</v>
      </c>
      <c r="D25" s="191">
        <v>0</v>
      </c>
      <c r="E25" s="196">
        <v>0</v>
      </c>
      <c r="F25" s="193">
        <v>0</v>
      </c>
      <c r="G25" s="191">
        <v>550</v>
      </c>
      <c r="H25" s="191">
        <v>425</v>
      </c>
      <c r="I25" s="191">
        <v>316</v>
      </c>
      <c r="J25" s="191">
        <v>241</v>
      </c>
      <c r="K25" s="191">
        <v>64</v>
      </c>
      <c r="L25" s="196">
        <v>1596</v>
      </c>
      <c r="M25" s="195">
        <v>1596</v>
      </c>
      <c r="N25" s="191">
        <v>0</v>
      </c>
      <c r="O25" s="191">
        <v>0</v>
      </c>
      <c r="P25" s="196">
        <v>0</v>
      </c>
      <c r="Q25" s="193">
        <v>0</v>
      </c>
      <c r="R25" s="191">
        <v>0</v>
      </c>
      <c r="S25" s="191">
        <v>0</v>
      </c>
      <c r="T25" s="191">
        <v>23</v>
      </c>
      <c r="U25" s="191">
        <v>0</v>
      </c>
      <c r="V25" s="191">
        <v>0</v>
      </c>
      <c r="W25" s="196">
        <v>23</v>
      </c>
      <c r="X25" s="195">
        <v>23</v>
      </c>
    </row>
    <row r="26" spans="2:24" ht="21" customHeight="1" x14ac:dyDescent="0.2">
      <c r="B26" s="106" t="s">
        <v>24</v>
      </c>
      <c r="C26" s="191">
        <v>0</v>
      </c>
      <c r="D26" s="191">
        <v>0</v>
      </c>
      <c r="E26" s="196">
        <v>0</v>
      </c>
      <c r="F26" s="193">
        <v>0</v>
      </c>
      <c r="G26" s="191">
        <v>158</v>
      </c>
      <c r="H26" s="191">
        <v>86</v>
      </c>
      <c r="I26" s="191">
        <v>172</v>
      </c>
      <c r="J26" s="191">
        <v>42</v>
      </c>
      <c r="K26" s="191">
        <v>23</v>
      </c>
      <c r="L26" s="196">
        <v>481</v>
      </c>
      <c r="M26" s="195">
        <v>481</v>
      </c>
      <c r="N26" s="191">
        <v>0</v>
      </c>
      <c r="O26" s="191">
        <v>0</v>
      </c>
      <c r="P26" s="196">
        <v>0</v>
      </c>
      <c r="Q26" s="193">
        <v>0</v>
      </c>
      <c r="R26" s="191">
        <v>55</v>
      </c>
      <c r="S26" s="191">
        <v>36</v>
      </c>
      <c r="T26" s="191">
        <v>21</v>
      </c>
      <c r="U26" s="191">
        <v>22</v>
      </c>
      <c r="V26" s="191">
        <v>6</v>
      </c>
      <c r="W26" s="196">
        <v>140</v>
      </c>
      <c r="X26" s="195">
        <v>140</v>
      </c>
    </row>
    <row r="27" spans="2:24" ht="21" customHeight="1" x14ac:dyDescent="0.2">
      <c r="B27" s="106" t="s">
        <v>25</v>
      </c>
      <c r="C27" s="191">
        <v>0</v>
      </c>
      <c r="D27" s="191">
        <v>0</v>
      </c>
      <c r="E27" s="196">
        <v>0</v>
      </c>
      <c r="F27" s="193">
        <v>0</v>
      </c>
      <c r="G27" s="191">
        <v>549</v>
      </c>
      <c r="H27" s="191">
        <v>360</v>
      </c>
      <c r="I27" s="191">
        <v>146</v>
      </c>
      <c r="J27" s="191">
        <v>67</v>
      </c>
      <c r="K27" s="191">
        <v>0</v>
      </c>
      <c r="L27" s="196">
        <v>1122</v>
      </c>
      <c r="M27" s="195">
        <v>1122</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365</v>
      </c>
      <c r="H28" s="191">
        <v>356</v>
      </c>
      <c r="I28" s="191">
        <v>340</v>
      </c>
      <c r="J28" s="191">
        <v>127</v>
      </c>
      <c r="K28" s="191">
        <v>77</v>
      </c>
      <c r="L28" s="196">
        <v>1265</v>
      </c>
      <c r="M28" s="195">
        <v>1265</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59</v>
      </c>
      <c r="H29" s="191">
        <v>107</v>
      </c>
      <c r="I29" s="191">
        <v>77</v>
      </c>
      <c r="J29" s="191">
        <v>17</v>
      </c>
      <c r="K29" s="191">
        <v>19</v>
      </c>
      <c r="L29" s="196">
        <v>479</v>
      </c>
      <c r="M29" s="195">
        <v>479</v>
      </c>
      <c r="N29" s="191">
        <v>0</v>
      </c>
      <c r="O29" s="191">
        <v>0</v>
      </c>
      <c r="P29" s="196">
        <v>0</v>
      </c>
      <c r="Q29" s="193">
        <v>0</v>
      </c>
      <c r="R29" s="191">
        <v>30</v>
      </c>
      <c r="S29" s="191">
        <v>12</v>
      </c>
      <c r="T29" s="191">
        <v>25</v>
      </c>
      <c r="U29" s="191">
        <v>20</v>
      </c>
      <c r="V29" s="191">
        <v>0</v>
      </c>
      <c r="W29" s="196">
        <v>87</v>
      </c>
      <c r="X29" s="195">
        <v>87</v>
      </c>
    </row>
    <row r="30" spans="2:24" ht="21" customHeight="1" x14ac:dyDescent="0.2">
      <c r="B30" s="106" t="s">
        <v>28</v>
      </c>
      <c r="C30" s="191">
        <v>0</v>
      </c>
      <c r="D30" s="191">
        <v>0</v>
      </c>
      <c r="E30" s="196">
        <v>0</v>
      </c>
      <c r="F30" s="193">
        <v>0</v>
      </c>
      <c r="G30" s="191">
        <v>196</v>
      </c>
      <c r="H30" s="191">
        <v>102</v>
      </c>
      <c r="I30" s="191">
        <v>46</v>
      </c>
      <c r="J30" s="191">
        <v>20</v>
      </c>
      <c r="K30" s="191">
        <v>6</v>
      </c>
      <c r="L30" s="196">
        <v>370</v>
      </c>
      <c r="M30" s="195">
        <v>370</v>
      </c>
      <c r="N30" s="191">
        <v>0</v>
      </c>
      <c r="O30" s="191">
        <v>0</v>
      </c>
      <c r="P30" s="196">
        <v>0</v>
      </c>
      <c r="Q30" s="193">
        <v>0</v>
      </c>
      <c r="R30" s="191">
        <v>38</v>
      </c>
      <c r="S30" s="191">
        <v>21</v>
      </c>
      <c r="T30" s="191">
        <v>11</v>
      </c>
      <c r="U30" s="191">
        <v>23</v>
      </c>
      <c r="V30" s="191">
        <v>0</v>
      </c>
      <c r="W30" s="196">
        <v>93</v>
      </c>
      <c r="X30" s="195">
        <v>93</v>
      </c>
    </row>
    <row r="31" spans="2:24" ht="21" customHeight="1" x14ac:dyDescent="0.2">
      <c r="B31" s="106" t="s">
        <v>29</v>
      </c>
      <c r="C31" s="191">
        <v>0</v>
      </c>
      <c r="D31" s="191">
        <v>0</v>
      </c>
      <c r="E31" s="196">
        <v>0</v>
      </c>
      <c r="F31" s="193">
        <v>0</v>
      </c>
      <c r="G31" s="191">
        <v>87</v>
      </c>
      <c r="H31" s="191">
        <v>141</v>
      </c>
      <c r="I31" s="191">
        <v>96</v>
      </c>
      <c r="J31" s="191">
        <v>40</v>
      </c>
      <c r="K31" s="191">
        <v>0</v>
      </c>
      <c r="L31" s="196">
        <v>364</v>
      </c>
      <c r="M31" s="195">
        <v>364</v>
      </c>
      <c r="N31" s="191">
        <v>0</v>
      </c>
      <c r="O31" s="191">
        <v>0</v>
      </c>
      <c r="P31" s="196">
        <v>0</v>
      </c>
      <c r="Q31" s="193">
        <v>0</v>
      </c>
      <c r="R31" s="191">
        <v>13</v>
      </c>
      <c r="S31" s="191">
        <v>8</v>
      </c>
      <c r="T31" s="191">
        <v>0</v>
      </c>
      <c r="U31" s="191">
        <v>0</v>
      </c>
      <c r="V31" s="191">
        <v>0</v>
      </c>
      <c r="W31" s="196">
        <v>21</v>
      </c>
      <c r="X31" s="195">
        <v>21</v>
      </c>
    </row>
    <row r="32" spans="2:24" ht="21" customHeight="1" x14ac:dyDescent="0.2">
      <c r="B32" s="106" t="s">
        <v>30</v>
      </c>
      <c r="C32" s="191">
        <v>0</v>
      </c>
      <c r="D32" s="191">
        <v>0</v>
      </c>
      <c r="E32" s="196">
        <v>0</v>
      </c>
      <c r="F32" s="193">
        <v>0</v>
      </c>
      <c r="G32" s="191">
        <v>187</v>
      </c>
      <c r="H32" s="191">
        <v>150</v>
      </c>
      <c r="I32" s="191">
        <v>63</v>
      </c>
      <c r="J32" s="191">
        <v>11</v>
      </c>
      <c r="K32" s="191">
        <v>8</v>
      </c>
      <c r="L32" s="196">
        <v>419</v>
      </c>
      <c r="M32" s="195">
        <v>419</v>
      </c>
      <c r="N32" s="191">
        <v>0</v>
      </c>
      <c r="O32" s="191">
        <v>0</v>
      </c>
      <c r="P32" s="196">
        <v>0</v>
      </c>
      <c r="Q32" s="193">
        <v>0</v>
      </c>
      <c r="R32" s="191">
        <v>11</v>
      </c>
      <c r="S32" s="191">
        <v>3</v>
      </c>
      <c r="T32" s="191">
        <v>0</v>
      </c>
      <c r="U32" s="191">
        <v>0</v>
      </c>
      <c r="V32" s="191">
        <v>0</v>
      </c>
      <c r="W32" s="196">
        <v>14</v>
      </c>
      <c r="X32" s="195">
        <v>14</v>
      </c>
    </row>
    <row r="33" spans="2:24" ht="21" customHeight="1" x14ac:dyDescent="0.2">
      <c r="B33" s="106" t="s">
        <v>31</v>
      </c>
      <c r="C33" s="191">
        <v>0</v>
      </c>
      <c r="D33" s="191">
        <v>0</v>
      </c>
      <c r="E33" s="196">
        <v>0</v>
      </c>
      <c r="F33" s="193">
        <v>0</v>
      </c>
      <c r="G33" s="191">
        <v>157</v>
      </c>
      <c r="H33" s="191">
        <v>105</v>
      </c>
      <c r="I33" s="191">
        <v>67</v>
      </c>
      <c r="J33" s="191">
        <v>5</v>
      </c>
      <c r="K33" s="191">
        <v>0</v>
      </c>
      <c r="L33" s="196">
        <v>334</v>
      </c>
      <c r="M33" s="195">
        <v>334</v>
      </c>
      <c r="N33" s="191">
        <v>0</v>
      </c>
      <c r="O33" s="191">
        <v>0</v>
      </c>
      <c r="P33" s="196">
        <v>0</v>
      </c>
      <c r="Q33" s="193">
        <v>0</v>
      </c>
      <c r="R33" s="191">
        <v>0</v>
      </c>
      <c r="S33" s="191">
        <v>13</v>
      </c>
      <c r="T33" s="191">
        <v>8</v>
      </c>
      <c r="U33" s="191">
        <v>16</v>
      </c>
      <c r="V33" s="191">
        <v>0</v>
      </c>
      <c r="W33" s="196">
        <v>37</v>
      </c>
      <c r="X33" s="195">
        <v>37</v>
      </c>
    </row>
    <row r="34" spans="2:24" ht="21" customHeight="1" x14ac:dyDescent="0.2">
      <c r="B34" s="106" t="s">
        <v>32</v>
      </c>
      <c r="C34" s="191">
        <v>0</v>
      </c>
      <c r="D34" s="191">
        <v>0</v>
      </c>
      <c r="E34" s="196">
        <v>0</v>
      </c>
      <c r="F34" s="193">
        <v>0</v>
      </c>
      <c r="G34" s="191">
        <v>363</v>
      </c>
      <c r="H34" s="191">
        <v>287</v>
      </c>
      <c r="I34" s="191">
        <v>100</v>
      </c>
      <c r="J34" s="191">
        <v>43</v>
      </c>
      <c r="K34" s="191">
        <v>9</v>
      </c>
      <c r="L34" s="196">
        <v>802</v>
      </c>
      <c r="M34" s="195">
        <v>802</v>
      </c>
      <c r="N34" s="191">
        <v>0</v>
      </c>
      <c r="O34" s="191">
        <v>0</v>
      </c>
      <c r="P34" s="196">
        <v>0</v>
      </c>
      <c r="Q34" s="193">
        <v>0</v>
      </c>
      <c r="R34" s="191">
        <v>51</v>
      </c>
      <c r="S34" s="191">
        <v>8</v>
      </c>
      <c r="T34" s="191">
        <v>44</v>
      </c>
      <c r="U34" s="191">
        <v>0</v>
      </c>
      <c r="V34" s="191">
        <v>12</v>
      </c>
      <c r="W34" s="196">
        <v>115</v>
      </c>
      <c r="X34" s="195">
        <v>115</v>
      </c>
    </row>
    <row r="35" spans="2:24" ht="21" customHeight="1" x14ac:dyDescent="0.2">
      <c r="B35" s="106" t="s">
        <v>33</v>
      </c>
      <c r="C35" s="191">
        <v>0</v>
      </c>
      <c r="D35" s="191">
        <v>0</v>
      </c>
      <c r="E35" s="196">
        <v>0</v>
      </c>
      <c r="F35" s="193">
        <v>0</v>
      </c>
      <c r="G35" s="191">
        <v>198</v>
      </c>
      <c r="H35" s="191">
        <v>68</v>
      </c>
      <c r="I35" s="191">
        <v>54</v>
      </c>
      <c r="J35" s="191">
        <v>59</v>
      </c>
      <c r="K35" s="191">
        <v>6</v>
      </c>
      <c r="L35" s="196">
        <v>385</v>
      </c>
      <c r="M35" s="195">
        <v>385</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92</v>
      </c>
      <c r="H36" s="191">
        <v>19</v>
      </c>
      <c r="I36" s="191">
        <v>-17</v>
      </c>
      <c r="J36" s="191">
        <v>11</v>
      </c>
      <c r="K36" s="191">
        <v>0</v>
      </c>
      <c r="L36" s="196">
        <v>105</v>
      </c>
      <c r="M36" s="195">
        <v>105</v>
      </c>
      <c r="N36" s="191">
        <v>0</v>
      </c>
      <c r="O36" s="191">
        <v>0</v>
      </c>
      <c r="P36" s="196">
        <v>0</v>
      </c>
      <c r="Q36" s="193">
        <v>0</v>
      </c>
      <c r="R36" s="191">
        <v>0</v>
      </c>
      <c r="S36" s="191">
        <v>0</v>
      </c>
      <c r="T36" s="191">
        <v>0</v>
      </c>
      <c r="U36" s="191">
        <v>0</v>
      </c>
      <c r="V36" s="191">
        <v>8</v>
      </c>
      <c r="W36" s="196">
        <v>8</v>
      </c>
      <c r="X36" s="195">
        <v>8</v>
      </c>
    </row>
    <row r="37" spans="2:24" ht="21" customHeight="1" x14ac:dyDescent="0.2">
      <c r="B37" s="106" t="s">
        <v>35</v>
      </c>
      <c r="C37" s="191">
        <v>0</v>
      </c>
      <c r="D37" s="191">
        <v>0</v>
      </c>
      <c r="E37" s="196">
        <v>0</v>
      </c>
      <c r="F37" s="193">
        <v>0</v>
      </c>
      <c r="G37" s="191">
        <v>179</v>
      </c>
      <c r="H37" s="191">
        <v>106</v>
      </c>
      <c r="I37" s="191">
        <v>148</v>
      </c>
      <c r="J37" s="191">
        <v>95</v>
      </c>
      <c r="K37" s="191">
        <v>29</v>
      </c>
      <c r="L37" s="196">
        <v>557</v>
      </c>
      <c r="M37" s="195">
        <v>557</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535</v>
      </c>
      <c r="H38" s="191">
        <v>383</v>
      </c>
      <c r="I38" s="191">
        <v>517</v>
      </c>
      <c r="J38" s="191">
        <v>167</v>
      </c>
      <c r="K38" s="191">
        <v>251</v>
      </c>
      <c r="L38" s="196">
        <v>1853</v>
      </c>
      <c r="M38" s="195">
        <v>1853</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103</v>
      </c>
      <c r="H39" s="198">
        <v>87</v>
      </c>
      <c r="I39" s="198">
        <v>77</v>
      </c>
      <c r="J39" s="198">
        <v>13</v>
      </c>
      <c r="K39" s="198">
        <v>24</v>
      </c>
      <c r="L39" s="203">
        <v>304</v>
      </c>
      <c r="M39" s="202">
        <v>304</v>
      </c>
      <c r="N39" s="198">
        <v>0</v>
      </c>
      <c r="O39" s="198">
        <v>0</v>
      </c>
      <c r="P39" s="203">
        <v>0</v>
      </c>
      <c r="Q39" s="200">
        <v>0</v>
      </c>
      <c r="R39" s="198">
        <v>3</v>
      </c>
      <c r="S39" s="198">
        <v>0</v>
      </c>
      <c r="T39" s="198">
        <v>0</v>
      </c>
      <c r="U39" s="198">
        <v>0</v>
      </c>
      <c r="V39" s="198">
        <v>0</v>
      </c>
      <c r="W39" s="203">
        <v>3</v>
      </c>
      <c r="X39" s="202">
        <v>3</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2">
        <f>第１表!F2</f>
        <v>6</v>
      </c>
      <c r="I1" s="442"/>
      <c r="J1" s="18">
        <f>第１表!G2</f>
        <v>11</v>
      </c>
      <c r="K1" s="447">
        <f>IF(J1&lt;3,J1+12-2,J1-2)</f>
        <v>9</v>
      </c>
      <c r="L1" s="447"/>
    </row>
    <row r="2" spans="2:24" ht="24" customHeight="1" thickBot="1" x14ac:dyDescent="0.25">
      <c r="B2" s="142" t="s">
        <v>132</v>
      </c>
    </row>
    <row r="3" spans="2:24" ht="21" customHeight="1" x14ac:dyDescent="0.2">
      <c r="B3" s="465"/>
      <c r="C3" s="466" t="s">
        <v>140</v>
      </c>
      <c r="D3" s="466"/>
      <c r="E3" s="466"/>
      <c r="F3" s="466"/>
      <c r="G3" s="466"/>
      <c r="H3" s="466"/>
      <c r="I3" s="466"/>
      <c r="J3" s="466"/>
      <c r="K3" s="466"/>
      <c r="L3" s="466"/>
      <c r="M3" s="496"/>
      <c r="N3" s="466" t="s">
        <v>112</v>
      </c>
      <c r="O3" s="466"/>
      <c r="P3" s="466"/>
      <c r="Q3" s="466"/>
      <c r="R3" s="466"/>
      <c r="S3" s="466"/>
      <c r="T3" s="466"/>
      <c r="U3" s="466"/>
      <c r="V3" s="466"/>
      <c r="W3" s="466"/>
      <c r="X3" s="496"/>
    </row>
    <row r="4" spans="2:24" ht="21" customHeight="1" x14ac:dyDescent="0.2">
      <c r="B4" s="502"/>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503"/>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7172</v>
      </c>
      <c r="H6" s="184">
        <v>7090</v>
      </c>
      <c r="I6" s="184">
        <v>3414</v>
      </c>
      <c r="J6" s="184">
        <v>1408</v>
      </c>
      <c r="K6" s="184">
        <v>716</v>
      </c>
      <c r="L6" s="189">
        <v>19800</v>
      </c>
      <c r="M6" s="188">
        <v>19800</v>
      </c>
      <c r="N6" s="184">
        <v>0</v>
      </c>
      <c r="O6" s="184">
        <v>0</v>
      </c>
      <c r="P6" s="189">
        <v>0</v>
      </c>
      <c r="Q6" s="186">
        <v>0</v>
      </c>
      <c r="R6" s="184">
        <v>551</v>
      </c>
      <c r="S6" s="184">
        <v>725</v>
      </c>
      <c r="T6" s="184">
        <v>736</v>
      </c>
      <c r="U6" s="184">
        <v>314</v>
      </c>
      <c r="V6" s="184">
        <v>178</v>
      </c>
      <c r="W6" s="189">
        <v>2504</v>
      </c>
      <c r="X6" s="188">
        <v>2504</v>
      </c>
    </row>
    <row r="7" spans="2:24" ht="21" customHeight="1" x14ac:dyDescent="0.2">
      <c r="B7" s="95" t="s">
        <v>5</v>
      </c>
      <c r="C7" s="191">
        <v>0</v>
      </c>
      <c r="D7" s="191">
        <v>0</v>
      </c>
      <c r="E7" s="196">
        <v>0</v>
      </c>
      <c r="F7" s="193">
        <v>0</v>
      </c>
      <c r="G7" s="191">
        <v>2631</v>
      </c>
      <c r="H7" s="191">
        <v>3427</v>
      </c>
      <c r="I7" s="191">
        <v>1886</v>
      </c>
      <c r="J7" s="191">
        <v>597</v>
      </c>
      <c r="K7" s="191">
        <v>366</v>
      </c>
      <c r="L7" s="196">
        <v>8907</v>
      </c>
      <c r="M7" s="195">
        <v>8907</v>
      </c>
      <c r="N7" s="191">
        <v>0</v>
      </c>
      <c r="O7" s="191">
        <v>0</v>
      </c>
      <c r="P7" s="196">
        <v>0</v>
      </c>
      <c r="Q7" s="193">
        <v>0</v>
      </c>
      <c r="R7" s="191">
        <v>303</v>
      </c>
      <c r="S7" s="191">
        <v>420</v>
      </c>
      <c r="T7" s="191">
        <v>459</v>
      </c>
      <c r="U7" s="191">
        <v>176</v>
      </c>
      <c r="V7" s="191">
        <v>80</v>
      </c>
      <c r="W7" s="196">
        <v>1438</v>
      </c>
      <c r="X7" s="195">
        <v>1438</v>
      </c>
    </row>
    <row r="8" spans="2:24" ht="21" customHeight="1" x14ac:dyDescent="0.2">
      <c r="B8" s="106" t="s">
        <v>6</v>
      </c>
      <c r="C8" s="191">
        <v>0</v>
      </c>
      <c r="D8" s="191">
        <v>0</v>
      </c>
      <c r="E8" s="196">
        <v>0</v>
      </c>
      <c r="F8" s="193">
        <v>0</v>
      </c>
      <c r="G8" s="191">
        <v>782</v>
      </c>
      <c r="H8" s="191">
        <v>651</v>
      </c>
      <c r="I8" s="191">
        <v>286</v>
      </c>
      <c r="J8" s="191">
        <v>196</v>
      </c>
      <c r="K8" s="191">
        <v>148</v>
      </c>
      <c r="L8" s="196">
        <v>2063</v>
      </c>
      <c r="M8" s="195">
        <v>2063</v>
      </c>
      <c r="N8" s="191">
        <v>0</v>
      </c>
      <c r="O8" s="191">
        <v>0</v>
      </c>
      <c r="P8" s="196">
        <v>0</v>
      </c>
      <c r="Q8" s="193">
        <v>0</v>
      </c>
      <c r="R8" s="191">
        <v>68</v>
      </c>
      <c r="S8" s="191">
        <v>181</v>
      </c>
      <c r="T8" s="191">
        <v>70</v>
      </c>
      <c r="U8" s="191">
        <v>46</v>
      </c>
      <c r="V8" s="191">
        <v>34</v>
      </c>
      <c r="W8" s="196">
        <v>399</v>
      </c>
      <c r="X8" s="195">
        <v>399</v>
      </c>
    </row>
    <row r="9" spans="2:24" ht="21" customHeight="1" x14ac:dyDescent="0.2">
      <c r="B9" s="106" t="s">
        <v>14</v>
      </c>
      <c r="C9" s="191">
        <v>0</v>
      </c>
      <c r="D9" s="191">
        <v>0</v>
      </c>
      <c r="E9" s="196">
        <v>0</v>
      </c>
      <c r="F9" s="193">
        <v>0</v>
      </c>
      <c r="G9" s="191">
        <v>668</v>
      </c>
      <c r="H9" s="191">
        <v>653</v>
      </c>
      <c r="I9" s="191">
        <v>359</v>
      </c>
      <c r="J9" s="191">
        <v>138</v>
      </c>
      <c r="K9" s="191">
        <v>20</v>
      </c>
      <c r="L9" s="196">
        <v>1838</v>
      </c>
      <c r="M9" s="195">
        <v>1838</v>
      </c>
      <c r="N9" s="191">
        <v>0</v>
      </c>
      <c r="O9" s="191">
        <v>0</v>
      </c>
      <c r="P9" s="196">
        <v>0</v>
      </c>
      <c r="Q9" s="193">
        <v>0</v>
      </c>
      <c r="R9" s="191">
        <v>43</v>
      </c>
      <c r="S9" s="191">
        <v>9</v>
      </c>
      <c r="T9" s="191">
        <v>0</v>
      </c>
      <c r="U9" s="191">
        <v>0</v>
      </c>
      <c r="V9" s="191">
        <v>0</v>
      </c>
      <c r="W9" s="196">
        <v>52</v>
      </c>
      <c r="X9" s="195">
        <v>52</v>
      </c>
    </row>
    <row r="10" spans="2:24" ht="21" customHeight="1" x14ac:dyDescent="0.2">
      <c r="B10" s="106" t="s">
        <v>7</v>
      </c>
      <c r="C10" s="191">
        <v>0</v>
      </c>
      <c r="D10" s="191">
        <v>0</v>
      </c>
      <c r="E10" s="196">
        <v>0</v>
      </c>
      <c r="F10" s="193">
        <v>0</v>
      </c>
      <c r="G10" s="191">
        <v>498</v>
      </c>
      <c r="H10" s="191">
        <v>497</v>
      </c>
      <c r="I10" s="191">
        <v>168</v>
      </c>
      <c r="J10" s="191">
        <v>53</v>
      </c>
      <c r="K10" s="191">
        <v>4</v>
      </c>
      <c r="L10" s="196">
        <v>1220</v>
      </c>
      <c r="M10" s="195">
        <v>1220</v>
      </c>
      <c r="N10" s="191">
        <v>0</v>
      </c>
      <c r="O10" s="191">
        <v>0</v>
      </c>
      <c r="P10" s="196">
        <v>0</v>
      </c>
      <c r="Q10" s="193">
        <v>0</v>
      </c>
      <c r="R10" s="191">
        <v>62</v>
      </c>
      <c r="S10" s="191">
        <v>61</v>
      </c>
      <c r="T10" s="191">
        <v>53</v>
      </c>
      <c r="U10" s="191">
        <v>36</v>
      </c>
      <c r="V10" s="191">
        <v>21</v>
      </c>
      <c r="W10" s="196">
        <v>233</v>
      </c>
      <c r="X10" s="195">
        <v>233</v>
      </c>
    </row>
    <row r="11" spans="2:24" ht="21" customHeight="1" x14ac:dyDescent="0.2">
      <c r="B11" s="106" t="s">
        <v>8</v>
      </c>
      <c r="C11" s="191">
        <v>0</v>
      </c>
      <c r="D11" s="191">
        <v>0</v>
      </c>
      <c r="E11" s="196">
        <v>0</v>
      </c>
      <c r="F11" s="193">
        <v>0</v>
      </c>
      <c r="G11" s="191">
        <v>231</v>
      </c>
      <c r="H11" s="191">
        <v>364</v>
      </c>
      <c r="I11" s="191">
        <v>82</v>
      </c>
      <c r="J11" s="191">
        <v>65</v>
      </c>
      <c r="K11" s="191">
        <v>8</v>
      </c>
      <c r="L11" s="196">
        <v>750</v>
      </c>
      <c r="M11" s="195">
        <v>750</v>
      </c>
      <c r="N11" s="191">
        <v>0</v>
      </c>
      <c r="O11" s="191">
        <v>0</v>
      </c>
      <c r="P11" s="196">
        <v>0</v>
      </c>
      <c r="Q11" s="193">
        <v>0</v>
      </c>
      <c r="R11" s="191">
        <v>0</v>
      </c>
      <c r="S11" s="191">
        <v>0</v>
      </c>
      <c r="T11" s="191">
        <v>0</v>
      </c>
      <c r="U11" s="191">
        <v>0</v>
      </c>
      <c r="V11" s="191">
        <v>0</v>
      </c>
      <c r="W11" s="196">
        <v>0</v>
      </c>
      <c r="X11" s="195">
        <v>0</v>
      </c>
    </row>
    <row r="12" spans="2:24" ht="21" customHeight="1" x14ac:dyDescent="0.2">
      <c r="B12" s="106" t="s">
        <v>9</v>
      </c>
      <c r="C12" s="191">
        <v>0</v>
      </c>
      <c r="D12" s="191">
        <v>0</v>
      </c>
      <c r="E12" s="196">
        <v>0</v>
      </c>
      <c r="F12" s="193">
        <v>0</v>
      </c>
      <c r="G12" s="191">
        <v>404</v>
      </c>
      <c r="H12" s="191">
        <v>161</v>
      </c>
      <c r="I12" s="191">
        <v>120</v>
      </c>
      <c r="J12" s="191">
        <v>58</v>
      </c>
      <c r="K12" s="191">
        <v>40</v>
      </c>
      <c r="L12" s="196">
        <v>783</v>
      </c>
      <c r="M12" s="195">
        <v>783</v>
      </c>
      <c r="N12" s="191">
        <v>0</v>
      </c>
      <c r="O12" s="191">
        <v>0</v>
      </c>
      <c r="P12" s="196">
        <v>0</v>
      </c>
      <c r="Q12" s="193">
        <v>0</v>
      </c>
      <c r="R12" s="191">
        <v>25</v>
      </c>
      <c r="S12" s="191">
        <v>0</v>
      </c>
      <c r="T12" s="191">
        <v>0</v>
      </c>
      <c r="U12" s="191">
        <v>0</v>
      </c>
      <c r="V12" s="191">
        <v>12</v>
      </c>
      <c r="W12" s="196">
        <v>37</v>
      </c>
      <c r="X12" s="195">
        <v>37</v>
      </c>
    </row>
    <row r="13" spans="2:24" ht="21" customHeight="1" x14ac:dyDescent="0.2">
      <c r="B13" s="106" t="s">
        <v>10</v>
      </c>
      <c r="C13" s="191">
        <v>0</v>
      </c>
      <c r="D13" s="191">
        <v>0</v>
      </c>
      <c r="E13" s="196">
        <v>0</v>
      </c>
      <c r="F13" s="193">
        <v>0</v>
      </c>
      <c r="G13" s="191">
        <v>342</v>
      </c>
      <c r="H13" s="191">
        <v>171</v>
      </c>
      <c r="I13" s="191">
        <v>38</v>
      </c>
      <c r="J13" s="191">
        <v>62</v>
      </c>
      <c r="K13" s="191">
        <v>23</v>
      </c>
      <c r="L13" s="196">
        <v>636</v>
      </c>
      <c r="M13" s="195">
        <v>636</v>
      </c>
      <c r="N13" s="191">
        <v>0</v>
      </c>
      <c r="O13" s="191">
        <v>0</v>
      </c>
      <c r="P13" s="196">
        <v>0</v>
      </c>
      <c r="Q13" s="193">
        <v>0</v>
      </c>
      <c r="R13" s="191">
        <v>35</v>
      </c>
      <c r="S13" s="191">
        <v>8</v>
      </c>
      <c r="T13" s="191">
        <v>8</v>
      </c>
      <c r="U13" s="191">
        <v>0</v>
      </c>
      <c r="V13" s="191">
        <v>0</v>
      </c>
      <c r="W13" s="196">
        <v>51</v>
      </c>
      <c r="X13" s="195">
        <v>51</v>
      </c>
    </row>
    <row r="14" spans="2:24" ht="21" customHeight="1" x14ac:dyDescent="0.2">
      <c r="B14" s="106" t="s">
        <v>11</v>
      </c>
      <c r="C14" s="191">
        <v>0</v>
      </c>
      <c r="D14" s="191">
        <v>0</v>
      </c>
      <c r="E14" s="196">
        <v>0</v>
      </c>
      <c r="F14" s="193">
        <v>0</v>
      </c>
      <c r="G14" s="191">
        <v>189</v>
      </c>
      <c r="H14" s="191">
        <v>37</v>
      </c>
      <c r="I14" s="191">
        <v>42</v>
      </c>
      <c r="J14" s="191">
        <v>39</v>
      </c>
      <c r="K14" s="191">
        <v>12</v>
      </c>
      <c r="L14" s="196">
        <v>319</v>
      </c>
      <c r="M14" s="195">
        <v>319</v>
      </c>
      <c r="N14" s="191">
        <v>0</v>
      </c>
      <c r="O14" s="191">
        <v>0</v>
      </c>
      <c r="P14" s="196">
        <v>0</v>
      </c>
      <c r="Q14" s="193">
        <v>0</v>
      </c>
      <c r="R14" s="191">
        <v>0</v>
      </c>
      <c r="S14" s="191">
        <v>5</v>
      </c>
      <c r="T14" s="191">
        <v>36</v>
      </c>
      <c r="U14" s="191">
        <v>0</v>
      </c>
      <c r="V14" s="191">
        <v>0</v>
      </c>
      <c r="W14" s="196">
        <v>41</v>
      </c>
      <c r="X14" s="195">
        <v>41</v>
      </c>
    </row>
    <row r="15" spans="2:24" ht="21" customHeight="1" x14ac:dyDescent="0.2">
      <c r="B15" s="106" t="s">
        <v>12</v>
      </c>
      <c r="C15" s="191">
        <v>0</v>
      </c>
      <c r="D15" s="191">
        <v>0</v>
      </c>
      <c r="E15" s="196">
        <v>0</v>
      </c>
      <c r="F15" s="193">
        <v>0</v>
      </c>
      <c r="G15" s="191">
        <v>167</v>
      </c>
      <c r="H15" s="191">
        <v>139</v>
      </c>
      <c r="I15" s="191">
        <v>97</v>
      </c>
      <c r="J15" s="191">
        <v>46</v>
      </c>
      <c r="K15" s="191">
        <v>31</v>
      </c>
      <c r="L15" s="196">
        <v>480</v>
      </c>
      <c r="M15" s="195">
        <v>480</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96</v>
      </c>
      <c r="H16" s="191">
        <v>166</v>
      </c>
      <c r="I16" s="191">
        <v>30</v>
      </c>
      <c r="J16" s="191">
        <v>6</v>
      </c>
      <c r="K16" s="191">
        <v>0</v>
      </c>
      <c r="L16" s="196">
        <v>298</v>
      </c>
      <c r="M16" s="195">
        <v>298</v>
      </c>
      <c r="N16" s="191">
        <v>0</v>
      </c>
      <c r="O16" s="191">
        <v>0</v>
      </c>
      <c r="P16" s="196">
        <v>0</v>
      </c>
      <c r="Q16" s="193">
        <v>0</v>
      </c>
      <c r="R16" s="191">
        <v>0</v>
      </c>
      <c r="S16" s="191">
        <v>4</v>
      </c>
      <c r="T16" s="191">
        <v>8</v>
      </c>
      <c r="U16" s="191">
        <v>0</v>
      </c>
      <c r="V16" s="191">
        <v>15</v>
      </c>
      <c r="W16" s="196">
        <v>27</v>
      </c>
      <c r="X16" s="195">
        <v>27</v>
      </c>
    </row>
    <row r="17" spans="2:24" ht="21" customHeight="1" x14ac:dyDescent="0.2">
      <c r="B17" s="106" t="s">
        <v>15</v>
      </c>
      <c r="C17" s="191">
        <v>0</v>
      </c>
      <c r="D17" s="191">
        <v>0</v>
      </c>
      <c r="E17" s="196">
        <v>0</v>
      </c>
      <c r="F17" s="193">
        <v>0</v>
      </c>
      <c r="G17" s="191">
        <v>95</v>
      </c>
      <c r="H17" s="191">
        <v>67</v>
      </c>
      <c r="I17" s="191">
        <v>9</v>
      </c>
      <c r="J17" s="191">
        <v>25</v>
      </c>
      <c r="K17" s="191">
        <v>0</v>
      </c>
      <c r="L17" s="196">
        <v>196</v>
      </c>
      <c r="M17" s="195">
        <v>196</v>
      </c>
      <c r="N17" s="191">
        <v>0</v>
      </c>
      <c r="O17" s="191">
        <v>0</v>
      </c>
      <c r="P17" s="196">
        <v>0</v>
      </c>
      <c r="Q17" s="193">
        <v>0</v>
      </c>
      <c r="R17" s="191">
        <v>0</v>
      </c>
      <c r="S17" s="191">
        <v>0</v>
      </c>
      <c r="T17" s="191">
        <v>0</v>
      </c>
      <c r="U17" s="191">
        <v>9</v>
      </c>
      <c r="V17" s="191">
        <v>0</v>
      </c>
      <c r="W17" s="196">
        <v>9</v>
      </c>
      <c r="X17" s="195">
        <v>9</v>
      </c>
    </row>
    <row r="18" spans="2:24" ht="21" customHeight="1" x14ac:dyDescent="0.2">
      <c r="B18" s="106" t="s">
        <v>16</v>
      </c>
      <c r="C18" s="191">
        <v>0</v>
      </c>
      <c r="D18" s="191">
        <v>0</v>
      </c>
      <c r="E18" s="196">
        <v>0</v>
      </c>
      <c r="F18" s="193">
        <v>0</v>
      </c>
      <c r="G18" s="191">
        <v>89</v>
      </c>
      <c r="H18" s="191">
        <v>51</v>
      </c>
      <c r="I18" s="191">
        <v>58</v>
      </c>
      <c r="J18" s="191">
        <v>11</v>
      </c>
      <c r="K18" s="191">
        <v>0</v>
      </c>
      <c r="L18" s="196">
        <v>209</v>
      </c>
      <c r="M18" s="195">
        <v>209</v>
      </c>
      <c r="N18" s="191">
        <v>0</v>
      </c>
      <c r="O18" s="191">
        <v>0</v>
      </c>
      <c r="P18" s="196">
        <v>0</v>
      </c>
      <c r="Q18" s="193">
        <v>0</v>
      </c>
      <c r="R18" s="191">
        <v>0</v>
      </c>
      <c r="S18" s="191">
        <v>0</v>
      </c>
      <c r="T18" s="191">
        <v>0</v>
      </c>
      <c r="U18" s="191">
        <v>11</v>
      </c>
      <c r="V18" s="191">
        <v>0</v>
      </c>
      <c r="W18" s="196">
        <v>11</v>
      </c>
      <c r="X18" s="195">
        <v>11</v>
      </c>
    </row>
    <row r="19" spans="2:24" ht="21" customHeight="1" x14ac:dyDescent="0.2">
      <c r="B19" s="106" t="s">
        <v>17</v>
      </c>
      <c r="C19" s="191">
        <v>0</v>
      </c>
      <c r="D19" s="191">
        <v>0</v>
      </c>
      <c r="E19" s="196">
        <v>0</v>
      </c>
      <c r="F19" s="193">
        <v>0</v>
      </c>
      <c r="G19" s="191">
        <v>200</v>
      </c>
      <c r="H19" s="191">
        <v>242</v>
      </c>
      <c r="I19" s="191">
        <v>27</v>
      </c>
      <c r="J19" s="191">
        <v>47</v>
      </c>
      <c r="K19" s="191">
        <v>29</v>
      </c>
      <c r="L19" s="196">
        <v>545</v>
      </c>
      <c r="M19" s="195">
        <v>545</v>
      </c>
      <c r="N19" s="191">
        <v>0</v>
      </c>
      <c r="O19" s="191">
        <v>0</v>
      </c>
      <c r="P19" s="196">
        <v>0</v>
      </c>
      <c r="Q19" s="193">
        <v>0</v>
      </c>
      <c r="R19" s="191">
        <v>4</v>
      </c>
      <c r="S19" s="191">
        <v>14</v>
      </c>
      <c r="T19" s="191">
        <v>0</v>
      </c>
      <c r="U19" s="191">
        <v>0</v>
      </c>
      <c r="V19" s="191">
        <v>0</v>
      </c>
      <c r="W19" s="196">
        <v>18</v>
      </c>
      <c r="X19" s="195">
        <v>18</v>
      </c>
    </row>
    <row r="20" spans="2:24" ht="21" customHeight="1" x14ac:dyDescent="0.2">
      <c r="B20" s="106" t="s">
        <v>18</v>
      </c>
      <c r="C20" s="191">
        <v>0</v>
      </c>
      <c r="D20" s="191">
        <v>0</v>
      </c>
      <c r="E20" s="196">
        <v>0</v>
      </c>
      <c r="F20" s="193">
        <v>0</v>
      </c>
      <c r="G20" s="191">
        <v>168</v>
      </c>
      <c r="H20" s="191">
        <v>137</v>
      </c>
      <c r="I20" s="191">
        <v>56</v>
      </c>
      <c r="J20" s="191">
        <v>0</v>
      </c>
      <c r="K20" s="191">
        <v>2</v>
      </c>
      <c r="L20" s="196">
        <v>363</v>
      </c>
      <c r="M20" s="195">
        <v>363</v>
      </c>
      <c r="N20" s="191">
        <v>0</v>
      </c>
      <c r="O20" s="191">
        <v>0</v>
      </c>
      <c r="P20" s="196">
        <v>0</v>
      </c>
      <c r="Q20" s="193">
        <v>0</v>
      </c>
      <c r="R20" s="191">
        <v>0</v>
      </c>
      <c r="S20" s="191">
        <v>5</v>
      </c>
      <c r="T20" s="191">
        <v>56</v>
      </c>
      <c r="U20" s="191">
        <v>0</v>
      </c>
      <c r="V20" s="191">
        <v>10</v>
      </c>
      <c r="W20" s="196">
        <v>71</v>
      </c>
      <c r="X20" s="195">
        <v>71</v>
      </c>
    </row>
    <row r="21" spans="2:24" ht="21" customHeight="1" x14ac:dyDescent="0.2">
      <c r="B21" s="106" t="s">
        <v>19</v>
      </c>
      <c r="C21" s="191">
        <v>0</v>
      </c>
      <c r="D21" s="191">
        <v>0</v>
      </c>
      <c r="E21" s="196">
        <v>0</v>
      </c>
      <c r="F21" s="193">
        <v>0</v>
      </c>
      <c r="G21" s="191">
        <v>55</v>
      </c>
      <c r="H21" s="191">
        <v>34</v>
      </c>
      <c r="I21" s="191">
        <v>0</v>
      </c>
      <c r="J21" s="191">
        <v>0</v>
      </c>
      <c r="K21" s="191">
        <v>0</v>
      </c>
      <c r="L21" s="196">
        <v>89</v>
      </c>
      <c r="M21" s="195">
        <v>89</v>
      </c>
      <c r="N21" s="191">
        <v>0</v>
      </c>
      <c r="O21" s="191">
        <v>0</v>
      </c>
      <c r="P21" s="196">
        <v>0</v>
      </c>
      <c r="Q21" s="193">
        <v>0</v>
      </c>
      <c r="R21" s="191">
        <v>11</v>
      </c>
      <c r="S21" s="191">
        <v>18</v>
      </c>
      <c r="T21" s="191">
        <v>0</v>
      </c>
      <c r="U21" s="191">
        <v>0</v>
      </c>
      <c r="V21" s="191">
        <v>0</v>
      </c>
      <c r="W21" s="196">
        <v>29</v>
      </c>
      <c r="X21" s="195">
        <v>29</v>
      </c>
    </row>
    <row r="22" spans="2:24" ht="21" customHeight="1" x14ac:dyDescent="0.2">
      <c r="B22" s="106" t="s">
        <v>20</v>
      </c>
      <c r="C22" s="191">
        <v>0</v>
      </c>
      <c r="D22" s="191">
        <v>0</v>
      </c>
      <c r="E22" s="196">
        <v>0</v>
      </c>
      <c r="F22" s="193">
        <v>0</v>
      </c>
      <c r="G22" s="191">
        <v>146</v>
      </c>
      <c r="H22" s="191">
        <v>127</v>
      </c>
      <c r="I22" s="191">
        <v>37</v>
      </c>
      <c r="J22" s="191">
        <v>23</v>
      </c>
      <c r="K22" s="191">
        <v>0</v>
      </c>
      <c r="L22" s="196">
        <v>333</v>
      </c>
      <c r="M22" s="195">
        <v>333</v>
      </c>
      <c r="N22" s="191">
        <v>0</v>
      </c>
      <c r="O22" s="191">
        <v>0</v>
      </c>
      <c r="P22" s="196">
        <v>0</v>
      </c>
      <c r="Q22" s="193">
        <v>0</v>
      </c>
      <c r="R22" s="191">
        <v>0</v>
      </c>
      <c r="S22" s="191">
        <v>0</v>
      </c>
      <c r="T22" s="191">
        <v>0</v>
      </c>
      <c r="U22" s="191">
        <v>0</v>
      </c>
      <c r="V22" s="191">
        <v>0</v>
      </c>
      <c r="W22" s="196">
        <v>0</v>
      </c>
      <c r="X22" s="195">
        <v>0</v>
      </c>
    </row>
    <row r="23" spans="2:24" ht="21" customHeight="1" x14ac:dyDescent="0.2">
      <c r="B23" s="106" t="s">
        <v>21</v>
      </c>
      <c r="C23" s="191">
        <v>0</v>
      </c>
      <c r="D23" s="191">
        <v>0</v>
      </c>
      <c r="E23" s="196">
        <v>0</v>
      </c>
      <c r="F23" s="193">
        <v>0</v>
      </c>
      <c r="G23" s="191">
        <v>111</v>
      </c>
      <c r="H23" s="191">
        <v>59</v>
      </c>
      <c r="I23" s="191">
        <v>25</v>
      </c>
      <c r="J23" s="191">
        <v>22</v>
      </c>
      <c r="K23" s="191">
        <v>0</v>
      </c>
      <c r="L23" s="196">
        <v>217</v>
      </c>
      <c r="M23" s="195">
        <v>217</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61</v>
      </c>
      <c r="H24" s="191">
        <v>24</v>
      </c>
      <c r="I24" s="191">
        <v>30</v>
      </c>
      <c r="J24" s="191">
        <v>16</v>
      </c>
      <c r="K24" s="191">
        <v>24</v>
      </c>
      <c r="L24" s="196">
        <v>155</v>
      </c>
      <c r="M24" s="195">
        <v>155</v>
      </c>
      <c r="N24" s="191">
        <v>0</v>
      </c>
      <c r="O24" s="191">
        <v>0</v>
      </c>
      <c r="P24" s="196">
        <v>0</v>
      </c>
      <c r="Q24" s="193">
        <v>0</v>
      </c>
      <c r="R24" s="191">
        <v>0</v>
      </c>
      <c r="S24" s="191">
        <v>0</v>
      </c>
      <c r="T24" s="191">
        <v>25</v>
      </c>
      <c r="U24" s="191">
        <v>0</v>
      </c>
      <c r="V24" s="191">
        <v>0</v>
      </c>
      <c r="W24" s="196">
        <v>25</v>
      </c>
      <c r="X24" s="195">
        <v>25</v>
      </c>
    </row>
    <row r="25" spans="2:24" ht="21" customHeight="1" x14ac:dyDescent="0.2">
      <c r="B25" s="106" t="s">
        <v>23</v>
      </c>
      <c r="C25" s="191">
        <v>0</v>
      </c>
      <c r="D25" s="191">
        <v>0</v>
      </c>
      <c r="E25" s="196">
        <v>0</v>
      </c>
      <c r="F25" s="193">
        <v>0</v>
      </c>
      <c r="G25" s="191">
        <v>51</v>
      </c>
      <c r="H25" s="191">
        <v>11</v>
      </c>
      <c r="I25" s="191">
        <v>0</v>
      </c>
      <c r="J25" s="191">
        <v>0</v>
      </c>
      <c r="K25" s="191">
        <v>0</v>
      </c>
      <c r="L25" s="196">
        <v>62</v>
      </c>
      <c r="M25" s="195">
        <v>62</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24</v>
      </c>
      <c r="H26" s="191">
        <v>5</v>
      </c>
      <c r="I26" s="191">
        <v>17</v>
      </c>
      <c r="J26" s="191">
        <v>0</v>
      </c>
      <c r="K26" s="191">
        <v>5</v>
      </c>
      <c r="L26" s="196">
        <v>51</v>
      </c>
      <c r="M26" s="195">
        <v>51</v>
      </c>
      <c r="N26" s="191">
        <v>0</v>
      </c>
      <c r="O26" s="191">
        <v>0</v>
      </c>
      <c r="P26" s="196">
        <v>0</v>
      </c>
      <c r="Q26" s="193">
        <v>0</v>
      </c>
      <c r="R26" s="191">
        <v>0</v>
      </c>
      <c r="S26" s="191">
        <v>0</v>
      </c>
      <c r="T26" s="191">
        <v>12</v>
      </c>
      <c r="U26" s="191">
        <v>0</v>
      </c>
      <c r="V26" s="191">
        <v>6</v>
      </c>
      <c r="W26" s="196">
        <v>18</v>
      </c>
      <c r="X26" s="195">
        <v>18</v>
      </c>
    </row>
    <row r="27" spans="2:24" ht="21" customHeight="1" x14ac:dyDescent="0.2">
      <c r="B27" s="106" t="s">
        <v>25</v>
      </c>
      <c r="C27" s="191">
        <v>0</v>
      </c>
      <c r="D27" s="191">
        <v>0</v>
      </c>
      <c r="E27" s="196">
        <v>0</v>
      </c>
      <c r="F27" s="193">
        <v>0</v>
      </c>
      <c r="G27" s="191">
        <v>14</v>
      </c>
      <c r="H27" s="191">
        <v>21</v>
      </c>
      <c r="I27" s="191">
        <v>6</v>
      </c>
      <c r="J27" s="191">
        <v>4</v>
      </c>
      <c r="K27" s="191">
        <v>0</v>
      </c>
      <c r="L27" s="196">
        <v>45</v>
      </c>
      <c r="M27" s="195">
        <v>45</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42</v>
      </c>
      <c r="H28" s="191">
        <v>6</v>
      </c>
      <c r="I28" s="191">
        <v>36</v>
      </c>
      <c r="J28" s="191">
        <v>0</v>
      </c>
      <c r="K28" s="191">
        <v>0</v>
      </c>
      <c r="L28" s="196">
        <v>84</v>
      </c>
      <c r="M28" s="195">
        <v>84</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0</v>
      </c>
      <c r="H29" s="191">
        <v>3</v>
      </c>
      <c r="I29" s="191">
        <v>3</v>
      </c>
      <c r="J29" s="191">
        <v>0</v>
      </c>
      <c r="K29" s="191">
        <v>0</v>
      </c>
      <c r="L29" s="196">
        <v>6</v>
      </c>
      <c r="M29" s="195">
        <v>6</v>
      </c>
      <c r="N29" s="191">
        <v>0</v>
      </c>
      <c r="O29" s="191">
        <v>0</v>
      </c>
      <c r="P29" s="196">
        <v>0</v>
      </c>
      <c r="Q29" s="193">
        <v>0</v>
      </c>
      <c r="R29" s="191">
        <v>0</v>
      </c>
      <c r="S29" s="191">
        <v>0</v>
      </c>
      <c r="T29" s="191">
        <v>9</v>
      </c>
      <c r="U29" s="191">
        <v>20</v>
      </c>
      <c r="V29" s="191">
        <v>0</v>
      </c>
      <c r="W29" s="196">
        <v>29</v>
      </c>
      <c r="X29" s="195">
        <v>29</v>
      </c>
    </row>
    <row r="30" spans="2:24" ht="21" customHeight="1" x14ac:dyDescent="0.2">
      <c r="B30" s="106" t="s">
        <v>28</v>
      </c>
      <c r="C30" s="191">
        <v>0</v>
      </c>
      <c r="D30" s="191">
        <v>0</v>
      </c>
      <c r="E30" s="196">
        <v>0</v>
      </c>
      <c r="F30" s="193">
        <v>0</v>
      </c>
      <c r="G30" s="191">
        <v>29</v>
      </c>
      <c r="H30" s="191">
        <v>9</v>
      </c>
      <c r="I30" s="191">
        <v>0</v>
      </c>
      <c r="J30" s="191">
        <v>0</v>
      </c>
      <c r="K30" s="191">
        <v>0</v>
      </c>
      <c r="L30" s="196">
        <v>38</v>
      </c>
      <c r="M30" s="195">
        <v>38</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16</v>
      </c>
      <c r="I31" s="191">
        <v>2</v>
      </c>
      <c r="J31" s="191">
        <v>0</v>
      </c>
      <c r="K31" s="191">
        <v>0</v>
      </c>
      <c r="L31" s="196">
        <v>18</v>
      </c>
      <c r="M31" s="195">
        <v>18</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0</v>
      </c>
      <c r="H32" s="191">
        <v>0</v>
      </c>
      <c r="I32" s="191">
        <v>0</v>
      </c>
      <c r="J32" s="191">
        <v>0</v>
      </c>
      <c r="K32" s="191">
        <v>0</v>
      </c>
      <c r="L32" s="196">
        <v>0</v>
      </c>
      <c r="M32" s="195">
        <v>0</v>
      </c>
      <c r="N32" s="191">
        <v>0</v>
      </c>
      <c r="O32" s="191">
        <v>0</v>
      </c>
      <c r="P32" s="196">
        <v>0</v>
      </c>
      <c r="Q32" s="193">
        <v>0</v>
      </c>
      <c r="R32" s="191">
        <v>0</v>
      </c>
      <c r="S32" s="191">
        <v>0</v>
      </c>
      <c r="T32" s="191">
        <v>0</v>
      </c>
      <c r="U32" s="191">
        <v>0</v>
      </c>
      <c r="V32" s="191">
        <v>0</v>
      </c>
      <c r="W32" s="196">
        <v>0</v>
      </c>
      <c r="X32" s="195">
        <v>0</v>
      </c>
    </row>
    <row r="33" spans="2:24" ht="21" customHeight="1" x14ac:dyDescent="0.2">
      <c r="B33" s="106" t="s">
        <v>31</v>
      </c>
      <c r="C33" s="191">
        <v>0</v>
      </c>
      <c r="D33" s="191">
        <v>0</v>
      </c>
      <c r="E33" s="196">
        <v>0</v>
      </c>
      <c r="F33" s="193">
        <v>0</v>
      </c>
      <c r="G33" s="191">
        <v>0</v>
      </c>
      <c r="H33" s="191">
        <v>4</v>
      </c>
      <c r="I33" s="191">
        <v>0</v>
      </c>
      <c r="J33" s="191">
        <v>0</v>
      </c>
      <c r="K33" s="191">
        <v>0</v>
      </c>
      <c r="L33" s="196">
        <v>4</v>
      </c>
      <c r="M33" s="195">
        <v>4</v>
      </c>
      <c r="N33" s="191">
        <v>0</v>
      </c>
      <c r="O33" s="191">
        <v>0</v>
      </c>
      <c r="P33" s="196">
        <v>0</v>
      </c>
      <c r="Q33" s="193">
        <v>0</v>
      </c>
      <c r="R33" s="191">
        <v>0</v>
      </c>
      <c r="S33" s="191">
        <v>0</v>
      </c>
      <c r="T33" s="191">
        <v>0</v>
      </c>
      <c r="U33" s="191">
        <v>16</v>
      </c>
      <c r="V33" s="191">
        <v>0</v>
      </c>
      <c r="W33" s="196">
        <v>16</v>
      </c>
      <c r="X33" s="195">
        <v>16</v>
      </c>
    </row>
    <row r="34" spans="2:24" ht="21" customHeight="1" x14ac:dyDescent="0.2">
      <c r="B34" s="106" t="s">
        <v>32</v>
      </c>
      <c r="C34" s="191">
        <v>0</v>
      </c>
      <c r="D34" s="191">
        <v>0</v>
      </c>
      <c r="E34" s="196">
        <v>0</v>
      </c>
      <c r="F34" s="193">
        <v>0</v>
      </c>
      <c r="G34" s="191">
        <v>23</v>
      </c>
      <c r="H34" s="191">
        <v>17</v>
      </c>
      <c r="I34" s="191">
        <v>0</v>
      </c>
      <c r="J34" s="191">
        <v>0</v>
      </c>
      <c r="K34" s="191">
        <v>4</v>
      </c>
      <c r="L34" s="196">
        <v>44</v>
      </c>
      <c r="M34" s="195">
        <v>44</v>
      </c>
      <c r="N34" s="191">
        <v>0</v>
      </c>
      <c r="O34" s="191">
        <v>0</v>
      </c>
      <c r="P34" s="196">
        <v>0</v>
      </c>
      <c r="Q34" s="193">
        <v>0</v>
      </c>
      <c r="R34" s="191">
        <v>0</v>
      </c>
      <c r="S34" s="191">
        <v>0</v>
      </c>
      <c r="T34" s="191">
        <v>0</v>
      </c>
      <c r="U34" s="191">
        <v>0</v>
      </c>
      <c r="V34" s="191">
        <v>0</v>
      </c>
      <c r="W34" s="196">
        <v>0</v>
      </c>
      <c r="X34" s="195">
        <v>0</v>
      </c>
    </row>
    <row r="35" spans="2:24" ht="21" customHeight="1" x14ac:dyDescent="0.2">
      <c r="B35" s="106" t="s">
        <v>33</v>
      </c>
      <c r="C35" s="191">
        <v>0</v>
      </c>
      <c r="D35" s="191">
        <v>0</v>
      </c>
      <c r="E35" s="196">
        <v>0</v>
      </c>
      <c r="F35" s="193">
        <v>0</v>
      </c>
      <c r="G35" s="191">
        <v>18</v>
      </c>
      <c r="H35" s="191">
        <v>0</v>
      </c>
      <c r="I35" s="191">
        <v>0</v>
      </c>
      <c r="J35" s="191">
        <v>0</v>
      </c>
      <c r="K35" s="191">
        <v>0</v>
      </c>
      <c r="L35" s="196">
        <v>18</v>
      </c>
      <c r="M35" s="195">
        <v>18</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9</v>
      </c>
      <c r="H36" s="191">
        <v>-12</v>
      </c>
      <c r="I36" s="191">
        <v>0</v>
      </c>
      <c r="J36" s="191">
        <v>0</v>
      </c>
      <c r="K36" s="191">
        <v>0</v>
      </c>
      <c r="L36" s="196">
        <v>-3</v>
      </c>
      <c r="M36" s="195">
        <v>-3</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0</v>
      </c>
      <c r="H37" s="191">
        <v>0</v>
      </c>
      <c r="I37" s="191">
        <v>0</v>
      </c>
      <c r="J37" s="191">
        <v>0</v>
      </c>
      <c r="K37" s="191">
        <v>0</v>
      </c>
      <c r="L37" s="196">
        <v>0</v>
      </c>
      <c r="M37" s="195">
        <v>0</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29</v>
      </c>
      <c r="H38" s="191">
        <v>3</v>
      </c>
      <c r="I38" s="191">
        <v>0</v>
      </c>
      <c r="J38" s="191">
        <v>0</v>
      </c>
      <c r="K38" s="191">
        <v>0</v>
      </c>
      <c r="L38" s="196">
        <v>32</v>
      </c>
      <c r="M38" s="195">
        <v>3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0</v>
      </c>
      <c r="L39" s="203">
        <v>0</v>
      </c>
      <c r="M39" s="202">
        <v>0</v>
      </c>
      <c r="N39" s="198">
        <v>0</v>
      </c>
      <c r="O39" s="198">
        <v>0</v>
      </c>
      <c r="P39" s="203">
        <v>0</v>
      </c>
      <c r="Q39" s="200">
        <v>0</v>
      </c>
      <c r="R39" s="198">
        <v>0</v>
      </c>
      <c r="S39" s="198">
        <v>0</v>
      </c>
      <c r="T39" s="198">
        <v>0</v>
      </c>
      <c r="U39" s="198">
        <v>0</v>
      </c>
      <c r="V39" s="198">
        <v>0</v>
      </c>
      <c r="W39" s="203">
        <v>0</v>
      </c>
      <c r="X39" s="202">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 style="175" customWidth="1"/>
    <col min="6" max="6" width="7.77734375" style="175" customWidth="1"/>
    <col min="7" max="7" width="10.77734375" style="175" customWidth="1"/>
    <col min="8" max="16" width="9" style="175"/>
    <col min="17" max="17" width="7.6640625" style="175" customWidth="1"/>
    <col min="18" max="16384" width="9" style="175"/>
  </cols>
  <sheetData>
    <row r="1" spans="2:24" ht="24" customHeight="1" x14ac:dyDescent="0.2">
      <c r="B1" s="142" t="s">
        <v>123</v>
      </c>
      <c r="H1" s="442">
        <f>第１表!F2</f>
        <v>6</v>
      </c>
      <c r="I1" s="442"/>
      <c r="J1" s="18">
        <f>第１表!G2</f>
        <v>11</v>
      </c>
      <c r="K1" s="447">
        <f>IF(J1&lt;3,J1+12-2,J1-2)</f>
        <v>9</v>
      </c>
      <c r="L1" s="447"/>
    </row>
    <row r="2" spans="2:24" ht="24" customHeight="1" thickBot="1" x14ac:dyDescent="0.25">
      <c r="B2" s="142" t="s">
        <v>152</v>
      </c>
    </row>
    <row r="3" spans="2:24" ht="21" customHeight="1" x14ac:dyDescent="0.2">
      <c r="B3" s="465"/>
      <c r="C3" s="466" t="s">
        <v>139</v>
      </c>
      <c r="D3" s="466"/>
      <c r="E3" s="466"/>
      <c r="F3" s="466"/>
      <c r="G3" s="466"/>
      <c r="H3" s="466"/>
      <c r="I3" s="466"/>
      <c r="J3" s="466"/>
      <c r="K3" s="466"/>
      <c r="L3" s="466"/>
      <c r="M3" s="496"/>
      <c r="N3" s="466" t="s">
        <v>112</v>
      </c>
      <c r="O3" s="466"/>
      <c r="P3" s="466"/>
      <c r="Q3" s="466"/>
      <c r="R3" s="466"/>
      <c r="S3" s="466"/>
      <c r="T3" s="466"/>
      <c r="U3" s="466"/>
      <c r="V3" s="466"/>
      <c r="W3" s="466"/>
      <c r="X3" s="496"/>
    </row>
    <row r="4" spans="2:24" ht="21" customHeight="1" x14ac:dyDescent="0.2">
      <c r="B4" s="502"/>
      <c r="C4" s="497" t="s">
        <v>61</v>
      </c>
      <c r="D4" s="497"/>
      <c r="E4" s="498"/>
      <c r="F4" s="499" t="s">
        <v>62</v>
      </c>
      <c r="G4" s="497"/>
      <c r="H4" s="497"/>
      <c r="I4" s="497"/>
      <c r="J4" s="497"/>
      <c r="K4" s="497"/>
      <c r="L4" s="500"/>
      <c r="M4" s="501" t="s">
        <v>52</v>
      </c>
      <c r="N4" s="497" t="s">
        <v>61</v>
      </c>
      <c r="O4" s="497"/>
      <c r="P4" s="498"/>
      <c r="Q4" s="499" t="s">
        <v>62</v>
      </c>
      <c r="R4" s="497"/>
      <c r="S4" s="497"/>
      <c r="T4" s="497"/>
      <c r="U4" s="497"/>
      <c r="V4" s="497"/>
      <c r="W4" s="500"/>
      <c r="X4" s="501" t="s">
        <v>52</v>
      </c>
    </row>
    <row r="5" spans="2:24" ht="30" customHeight="1" thickBot="1" x14ac:dyDescent="0.25">
      <c r="B5" s="503"/>
      <c r="C5" s="178" t="s">
        <v>43</v>
      </c>
      <c r="D5" s="178" t="s">
        <v>44</v>
      </c>
      <c r="E5" s="182" t="s">
        <v>45</v>
      </c>
      <c r="F5" s="180" t="s">
        <v>83</v>
      </c>
      <c r="G5" s="178" t="s">
        <v>47</v>
      </c>
      <c r="H5" s="178" t="s">
        <v>48</v>
      </c>
      <c r="I5" s="178" t="s">
        <v>49</v>
      </c>
      <c r="J5" s="178" t="s">
        <v>50</v>
      </c>
      <c r="K5" s="178" t="s">
        <v>51</v>
      </c>
      <c r="L5" s="182" t="s">
        <v>45</v>
      </c>
      <c r="M5" s="470"/>
      <c r="N5" s="178" t="s">
        <v>43</v>
      </c>
      <c r="O5" s="178" t="s">
        <v>44</v>
      </c>
      <c r="P5" s="182" t="s">
        <v>45</v>
      </c>
      <c r="Q5" s="180" t="s">
        <v>83</v>
      </c>
      <c r="R5" s="178" t="s">
        <v>47</v>
      </c>
      <c r="S5" s="178" t="s">
        <v>48</v>
      </c>
      <c r="T5" s="178" t="s">
        <v>49</v>
      </c>
      <c r="U5" s="178" t="s">
        <v>50</v>
      </c>
      <c r="V5" s="178" t="s">
        <v>51</v>
      </c>
      <c r="W5" s="182" t="s">
        <v>45</v>
      </c>
      <c r="X5" s="470"/>
    </row>
    <row r="6" spans="2:24" ht="21" customHeight="1" x14ac:dyDescent="0.2">
      <c r="B6" s="84" t="s">
        <v>4</v>
      </c>
      <c r="C6" s="184">
        <v>0</v>
      </c>
      <c r="D6" s="184">
        <v>0</v>
      </c>
      <c r="E6" s="189">
        <v>0</v>
      </c>
      <c r="F6" s="186">
        <v>0</v>
      </c>
      <c r="G6" s="184">
        <v>5972</v>
      </c>
      <c r="H6" s="184">
        <v>5565</v>
      </c>
      <c r="I6" s="184">
        <v>2959</v>
      </c>
      <c r="J6" s="184">
        <v>1416</v>
      </c>
      <c r="K6" s="184">
        <v>497</v>
      </c>
      <c r="L6" s="189">
        <v>16409</v>
      </c>
      <c r="M6" s="188">
        <v>16409</v>
      </c>
      <c r="N6" s="184">
        <v>9</v>
      </c>
      <c r="O6" s="184">
        <v>0</v>
      </c>
      <c r="P6" s="189">
        <v>9</v>
      </c>
      <c r="Q6" s="186">
        <v>0</v>
      </c>
      <c r="R6" s="184">
        <v>382</v>
      </c>
      <c r="S6" s="184">
        <v>578</v>
      </c>
      <c r="T6" s="184">
        <v>595</v>
      </c>
      <c r="U6" s="184">
        <v>187</v>
      </c>
      <c r="V6" s="184">
        <v>378</v>
      </c>
      <c r="W6" s="189">
        <v>2120</v>
      </c>
      <c r="X6" s="188">
        <v>2129</v>
      </c>
    </row>
    <row r="7" spans="2:24" ht="21" customHeight="1" x14ac:dyDescent="0.2">
      <c r="B7" s="95" t="s">
        <v>5</v>
      </c>
      <c r="C7" s="191">
        <v>0</v>
      </c>
      <c r="D7" s="191">
        <v>0</v>
      </c>
      <c r="E7" s="196">
        <v>0</v>
      </c>
      <c r="F7" s="193">
        <v>0</v>
      </c>
      <c r="G7" s="191">
        <v>2189</v>
      </c>
      <c r="H7" s="191">
        <v>2997</v>
      </c>
      <c r="I7" s="191">
        <v>1641</v>
      </c>
      <c r="J7" s="191">
        <v>621</v>
      </c>
      <c r="K7" s="191">
        <v>167</v>
      </c>
      <c r="L7" s="196">
        <v>7615</v>
      </c>
      <c r="M7" s="195">
        <v>7615</v>
      </c>
      <c r="N7" s="191">
        <v>5</v>
      </c>
      <c r="O7" s="191">
        <v>0</v>
      </c>
      <c r="P7" s="196">
        <v>5</v>
      </c>
      <c r="Q7" s="193">
        <v>0</v>
      </c>
      <c r="R7" s="191">
        <v>173</v>
      </c>
      <c r="S7" s="191">
        <v>311</v>
      </c>
      <c r="T7" s="191">
        <v>341</v>
      </c>
      <c r="U7" s="191">
        <v>95</v>
      </c>
      <c r="V7" s="191">
        <v>262</v>
      </c>
      <c r="W7" s="196">
        <v>1182</v>
      </c>
      <c r="X7" s="195">
        <v>1187</v>
      </c>
    </row>
    <row r="8" spans="2:24" ht="21" customHeight="1" x14ac:dyDescent="0.2">
      <c r="B8" s="106" t="s">
        <v>6</v>
      </c>
      <c r="C8" s="191">
        <v>0</v>
      </c>
      <c r="D8" s="191">
        <v>0</v>
      </c>
      <c r="E8" s="196">
        <v>0</v>
      </c>
      <c r="F8" s="193">
        <v>0</v>
      </c>
      <c r="G8" s="191">
        <v>938</v>
      </c>
      <c r="H8" s="191">
        <v>742</v>
      </c>
      <c r="I8" s="191">
        <v>340</v>
      </c>
      <c r="J8" s="191">
        <v>227</v>
      </c>
      <c r="K8" s="191">
        <v>73</v>
      </c>
      <c r="L8" s="196">
        <v>2320</v>
      </c>
      <c r="M8" s="195">
        <v>2320</v>
      </c>
      <c r="N8" s="191">
        <v>0</v>
      </c>
      <c r="O8" s="191">
        <v>0</v>
      </c>
      <c r="P8" s="196">
        <v>0</v>
      </c>
      <c r="Q8" s="193">
        <v>0</v>
      </c>
      <c r="R8" s="191">
        <v>70</v>
      </c>
      <c r="S8" s="191">
        <v>186</v>
      </c>
      <c r="T8" s="191">
        <v>154</v>
      </c>
      <c r="U8" s="191">
        <v>51</v>
      </c>
      <c r="V8" s="191">
        <v>75</v>
      </c>
      <c r="W8" s="196">
        <v>536</v>
      </c>
      <c r="X8" s="195">
        <v>536</v>
      </c>
    </row>
    <row r="9" spans="2:24" ht="21" customHeight="1" x14ac:dyDescent="0.2">
      <c r="B9" s="106" t="s">
        <v>14</v>
      </c>
      <c r="C9" s="191">
        <v>0</v>
      </c>
      <c r="D9" s="191">
        <v>0</v>
      </c>
      <c r="E9" s="196">
        <v>0</v>
      </c>
      <c r="F9" s="193">
        <v>0</v>
      </c>
      <c r="G9" s="191">
        <v>322</v>
      </c>
      <c r="H9" s="191">
        <v>434</v>
      </c>
      <c r="I9" s="191">
        <v>218</v>
      </c>
      <c r="J9" s="191">
        <v>110</v>
      </c>
      <c r="K9" s="191">
        <v>76</v>
      </c>
      <c r="L9" s="196">
        <v>1160</v>
      </c>
      <c r="M9" s="195">
        <v>1160</v>
      </c>
      <c r="N9" s="191">
        <v>0</v>
      </c>
      <c r="O9" s="191">
        <v>0</v>
      </c>
      <c r="P9" s="196">
        <v>0</v>
      </c>
      <c r="Q9" s="193">
        <v>0</v>
      </c>
      <c r="R9" s="191">
        <v>0</v>
      </c>
      <c r="S9" s="191">
        <v>8</v>
      </c>
      <c r="T9" s="191">
        <v>0</v>
      </c>
      <c r="U9" s="191">
        <v>2</v>
      </c>
      <c r="V9" s="191">
        <v>0</v>
      </c>
      <c r="W9" s="196">
        <v>10</v>
      </c>
      <c r="X9" s="195">
        <v>10</v>
      </c>
    </row>
    <row r="10" spans="2:24" ht="21" customHeight="1" x14ac:dyDescent="0.2">
      <c r="B10" s="106" t="s">
        <v>7</v>
      </c>
      <c r="C10" s="191">
        <v>0</v>
      </c>
      <c r="D10" s="191">
        <v>0</v>
      </c>
      <c r="E10" s="196">
        <v>0</v>
      </c>
      <c r="F10" s="193">
        <v>0</v>
      </c>
      <c r="G10" s="191">
        <v>334</v>
      </c>
      <c r="H10" s="191">
        <v>161</v>
      </c>
      <c r="I10" s="191">
        <v>67</v>
      </c>
      <c r="J10" s="191">
        <v>43</v>
      </c>
      <c r="K10" s="191">
        <v>4</v>
      </c>
      <c r="L10" s="196">
        <v>609</v>
      </c>
      <c r="M10" s="195">
        <v>609</v>
      </c>
      <c r="N10" s="191">
        <v>0</v>
      </c>
      <c r="O10" s="191">
        <v>0</v>
      </c>
      <c r="P10" s="196">
        <v>0</v>
      </c>
      <c r="Q10" s="193">
        <v>0</v>
      </c>
      <c r="R10" s="191">
        <v>32</v>
      </c>
      <c r="S10" s="191">
        <v>9</v>
      </c>
      <c r="T10" s="191">
        <v>37</v>
      </c>
      <c r="U10" s="191">
        <v>14</v>
      </c>
      <c r="V10" s="191">
        <v>0</v>
      </c>
      <c r="W10" s="196">
        <v>92</v>
      </c>
      <c r="X10" s="195">
        <v>92</v>
      </c>
    </row>
    <row r="11" spans="2:24" ht="21" customHeight="1" x14ac:dyDescent="0.2">
      <c r="B11" s="106" t="s">
        <v>8</v>
      </c>
      <c r="C11" s="191">
        <v>0</v>
      </c>
      <c r="D11" s="191">
        <v>0</v>
      </c>
      <c r="E11" s="196">
        <v>0</v>
      </c>
      <c r="F11" s="193">
        <v>0</v>
      </c>
      <c r="G11" s="191">
        <v>223</v>
      </c>
      <c r="H11" s="191">
        <v>123</v>
      </c>
      <c r="I11" s="191">
        <v>50</v>
      </c>
      <c r="J11" s="191">
        <v>54</v>
      </c>
      <c r="K11" s="191">
        <v>17</v>
      </c>
      <c r="L11" s="196">
        <v>467</v>
      </c>
      <c r="M11" s="195">
        <v>467</v>
      </c>
      <c r="N11" s="191">
        <v>0</v>
      </c>
      <c r="O11" s="191">
        <v>0</v>
      </c>
      <c r="P11" s="196">
        <v>0</v>
      </c>
      <c r="Q11" s="193">
        <v>0</v>
      </c>
      <c r="R11" s="191">
        <v>0</v>
      </c>
      <c r="S11" s="191">
        <v>0</v>
      </c>
      <c r="T11" s="191">
        <v>0</v>
      </c>
      <c r="U11" s="191">
        <v>0</v>
      </c>
      <c r="V11" s="191">
        <v>8</v>
      </c>
      <c r="W11" s="196">
        <v>8</v>
      </c>
      <c r="X11" s="195">
        <v>8</v>
      </c>
    </row>
    <row r="12" spans="2:24" ht="21" customHeight="1" x14ac:dyDescent="0.2">
      <c r="B12" s="106" t="s">
        <v>9</v>
      </c>
      <c r="C12" s="191">
        <v>0</v>
      </c>
      <c r="D12" s="191">
        <v>0</v>
      </c>
      <c r="E12" s="196">
        <v>0</v>
      </c>
      <c r="F12" s="193">
        <v>0</v>
      </c>
      <c r="G12" s="191">
        <v>244</v>
      </c>
      <c r="H12" s="191">
        <v>189</v>
      </c>
      <c r="I12" s="191">
        <v>124</v>
      </c>
      <c r="J12" s="191">
        <v>96</v>
      </c>
      <c r="K12" s="191">
        <v>25</v>
      </c>
      <c r="L12" s="196">
        <v>678</v>
      </c>
      <c r="M12" s="195">
        <v>678</v>
      </c>
      <c r="N12" s="191">
        <v>0</v>
      </c>
      <c r="O12" s="191">
        <v>0</v>
      </c>
      <c r="P12" s="196">
        <v>0</v>
      </c>
      <c r="Q12" s="193">
        <v>0</v>
      </c>
      <c r="R12" s="191">
        <v>0</v>
      </c>
      <c r="S12" s="191">
        <v>0</v>
      </c>
      <c r="T12" s="191">
        <v>8</v>
      </c>
      <c r="U12" s="191">
        <v>0</v>
      </c>
      <c r="V12" s="191">
        <v>0</v>
      </c>
      <c r="W12" s="196">
        <v>8</v>
      </c>
      <c r="X12" s="195">
        <v>8</v>
      </c>
    </row>
    <row r="13" spans="2:24" ht="21" customHeight="1" x14ac:dyDescent="0.2">
      <c r="B13" s="106" t="s">
        <v>10</v>
      </c>
      <c r="C13" s="191">
        <v>0</v>
      </c>
      <c r="D13" s="191">
        <v>0</v>
      </c>
      <c r="E13" s="196">
        <v>0</v>
      </c>
      <c r="F13" s="193">
        <v>0</v>
      </c>
      <c r="G13" s="191">
        <v>227</v>
      </c>
      <c r="H13" s="191">
        <v>125</v>
      </c>
      <c r="I13" s="191">
        <v>89</v>
      </c>
      <c r="J13" s="191">
        <v>39</v>
      </c>
      <c r="K13" s="191">
        <v>0</v>
      </c>
      <c r="L13" s="196">
        <v>480</v>
      </c>
      <c r="M13" s="195">
        <v>480</v>
      </c>
      <c r="N13" s="191">
        <v>0</v>
      </c>
      <c r="O13" s="191">
        <v>0</v>
      </c>
      <c r="P13" s="196">
        <v>0</v>
      </c>
      <c r="Q13" s="193">
        <v>0</v>
      </c>
      <c r="R13" s="191">
        <v>16</v>
      </c>
      <c r="S13" s="191">
        <v>0</v>
      </c>
      <c r="T13" s="191">
        <v>12</v>
      </c>
      <c r="U13" s="191">
        <v>25</v>
      </c>
      <c r="V13" s="191">
        <v>0</v>
      </c>
      <c r="W13" s="196">
        <v>53</v>
      </c>
      <c r="X13" s="195">
        <v>53</v>
      </c>
    </row>
    <row r="14" spans="2:24" ht="21" customHeight="1" x14ac:dyDescent="0.2">
      <c r="B14" s="106" t="s">
        <v>11</v>
      </c>
      <c r="C14" s="191">
        <v>0</v>
      </c>
      <c r="D14" s="191">
        <v>0</v>
      </c>
      <c r="E14" s="196">
        <v>0</v>
      </c>
      <c r="F14" s="193">
        <v>0</v>
      </c>
      <c r="G14" s="191">
        <v>238</v>
      </c>
      <c r="H14" s="191">
        <v>102</v>
      </c>
      <c r="I14" s="191">
        <v>19</v>
      </c>
      <c r="J14" s="191">
        <v>52</v>
      </c>
      <c r="K14" s="191">
        <v>13</v>
      </c>
      <c r="L14" s="196">
        <v>424</v>
      </c>
      <c r="M14" s="195">
        <v>424</v>
      </c>
      <c r="N14" s="191">
        <v>0</v>
      </c>
      <c r="O14" s="191">
        <v>0</v>
      </c>
      <c r="P14" s="196">
        <v>0</v>
      </c>
      <c r="Q14" s="193">
        <v>0</v>
      </c>
      <c r="R14" s="191">
        <v>30</v>
      </c>
      <c r="S14" s="191">
        <v>8</v>
      </c>
      <c r="T14" s="191">
        <v>0</v>
      </c>
      <c r="U14" s="191">
        <v>0</v>
      </c>
      <c r="V14" s="191">
        <v>0</v>
      </c>
      <c r="W14" s="196">
        <v>38</v>
      </c>
      <c r="X14" s="195">
        <v>38</v>
      </c>
    </row>
    <row r="15" spans="2:24" ht="21" customHeight="1" x14ac:dyDescent="0.2">
      <c r="B15" s="106" t="s">
        <v>12</v>
      </c>
      <c r="C15" s="191">
        <v>0</v>
      </c>
      <c r="D15" s="191">
        <v>0</v>
      </c>
      <c r="E15" s="196">
        <v>0</v>
      </c>
      <c r="F15" s="193">
        <v>0</v>
      </c>
      <c r="G15" s="191">
        <v>101</v>
      </c>
      <c r="H15" s="191">
        <v>74</v>
      </c>
      <c r="I15" s="191">
        <v>39</v>
      </c>
      <c r="J15" s="191">
        <v>32</v>
      </c>
      <c r="K15" s="191">
        <v>43</v>
      </c>
      <c r="L15" s="196">
        <v>289</v>
      </c>
      <c r="M15" s="195">
        <v>289</v>
      </c>
      <c r="N15" s="191">
        <v>0</v>
      </c>
      <c r="O15" s="191">
        <v>0</v>
      </c>
      <c r="P15" s="196">
        <v>0</v>
      </c>
      <c r="Q15" s="193">
        <v>0</v>
      </c>
      <c r="R15" s="191">
        <v>0</v>
      </c>
      <c r="S15" s="191">
        <v>0</v>
      </c>
      <c r="T15" s="191">
        <v>0</v>
      </c>
      <c r="U15" s="191">
        <v>0</v>
      </c>
      <c r="V15" s="191">
        <v>0</v>
      </c>
      <c r="W15" s="196">
        <v>0</v>
      </c>
      <c r="X15" s="195">
        <v>0</v>
      </c>
    </row>
    <row r="16" spans="2:24" ht="21" customHeight="1" x14ac:dyDescent="0.2">
      <c r="B16" s="106" t="s">
        <v>13</v>
      </c>
      <c r="C16" s="191">
        <v>0</v>
      </c>
      <c r="D16" s="191">
        <v>0</v>
      </c>
      <c r="E16" s="196">
        <v>0</v>
      </c>
      <c r="F16" s="193">
        <v>0</v>
      </c>
      <c r="G16" s="191">
        <v>97</v>
      </c>
      <c r="H16" s="191">
        <v>61</v>
      </c>
      <c r="I16" s="191">
        <v>94</v>
      </c>
      <c r="J16" s="191">
        <v>13</v>
      </c>
      <c r="K16" s="191">
        <v>16</v>
      </c>
      <c r="L16" s="196">
        <v>281</v>
      </c>
      <c r="M16" s="195">
        <v>281</v>
      </c>
      <c r="N16" s="191">
        <v>0</v>
      </c>
      <c r="O16" s="191">
        <v>0</v>
      </c>
      <c r="P16" s="196">
        <v>0</v>
      </c>
      <c r="Q16" s="193">
        <v>0</v>
      </c>
      <c r="R16" s="191">
        <v>0</v>
      </c>
      <c r="S16" s="191">
        <v>14</v>
      </c>
      <c r="T16" s="191">
        <v>1</v>
      </c>
      <c r="U16" s="191">
        <v>0</v>
      </c>
      <c r="V16" s="191">
        <v>0</v>
      </c>
      <c r="W16" s="196">
        <v>15</v>
      </c>
      <c r="X16" s="195">
        <v>15</v>
      </c>
    </row>
    <row r="17" spans="2:24" ht="21" customHeight="1" x14ac:dyDescent="0.2">
      <c r="B17" s="106" t="s">
        <v>15</v>
      </c>
      <c r="C17" s="191">
        <v>0</v>
      </c>
      <c r="D17" s="191">
        <v>0</v>
      </c>
      <c r="E17" s="196">
        <v>0</v>
      </c>
      <c r="F17" s="193">
        <v>0</v>
      </c>
      <c r="G17" s="191">
        <v>24</v>
      </c>
      <c r="H17" s="191">
        <v>34</v>
      </c>
      <c r="I17" s="191">
        <v>4</v>
      </c>
      <c r="J17" s="191">
        <v>0</v>
      </c>
      <c r="K17" s="191">
        <v>14</v>
      </c>
      <c r="L17" s="196">
        <v>76</v>
      </c>
      <c r="M17" s="195">
        <v>76</v>
      </c>
      <c r="N17" s="191">
        <v>0</v>
      </c>
      <c r="O17" s="191">
        <v>0</v>
      </c>
      <c r="P17" s="196">
        <v>0</v>
      </c>
      <c r="Q17" s="193">
        <v>0</v>
      </c>
      <c r="R17" s="191">
        <v>0</v>
      </c>
      <c r="S17" s="191">
        <v>0</v>
      </c>
      <c r="T17" s="191">
        <v>0</v>
      </c>
      <c r="U17" s="191">
        <v>0</v>
      </c>
      <c r="V17" s="191">
        <v>0</v>
      </c>
      <c r="W17" s="196">
        <v>0</v>
      </c>
      <c r="X17" s="195">
        <v>0</v>
      </c>
    </row>
    <row r="18" spans="2:24" ht="21" customHeight="1" x14ac:dyDescent="0.2">
      <c r="B18" s="106" t="s">
        <v>16</v>
      </c>
      <c r="C18" s="191">
        <v>0</v>
      </c>
      <c r="D18" s="191">
        <v>0</v>
      </c>
      <c r="E18" s="196">
        <v>0</v>
      </c>
      <c r="F18" s="193">
        <v>0</v>
      </c>
      <c r="G18" s="191">
        <v>64</v>
      </c>
      <c r="H18" s="191">
        <v>94</v>
      </c>
      <c r="I18" s="191">
        <v>39</v>
      </c>
      <c r="J18" s="191">
        <v>6</v>
      </c>
      <c r="K18" s="191">
        <v>0</v>
      </c>
      <c r="L18" s="196">
        <v>203</v>
      </c>
      <c r="M18" s="195">
        <v>203</v>
      </c>
      <c r="N18" s="191">
        <v>0</v>
      </c>
      <c r="O18" s="191">
        <v>0</v>
      </c>
      <c r="P18" s="196">
        <v>0</v>
      </c>
      <c r="Q18" s="193">
        <v>0</v>
      </c>
      <c r="R18" s="191">
        <v>4</v>
      </c>
      <c r="S18" s="191">
        <v>0</v>
      </c>
      <c r="T18" s="191">
        <v>0</v>
      </c>
      <c r="U18" s="191">
        <v>0</v>
      </c>
      <c r="V18" s="191">
        <v>33</v>
      </c>
      <c r="W18" s="196">
        <v>37</v>
      </c>
      <c r="X18" s="195">
        <v>37</v>
      </c>
    </row>
    <row r="19" spans="2:24" ht="21" customHeight="1" x14ac:dyDescent="0.2">
      <c r="B19" s="106" t="s">
        <v>17</v>
      </c>
      <c r="C19" s="191">
        <v>0</v>
      </c>
      <c r="D19" s="191">
        <v>0</v>
      </c>
      <c r="E19" s="196">
        <v>0</v>
      </c>
      <c r="F19" s="193">
        <v>0</v>
      </c>
      <c r="G19" s="191">
        <v>194</v>
      </c>
      <c r="H19" s="191">
        <v>117</v>
      </c>
      <c r="I19" s="191">
        <v>115</v>
      </c>
      <c r="J19" s="191">
        <v>8</v>
      </c>
      <c r="K19" s="191">
        <v>39</v>
      </c>
      <c r="L19" s="196">
        <v>473</v>
      </c>
      <c r="M19" s="195">
        <v>473</v>
      </c>
      <c r="N19" s="191">
        <v>0</v>
      </c>
      <c r="O19" s="191">
        <v>0</v>
      </c>
      <c r="P19" s="196">
        <v>0</v>
      </c>
      <c r="Q19" s="193">
        <v>0</v>
      </c>
      <c r="R19" s="191">
        <v>22</v>
      </c>
      <c r="S19" s="191">
        <v>16</v>
      </c>
      <c r="T19" s="191">
        <v>0</v>
      </c>
      <c r="U19" s="191">
        <v>0</v>
      </c>
      <c r="V19" s="191">
        <v>0</v>
      </c>
      <c r="W19" s="196">
        <v>38</v>
      </c>
      <c r="X19" s="195">
        <v>38</v>
      </c>
    </row>
    <row r="20" spans="2:24" ht="21" customHeight="1" x14ac:dyDescent="0.2">
      <c r="B20" s="106" t="s">
        <v>18</v>
      </c>
      <c r="C20" s="191">
        <v>0</v>
      </c>
      <c r="D20" s="191">
        <v>0</v>
      </c>
      <c r="E20" s="196">
        <v>0</v>
      </c>
      <c r="F20" s="193">
        <v>0</v>
      </c>
      <c r="G20" s="191">
        <v>254</v>
      </c>
      <c r="H20" s="191">
        <v>53</v>
      </c>
      <c r="I20" s="191">
        <v>30</v>
      </c>
      <c r="J20" s="191">
        <v>14</v>
      </c>
      <c r="K20" s="191">
        <v>0</v>
      </c>
      <c r="L20" s="196">
        <v>351</v>
      </c>
      <c r="M20" s="195">
        <v>351</v>
      </c>
      <c r="N20" s="191">
        <v>0</v>
      </c>
      <c r="O20" s="191">
        <v>0</v>
      </c>
      <c r="P20" s="196">
        <v>0</v>
      </c>
      <c r="Q20" s="193">
        <v>0</v>
      </c>
      <c r="R20" s="191">
        <v>0</v>
      </c>
      <c r="S20" s="191">
        <v>3</v>
      </c>
      <c r="T20" s="191">
        <v>4</v>
      </c>
      <c r="U20" s="191">
        <v>0</v>
      </c>
      <c r="V20" s="191">
        <v>0</v>
      </c>
      <c r="W20" s="196">
        <v>7</v>
      </c>
      <c r="X20" s="195">
        <v>7</v>
      </c>
    </row>
    <row r="21" spans="2:24" ht="21" customHeight="1" x14ac:dyDescent="0.2">
      <c r="B21" s="106" t="s">
        <v>19</v>
      </c>
      <c r="C21" s="191">
        <v>0</v>
      </c>
      <c r="D21" s="191">
        <v>0</v>
      </c>
      <c r="E21" s="196">
        <v>0</v>
      </c>
      <c r="F21" s="193">
        <v>0</v>
      </c>
      <c r="G21" s="191">
        <v>119</v>
      </c>
      <c r="H21" s="191">
        <v>36</v>
      </c>
      <c r="I21" s="191">
        <v>3</v>
      </c>
      <c r="J21" s="191">
        <v>41</v>
      </c>
      <c r="K21" s="191">
        <v>0</v>
      </c>
      <c r="L21" s="196">
        <v>199</v>
      </c>
      <c r="M21" s="195">
        <v>199</v>
      </c>
      <c r="N21" s="191">
        <v>4</v>
      </c>
      <c r="O21" s="191">
        <v>0</v>
      </c>
      <c r="P21" s="196">
        <v>4</v>
      </c>
      <c r="Q21" s="193">
        <v>0</v>
      </c>
      <c r="R21" s="191">
        <v>4</v>
      </c>
      <c r="S21" s="191">
        <v>15</v>
      </c>
      <c r="T21" s="191">
        <v>8</v>
      </c>
      <c r="U21" s="191">
        <v>0</v>
      </c>
      <c r="V21" s="191">
        <v>0</v>
      </c>
      <c r="W21" s="196">
        <v>27</v>
      </c>
      <c r="X21" s="195">
        <v>31</v>
      </c>
    </row>
    <row r="22" spans="2:24" ht="21" customHeight="1" x14ac:dyDescent="0.2">
      <c r="B22" s="106" t="s">
        <v>20</v>
      </c>
      <c r="C22" s="191">
        <v>0</v>
      </c>
      <c r="D22" s="191">
        <v>0</v>
      </c>
      <c r="E22" s="196">
        <v>0</v>
      </c>
      <c r="F22" s="193">
        <v>0</v>
      </c>
      <c r="G22" s="191">
        <v>64</v>
      </c>
      <c r="H22" s="191">
        <v>66</v>
      </c>
      <c r="I22" s="191">
        <v>14</v>
      </c>
      <c r="J22" s="191">
        <v>3</v>
      </c>
      <c r="K22" s="191">
        <v>0</v>
      </c>
      <c r="L22" s="196">
        <v>147</v>
      </c>
      <c r="M22" s="195">
        <v>147</v>
      </c>
      <c r="N22" s="191">
        <v>0</v>
      </c>
      <c r="O22" s="191">
        <v>0</v>
      </c>
      <c r="P22" s="196">
        <v>0</v>
      </c>
      <c r="Q22" s="193">
        <v>0</v>
      </c>
      <c r="R22" s="191">
        <v>0</v>
      </c>
      <c r="S22" s="191">
        <v>0</v>
      </c>
      <c r="T22" s="191">
        <v>5</v>
      </c>
      <c r="U22" s="191">
        <v>0</v>
      </c>
      <c r="V22" s="191">
        <v>0</v>
      </c>
      <c r="W22" s="196">
        <v>5</v>
      </c>
      <c r="X22" s="195">
        <v>5</v>
      </c>
    </row>
    <row r="23" spans="2:24" ht="21" customHeight="1" x14ac:dyDescent="0.2">
      <c r="B23" s="106" t="s">
        <v>21</v>
      </c>
      <c r="C23" s="191">
        <v>0</v>
      </c>
      <c r="D23" s="191">
        <v>0</v>
      </c>
      <c r="E23" s="196">
        <v>0</v>
      </c>
      <c r="F23" s="193">
        <v>0</v>
      </c>
      <c r="G23" s="191">
        <v>81</v>
      </c>
      <c r="H23" s="191">
        <v>40</v>
      </c>
      <c r="I23" s="191">
        <v>28</v>
      </c>
      <c r="J23" s="191">
        <v>13</v>
      </c>
      <c r="K23" s="191">
        <v>0</v>
      </c>
      <c r="L23" s="196">
        <v>162</v>
      </c>
      <c r="M23" s="195">
        <v>162</v>
      </c>
      <c r="N23" s="191">
        <v>0</v>
      </c>
      <c r="O23" s="191">
        <v>0</v>
      </c>
      <c r="P23" s="196">
        <v>0</v>
      </c>
      <c r="Q23" s="193">
        <v>0</v>
      </c>
      <c r="R23" s="191">
        <v>0</v>
      </c>
      <c r="S23" s="191">
        <v>0</v>
      </c>
      <c r="T23" s="191">
        <v>0</v>
      </c>
      <c r="U23" s="191">
        <v>0</v>
      </c>
      <c r="V23" s="191">
        <v>0</v>
      </c>
      <c r="W23" s="196">
        <v>0</v>
      </c>
      <c r="X23" s="195">
        <v>0</v>
      </c>
    </row>
    <row r="24" spans="2:24" ht="21" customHeight="1" x14ac:dyDescent="0.2">
      <c r="B24" s="106" t="s">
        <v>22</v>
      </c>
      <c r="C24" s="191">
        <v>0</v>
      </c>
      <c r="D24" s="191">
        <v>0</v>
      </c>
      <c r="E24" s="196">
        <v>0</v>
      </c>
      <c r="F24" s="193">
        <v>0</v>
      </c>
      <c r="G24" s="191">
        <v>49</v>
      </c>
      <c r="H24" s="191">
        <v>53</v>
      </c>
      <c r="I24" s="191">
        <v>2</v>
      </c>
      <c r="J24" s="191">
        <v>0</v>
      </c>
      <c r="K24" s="191">
        <v>2</v>
      </c>
      <c r="L24" s="196">
        <v>106</v>
      </c>
      <c r="M24" s="195">
        <v>106</v>
      </c>
      <c r="N24" s="191">
        <v>0</v>
      </c>
      <c r="O24" s="191">
        <v>0</v>
      </c>
      <c r="P24" s="196">
        <v>0</v>
      </c>
      <c r="Q24" s="193">
        <v>0</v>
      </c>
      <c r="R24" s="191">
        <v>0</v>
      </c>
      <c r="S24" s="191">
        <v>0</v>
      </c>
      <c r="T24" s="191">
        <v>0</v>
      </c>
      <c r="U24" s="191">
        <v>0</v>
      </c>
      <c r="V24" s="191">
        <v>0</v>
      </c>
      <c r="W24" s="196">
        <v>0</v>
      </c>
      <c r="X24" s="195">
        <v>0</v>
      </c>
    </row>
    <row r="25" spans="2:24" ht="21" customHeight="1" x14ac:dyDescent="0.2">
      <c r="B25" s="106" t="s">
        <v>23</v>
      </c>
      <c r="C25" s="191">
        <v>0</v>
      </c>
      <c r="D25" s="191">
        <v>0</v>
      </c>
      <c r="E25" s="196">
        <v>0</v>
      </c>
      <c r="F25" s="193">
        <v>0</v>
      </c>
      <c r="G25" s="191">
        <v>32</v>
      </c>
      <c r="H25" s="191">
        <v>18</v>
      </c>
      <c r="I25" s="191">
        <v>13</v>
      </c>
      <c r="J25" s="191">
        <v>0</v>
      </c>
      <c r="K25" s="191">
        <v>0</v>
      </c>
      <c r="L25" s="196">
        <v>63</v>
      </c>
      <c r="M25" s="195">
        <v>63</v>
      </c>
      <c r="N25" s="191">
        <v>0</v>
      </c>
      <c r="O25" s="191">
        <v>0</v>
      </c>
      <c r="P25" s="196">
        <v>0</v>
      </c>
      <c r="Q25" s="193">
        <v>0</v>
      </c>
      <c r="R25" s="191">
        <v>0</v>
      </c>
      <c r="S25" s="191">
        <v>0</v>
      </c>
      <c r="T25" s="191">
        <v>0</v>
      </c>
      <c r="U25" s="191">
        <v>0</v>
      </c>
      <c r="V25" s="191">
        <v>0</v>
      </c>
      <c r="W25" s="196">
        <v>0</v>
      </c>
      <c r="X25" s="195">
        <v>0</v>
      </c>
    </row>
    <row r="26" spans="2:24" ht="21" customHeight="1" x14ac:dyDescent="0.2">
      <c r="B26" s="106" t="s">
        <v>24</v>
      </c>
      <c r="C26" s="191">
        <v>0</v>
      </c>
      <c r="D26" s="191">
        <v>0</v>
      </c>
      <c r="E26" s="196">
        <v>0</v>
      </c>
      <c r="F26" s="193">
        <v>0</v>
      </c>
      <c r="G26" s="191">
        <v>0</v>
      </c>
      <c r="H26" s="191">
        <v>0</v>
      </c>
      <c r="I26" s="191">
        <v>0</v>
      </c>
      <c r="J26" s="191">
        <v>29</v>
      </c>
      <c r="K26" s="191">
        <v>0</v>
      </c>
      <c r="L26" s="196">
        <v>29</v>
      </c>
      <c r="M26" s="195">
        <v>29</v>
      </c>
      <c r="N26" s="191">
        <v>0</v>
      </c>
      <c r="O26" s="191">
        <v>0</v>
      </c>
      <c r="P26" s="196">
        <v>0</v>
      </c>
      <c r="Q26" s="193">
        <v>0</v>
      </c>
      <c r="R26" s="191">
        <v>0</v>
      </c>
      <c r="S26" s="191">
        <v>0</v>
      </c>
      <c r="T26" s="191">
        <v>0</v>
      </c>
      <c r="U26" s="191">
        <v>0</v>
      </c>
      <c r="V26" s="191">
        <v>0</v>
      </c>
      <c r="W26" s="196">
        <v>0</v>
      </c>
      <c r="X26" s="195">
        <v>0</v>
      </c>
    </row>
    <row r="27" spans="2:24" ht="21" customHeight="1" x14ac:dyDescent="0.2">
      <c r="B27" s="106" t="s">
        <v>25</v>
      </c>
      <c r="C27" s="191">
        <v>0</v>
      </c>
      <c r="D27" s="191">
        <v>0</v>
      </c>
      <c r="E27" s="196">
        <v>0</v>
      </c>
      <c r="F27" s="193">
        <v>0</v>
      </c>
      <c r="G27" s="191">
        <v>26</v>
      </c>
      <c r="H27" s="191">
        <v>15</v>
      </c>
      <c r="I27" s="191">
        <v>0</v>
      </c>
      <c r="J27" s="191">
        <v>9</v>
      </c>
      <c r="K27" s="191">
        <v>0</v>
      </c>
      <c r="L27" s="196">
        <v>50</v>
      </c>
      <c r="M27" s="195">
        <v>50</v>
      </c>
      <c r="N27" s="191">
        <v>0</v>
      </c>
      <c r="O27" s="191">
        <v>0</v>
      </c>
      <c r="P27" s="196">
        <v>0</v>
      </c>
      <c r="Q27" s="193">
        <v>0</v>
      </c>
      <c r="R27" s="191">
        <v>0</v>
      </c>
      <c r="S27" s="191">
        <v>0</v>
      </c>
      <c r="T27" s="191">
        <v>0</v>
      </c>
      <c r="U27" s="191">
        <v>0</v>
      </c>
      <c r="V27" s="191">
        <v>0</v>
      </c>
      <c r="W27" s="196">
        <v>0</v>
      </c>
      <c r="X27" s="195">
        <v>0</v>
      </c>
    </row>
    <row r="28" spans="2:24" ht="21" customHeight="1" x14ac:dyDescent="0.2">
      <c r="B28" s="106" t="s">
        <v>26</v>
      </c>
      <c r="C28" s="191">
        <v>0</v>
      </c>
      <c r="D28" s="191">
        <v>0</v>
      </c>
      <c r="E28" s="196">
        <v>0</v>
      </c>
      <c r="F28" s="193">
        <v>0</v>
      </c>
      <c r="G28" s="191">
        <v>8</v>
      </c>
      <c r="H28" s="191">
        <v>6</v>
      </c>
      <c r="I28" s="191">
        <v>13</v>
      </c>
      <c r="J28" s="191">
        <v>0</v>
      </c>
      <c r="K28" s="191">
        <v>0</v>
      </c>
      <c r="L28" s="196">
        <v>27</v>
      </c>
      <c r="M28" s="195">
        <v>27</v>
      </c>
      <c r="N28" s="191">
        <v>0</v>
      </c>
      <c r="O28" s="191">
        <v>0</v>
      </c>
      <c r="P28" s="196">
        <v>0</v>
      </c>
      <c r="Q28" s="193">
        <v>0</v>
      </c>
      <c r="R28" s="191">
        <v>0</v>
      </c>
      <c r="S28" s="191">
        <v>0</v>
      </c>
      <c r="T28" s="191">
        <v>0</v>
      </c>
      <c r="U28" s="191">
        <v>0</v>
      </c>
      <c r="V28" s="191">
        <v>0</v>
      </c>
      <c r="W28" s="196">
        <v>0</v>
      </c>
      <c r="X28" s="195">
        <v>0</v>
      </c>
    </row>
    <row r="29" spans="2:24" ht="21" customHeight="1" x14ac:dyDescent="0.2">
      <c r="B29" s="106" t="s">
        <v>27</v>
      </c>
      <c r="C29" s="191">
        <v>0</v>
      </c>
      <c r="D29" s="191">
        <v>0</v>
      </c>
      <c r="E29" s="196">
        <v>0</v>
      </c>
      <c r="F29" s="193">
        <v>0</v>
      </c>
      <c r="G29" s="191">
        <v>25</v>
      </c>
      <c r="H29" s="191">
        <v>9</v>
      </c>
      <c r="I29" s="191">
        <v>4</v>
      </c>
      <c r="J29" s="191">
        <v>0</v>
      </c>
      <c r="K29" s="191">
        <v>0</v>
      </c>
      <c r="L29" s="196">
        <v>38</v>
      </c>
      <c r="M29" s="195">
        <v>38</v>
      </c>
      <c r="N29" s="191">
        <v>0</v>
      </c>
      <c r="O29" s="191">
        <v>0</v>
      </c>
      <c r="P29" s="196">
        <v>0</v>
      </c>
      <c r="Q29" s="193">
        <v>0</v>
      </c>
      <c r="R29" s="191">
        <v>18</v>
      </c>
      <c r="S29" s="191">
        <v>5</v>
      </c>
      <c r="T29" s="191">
        <v>0</v>
      </c>
      <c r="U29" s="191">
        <v>0</v>
      </c>
      <c r="V29" s="191">
        <v>0</v>
      </c>
      <c r="W29" s="196">
        <v>23</v>
      </c>
      <c r="X29" s="195">
        <v>23</v>
      </c>
    </row>
    <row r="30" spans="2:24" ht="21" customHeight="1" x14ac:dyDescent="0.2">
      <c r="B30" s="106" t="s">
        <v>28</v>
      </c>
      <c r="C30" s="191">
        <v>0</v>
      </c>
      <c r="D30" s="191">
        <v>0</v>
      </c>
      <c r="E30" s="196">
        <v>0</v>
      </c>
      <c r="F30" s="193">
        <v>0</v>
      </c>
      <c r="G30" s="191">
        <v>47</v>
      </c>
      <c r="H30" s="191">
        <v>7</v>
      </c>
      <c r="I30" s="191">
        <v>0</v>
      </c>
      <c r="J30" s="191">
        <v>0</v>
      </c>
      <c r="K30" s="191">
        <v>0</v>
      </c>
      <c r="L30" s="196">
        <v>54</v>
      </c>
      <c r="M30" s="195">
        <v>54</v>
      </c>
      <c r="N30" s="191">
        <v>0</v>
      </c>
      <c r="O30" s="191">
        <v>0</v>
      </c>
      <c r="P30" s="196">
        <v>0</v>
      </c>
      <c r="Q30" s="193">
        <v>0</v>
      </c>
      <c r="R30" s="191">
        <v>0</v>
      </c>
      <c r="S30" s="191">
        <v>0</v>
      </c>
      <c r="T30" s="191">
        <v>0</v>
      </c>
      <c r="U30" s="191">
        <v>0</v>
      </c>
      <c r="V30" s="191">
        <v>0</v>
      </c>
      <c r="W30" s="196">
        <v>0</v>
      </c>
      <c r="X30" s="195">
        <v>0</v>
      </c>
    </row>
    <row r="31" spans="2:24" ht="21" customHeight="1" x14ac:dyDescent="0.2">
      <c r="B31" s="106" t="s">
        <v>29</v>
      </c>
      <c r="C31" s="191">
        <v>0</v>
      </c>
      <c r="D31" s="191">
        <v>0</v>
      </c>
      <c r="E31" s="196">
        <v>0</v>
      </c>
      <c r="F31" s="193">
        <v>0</v>
      </c>
      <c r="G31" s="191">
        <v>0</v>
      </c>
      <c r="H31" s="191">
        <v>0</v>
      </c>
      <c r="I31" s="191">
        <v>5</v>
      </c>
      <c r="J31" s="191">
        <v>0</v>
      </c>
      <c r="K31" s="191">
        <v>0</v>
      </c>
      <c r="L31" s="196">
        <v>5</v>
      </c>
      <c r="M31" s="195">
        <v>5</v>
      </c>
      <c r="N31" s="191">
        <v>0</v>
      </c>
      <c r="O31" s="191">
        <v>0</v>
      </c>
      <c r="P31" s="196">
        <v>0</v>
      </c>
      <c r="Q31" s="193">
        <v>0</v>
      </c>
      <c r="R31" s="191">
        <v>0</v>
      </c>
      <c r="S31" s="191">
        <v>0</v>
      </c>
      <c r="T31" s="191">
        <v>0</v>
      </c>
      <c r="U31" s="191">
        <v>0</v>
      </c>
      <c r="V31" s="191">
        <v>0</v>
      </c>
      <c r="W31" s="196">
        <v>0</v>
      </c>
      <c r="X31" s="195">
        <v>0</v>
      </c>
    </row>
    <row r="32" spans="2:24" ht="21" customHeight="1" x14ac:dyDescent="0.2">
      <c r="B32" s="106" t="s">
        <v>30</v>
      </c>
      <c r="C32" s="191">
        <v>0</v>
      </c>
      <c r="D32" s="191">
        <v>0</v>
      </c>
      <c r="E32" s="196">
        <v>0</v>
      </c>
      <c r="F32" s="193">
        <v>0</v>
      </c>
      <c r="G32" s="191">
        <v>10</v>
      </c>
      <c r="H32" s="191">
        <v>0</v>
      </c>
      <c r="I32" s="191">
        <v>0</v>
      </c>
      <c r="J32" s="191">
        <v>2</v>
      </c>
      <c r="K32" s="191">
        <v>0</v>
      </c>
      <c r="L32" s="196">
        <v>12</v>
      </c>
      <c r="M32" s="195">
        <v>12</v>
      </c>
      <c r="N32" s="191">
        <v>0</v>
      </c>
      <c r="O32" s="191">
        <v>0</v>
      </c>
      <c r="P32" s="196">
        <v>0</v>
      </c>
      <c r="Q32" s="193">
        <v>0</v>
      </c>
      <c r="R32" s="191">
        <v>0</v>
      </c>
      <c r="S32" s="191">
        <v>3</v>
      </c>
      <c r="T32" s="191">
        <v>0</v>
      </c>
      <c r="U32" s="191">
        <v>0</v>
      </c>
      <c r="V32" s="191">
        <v>0</v>
      </c>
      <c r="W32" s="196">
        <v>3</v>
      </c>
      <c r="X32" s="195">
        <v>3</v>
      </c>
    </row>
    <row r="33" spans="2:24" ht="21" customHeight="1" x14ac:dyDescent="0.2">
      <c r="B33" s="106" t="s">
        <v>31</v>
      </c>
      <c r="C33" s="191">
        <v>0</v>
      </c>
      <c r="D33" s="191">
        <v>0</v>
      </c>
      <c r="E33" s="196">
        <v>0</v>
      </c>
      <c r="F33" s="193">
        <v>0</v>
      </c>
      <c r="G33" s="191">
        <v>23</v>
      </c>
      <c r="H33" s="191">
        <v>0</v>
      </c>
      <c r="I33" s="191">
        <v>0</v>
      </c>
      <c r="J33" s="191">
        <v>0</v>
      </c>
      <c r="K33" s="191">
        <v>0</v>
      </c>
      <c r="L33" s="196">
        <v>23</v>
      </c>
      <c r="M33" s="195">
        <v>23</v>
      </c>
      <c r="N33" s="191">
        <v>0</v>
      </c>
      <c r="O33" s="191">
        <v>0</v>
      </c>
      <c r="P33" s="196">
        <v>0</v>
      </c>
      <c r="Q33" s="193">
        <v>0</v>
      </c>
      <c r="R33" s="191">
        <v>0</v>
      </c>
      <c r="S33" s="191">
        <v>0</v>
      </c>
      <c r="T33" s="191">
        <v>0</v>
      </c>
      <c r="U33" s="191">
        <v>0</v>
      </c>
      <c r="V33" s="191">
        <v>0</v>
      </c>
      <c r="W33" s="196">
        <v>0</v>
      </c>
      <c r="X33" s="195">
        <v>0</v>
      </c>
    </row>
    <row r="34" spans="2:24" ht="21" customHeight="1" x14ac:dyDescent="0.2">
      <c r="B34" s="106" t="s">
        <v>32</v>
      </c>
      <c r="C34" s="191">
        <v>0</v>
      </c>
      <c r="D34" s="191">
        <v>0</v>
      </c>
      <c r="E34" s="196">
        <v>0</v>
      </c>
      <c r="F34" s="193">
        <v>0</v>
      </c>
      <c r="G34" s="191">
        <v>16</v>
      </c>
      <c r="H34" s="191">
        <v>9</v>
      </c>
      <c r="I34" s="191">
        <v>0</v>
      </c>
      <c r="J34" s="191">
        <v>0</v>
      </c>
      <c r="K34" s="191">
        <v>0</v>
      </c>
      <c r="L34" s="196">
        <v>25</v>
      </c>
      <c r="M34" s="195">
        <v>25</v>
      </c>
      <c r="N34" s="191">
        <v>0</v>
      </c>
      <c r="O34" s="191">
        <v>0</v>
      </c>
      <c r="P34" s="196">
        <v>0</v>
      </c>
      <c r="Q34" s="193">
        <v>0</v>
      </c>
      <c r="R34" s="191">
        <v>13</v>
      </c>
      <c r="S34" s="191">
        <v>0</v>
      </c>
      <c r="T34" s="191">
        <v>25</v>
      </c>
      <c r="U34" s="191">
        <v>0</v>
      </c>
      <c r="V34" s="191">
        <v>0</v>
      </c>
      <c r="W34" s="196">
        <v>38</v>
      </c>
      <c r="X34" s="195">
        <v>38</v>
      </c>
    </row>
    <row r="35" spans="2:24" ht="21" customHeight="1" x14ac:dyDescent="0.2">
      <c r="B35" s="106" t="s">
        <v>33</v>
      </c>
      <c r="C35" s="191">
        <v>0</v>
      </c>
      <c r="D35" s="191">
        <v>0</v>
      </c>
      <c r="E35" s="196">
        <v>0</v>
      </c>
      <c r="F35" s="193">
        <v>0</v>
      </c>
      <c r="G35" s="191">
        <v>7</v>
      </c>
      <c r="H35" s="191">
        <v>0</v>
      </c>
      <c r="I35" s="191">
        <v>8</v>
      </c>
      <c r="J35" s="191">
        <v>4</v>
      </c>
      <c r="K35" s="191">
        <v>0</v>
      </c>
      <c r="L35" s="196">
        <v>19</v>
      </c>
      <c r="M35" s="195">
        <v>19</v>
      </c>
      <c r="N35" s="191">
        <v>0</v>
      </c>
      <c r="O35" s="191">
        <v>0</v>
      </c>
      <c r="P35" s="196">
        <v>0</v>
      </c>
      <c r="Q35" s="193">
        <v>0</v>
      </c>
      <c r="R35" s="191">
        <v>0</v>
      </c>
      <c r="S35" s="191">
        <v>0</v>
      </c>
      <c r="T35" s="191">
        <v>0</v>
      </c>
      <c r="U35" s="191">
        <v>0</v>
      </c>
      <c r="V35" s="191">
        <v>0</v>
      </c>
      <c r="W35" s="196">
        <v>0</v>
      </c>
      <c r="X35" s="195">
        <v>0</v>
      </c>
    </row>
    <row r="36" spans="2:24" ht="21" customHeight="1" x14ac:dyDescent="0.2">
      <c r="B36" s="106" t="s">
        <v>34</v>
      </c>
      <c r="C36" s="191">
        <v>0</v>
      </c>
      <c r="D36" s="191">
        <v>0</v>
      </c>
      <c r="E36" s="196">
        <v>0</v>
      </c>
      <c r="F36" s="193">
        <v>0</v>
      </c>
      <c r="G36" s="191">
        <v>0</v>
      </c>
      <c r="H36" s="191">
        <v>0</v>
      </c>
      <c r="I36" s="191">
        <v>0</v>
      </c>
      <c r="J36" s="191">
        <v>0</v>
      </c>
      <c r="K36" s="191">
        <v>0</v>
      </c>
      <c r="L36" s="196">
        <v>0</v>
      </c>
      <c r="M36" s="195">
        <v>0</v>
      </c>
      <c r="N36" s="191">
        <v>0</v>
      </c>
      <c r="O36" s="191">
        <v>0</v>
      </c>
      <c r="P36" s="196">
        <v>0</v>
      </c>
      <c r="Q36" s="193">
        <v>0</v>
      </c>
      <c r="R36" s="191">
        <v>0</v>
      </c>
      <c r="S36" s="191">
        <v>0</v>
      </c>
      <c r="T36" s="191">
        <v>0</v>
      </c>
      <c r="U36" s="191">
        <v>0</v>
      </c>
      <c r="V36" s="191">
        <v>0</v>
      </c>
      <c r="W36" s="196">
        <v>0</v>
      </c>
      <c r="X36" s="195">
        <v>0</v>
      </c>
    </row>
    <row r="37" spans="2:24" ht="21" customHeight="1" x14ac:dyDescent="0.2">
      <c r="B37" s="106" t="s">
        <v>35</v>
      </c>
      <c r="C37" s="191">
        <v>0</v>
      </c>
      <c r="D37" s="191">
        <v>0</v>
      </c>
      <c r="E37" s="196">
        <v>0</v>
      </c>
      <c r="F37" s="193">
        <v>0</v>
      </c>
      <c r="G37" s="191">
        <v>4</v>
      </c>
      <c r="H37" s="191">
        <v>0</v>
      </c>
      <c r="I37" s="191">
        <v>0</v>
      </c>
      <c r="J37" s="191">
        <v>0</v>
      </c>
      <c r="K37" s="191">
        <v>0</v>
      </c>
      <c r="L37" s="196">
        <v>4</v>
      </c>
      <c r="M37" s="195">
        <v>4</v>
      </c>
      <c r="N37" s="191">
        <v>0</v>
      </c>
      <c r="O37" s="191">
        <v>0</v>
      </c>
      <c r="P37" s="196">
        <v>0</v>
      </c>
      <c r="Q37" s="193">
        <v>0</v>
      </c>
      <c r="R37" s="191">
        <v>0</v>
      </c>
      <c r="S37" s="191">
        <v>0</v>
      </c>
      <c r="T37" s="191">
        <v>0</v>
      </c>
      <c r="U37" s="191">
        <v>0</v>
      </c>
      <c r="V37" s="191">
        <v>0</v>
      </c>
      <c r="W37" s="196">
        <v>0</v>
      </c>
      <c r="X37" s="195">
        <v>0</v>
      </c>
    </row>
    <row r="38" spans="2:24" ht="21" customHeight="1" x14ac:dyDescent="0.2">
      <c r="B38" s="106" t="s">
        <v>36</v>
      </c>
      <c r="C38" s="191">
        <v>0</v>
      </c>
      <c r="D38" s="191">
        <v>0</v>
      </c>
      <c r="E38" s="196">
        <v>0</v>
      </c>
      <c r="F38" s="193">
        <v>0</v>
      </c>
      <c r="G38" s="191">
        <v>12</v>
      </c>
      <c r="H38" s="191">
        <v>0</v>
      </c>
      <c r="I38" s="191">
        <v>0</v>
      </c>
      <c r="J38" s="191">
        <v>0</v>
      </c>
      <c r="K38" s="191">
        <v>0</v>
      </c>
      <c r="L38" s="196">
        <v>12</v>
      </c>
      <c r="M38" s="195">
        <v>12</v>
      </c>
      <c r="N38" s="191">
        <v>0</v>
      </c>
      <c r="O38" s="191">
        <v>0</v>
      </c>
      <c r="P38" s="196">
        <v>0</v>
      </c>
      <c r="Q38" s="193">
        <v>0</v>
      </c>
      <c r="R38" s="191">
        <v>0</v>
      </c>
      <c r="S38" s="191">
        <v>0</v>
      </c>
      <c r="T38" s="191">
        <v>0</v>
      </c>
      <c r="U38" s="191">
        <v>0</v>
      </c>
      <c r="V38" s="191">
        <v>0</v>
      </c>
      <c r="W38" s="196">
        <v>0</v>
      </c>
      <c r="X38" s="195">
        <v>0</v>
      </c>
    </row>
    <row r="39" spans="2:24" ht="21" customHeight="1" thickBot="1" x14ac:dyDescent="0.25">
      <c r="B39" s="108" t="s">
        <v>37</v>
      </c>
      <c r="C39" s="198">
        <v>0</v>
      </c>
      <c r="D39" s="198">
        <v>0</v>
      </c>
      <c r="E39" s="203">
        <v>0</v>
      </c>
      <c r="F39" s="200">
        <v>0</v>
      </c>
      <c r="G39" s="198">
        <v>0</v>
      </c>
      <c r="H39" s="198">
        <v>0</v>
      </c>
      <c r="I39" s="198">
        <v>0</v>
      </c>
      <c r="J39" s="198">
        <v>0</v>
      </c>
      <c r="K39" s="198">
        <v>8</v>
      </c>
      <c r="L39" s="203">
        <v>8</v>
      </c>
      <c r="M39" s="202">
        <v>8</v>
      </c>
      <c r="N39" s="198">
        <v>0</v>
      </c>
      <c r="O39" s="198">
        <v>0</v>
      </c>
      <c r="P39" s="203">
        <v>0</v>
      </c>
      <c r="Q39" s="200">
        <v>0</v>
      </c>
      <c r="R39" s="198">
        <v>0</v>
      </c>
      <c r="S39" s="198">
        <v>0</v>
      </c>
      <c r="T39" s="198">
        <v>0</v>
      </c>
      <c r="U39" s="198">
        <v>0</v>
      </c>
      <c r="V39" s="198">
        <v>0</v>
      </c>
      <c r="W39" s="203">
        <v>0</v>
      </c>
      <c r="X39" s="202">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9" style="71" customWidth="1"/>
    <col min="4" max="4" width="8.109375" style="71" customWidth="1"/>
    <col min="5" max="5" width="10.109375" style="71" bestFit="1" customWidth="1"/>
    <col min="6" max="6" width="9" style="71"/>
    <col min="7" max="8" width="9" style="71" customWidth="1"/>
    <col min="9" max="9" width="9" style="71"/>
    <col min="10" max="10" width="9.6640625" style="71" bestFit="1" customWidth="1"/>
    <col min="11" max="11" width="9" style="71"/>
    <col min="12" max="12" width="9.6640625" style="71" customWidth="1"/>
    <col min="13" max="15" width="8.109375" style="71" customWidth="1"/>
    <col min="16" max="21" width="9.21875" style="71" customWidth="1"/>
    <col min="22" max="22" width="7.77734375" style="71" customWidth="1"/>
    <col min="23" max="25" width="8.33203125" style="71" customWidth="1"/>
    <col min="26" max="30" width="8.44140625" style="71" customWidth="1"/>
    <col min="31" max="32" width="7.109375" style="71" customWidth="1"/>
    <col min="33" max="42" width="8.77734375" style="71" customWidth="1"/>
    <col min="43" max="52" width="8.44140625" style="71" customWidth="1"/>
    <col min="53" max="132" width="9.6640625" style="71" customWidth="1"/>
    <col min="133" max="16384" width="9" style="71"/>
  </cols>
  <sheetData>
    <row r="1" spans="2:133" ht="24" customHeight="1" x14ac:dyDescent="0.2">
      <c r="B1" s="10" t="s">
        <v>56</v>
      </c>
      <c r="F1" s="442">
        <f>第１表!F2</f>
        <v>6</v>
      </c>
      <c r="G1" s="442"/>
      <c r="H1" s="18">
        <f>第１表!G2</f>
        <v>11</v>
      </c>
      <c r="I1" s="447">
        <f>IF(H1&lt;3,H1-2+12,H1-2)</f>
        <v>9</v>
      </c>
      <c r="J1" s="447"/>
    </row>
    <row r="2" spans="2:133" ht="24" customHeight="1" thickBot="1" x14ac:dyDescent="0.25"/>
    <row r="3" spans="2:133" ht="21" customHeight="1" thickBot="1" x14ac:dyDescent="0.25">
      <c r="B3" s="504"/>
      <c r="C3" s="507" t="s">
        <v>57</v>
      </c>
      <c r="D3" s="508"/>
      <c r="E3" s="508"/>
      <c r="F3" s="508"/>
      <c r="G3" s="508"/>
      <c r="H3" s="508"/>
      <c r="I3" s="508"/>
      <c r="J3" s="508"/>
      <c r="K3" s="508"/>
      <c r="L3" s="508"/>
      <c r="M3" s="508"/>
      <c r="N3" s="508"/>
      <c r="O3" s="508"/>
      <c r="P3" s="508"/>
      <c r="Q3" s="508"/>
      <c r="R3" s="508"/>
      <c r="S3" s="508"/>
      <c r="T3" s="508"/>
      <c r="U3" s="508"/>
      <c r="V3" s="508"/>
      <c r="W3" s="508"/>
      <c r="X3" s="508"/>
      <c r="Y3" s="508"/>
      <c r="Z3" s="508"/>
      <c r="AA3" s="508"/>
      <c r="AB3" s="508"/>
      <c r="AC3" s="508"/>
      <c r="AD3" s="508"/>
      <c r="AE3" s="508"/>
      <c r="AF3" s="509"/>
      <c r="AG3" s="507" t="s">
        <v>58</v>
      </c>
      <c r="AH3" s="510"/>
      <c r="AI3" s="510"/>
      <c r="AJ3" s="510"/>
      <c r="AK3" s="510"/>
      <c r="AL3" s="510"/>
      <c r="AM3" s="510"/>
      <c r="AN3" s="510"/>
      <c r="AO3" s="510"/>
      <c r="AP3" s="510"/>
      <c r="AQ3" s="510"/>
      <c r="AR3" s="510"/>
      <c r="AS3" s="510"/>
      <c r="AT3" s="510"/>
      <c r="AU3" s="510"/>
      <c r="AV3" s="510"/>
      <c r="AW3" s="510"/>
      <c r="AX3" s="510"/>
      <c r="AY3" s="510"/>
      <c r="AZ3" s="510"/>
      <c r="BA3" s="510"/>
      <c r="BB3" s="510"/>
      <c r="BC3" s="510"/>
      <c r="BD3" s="510"/>
      <c r="BE3" s="510"/>
      <c r="BF3" s="510"/>
      <c r="BG3" s="510"/>
      <c r="BH3" s="510"/>
      <c r="BI3" s="510"/>
      <c r="BJ3" s="511"/>
      <c r="BK3" s="507" t="s">
        <v>59</v>
      </c>
      <c r="BL3" s="508"/>
      <c r="BM3" s="508"/>
      <c r="BN3" s="508"/>
      <c r="BO3" s="508"/>
      <c r="BP3" s="508"/>
      <c r="BQ3" s="508"/>
      <c r="BR3" s="508"/>
      <c r="BS3" s="508"/>
      <c r="BT3" s="508"/>
      <c r="BU3" s="508"/>
      <c r="BV3" s="508"/>
      <c r="BW3" s="508"/>
      <c r="BX3" s="508"/>
      <c r="BY3" s="508"/>
      <c r="BZ3" s="508"/>
      <c r="CA3" s="508"/>
      <c r="CB3" s="508"/>
      <c r="CC3" s="508"/>
      <c r="CD3" s="508"/>
      <c r="CE3" s="508"/>
      <c r="CF3" s="508"/>
      <c r="CG3" s="508"/>
      <c r="CH3" s="508"/>
      <c r="CI3" s="508"/>
      <c r="CJ3" s="508"/>
      <c r="CK3" s="508"/>
      <c r="CL3" s="508"/>
      <c r="CM3" s="508"/>
      <c r="CN3" s="509"/>
      <c r="CO3" s="507" t="s">
        <v>148</v>
      </c>
      <c r="CP3" s="508"/>
      <c r="CQ3" s="508"/>
      <c r="CR3" s="508"/>
      <c r="CS3" s="508"/>
      <c r="CT3" s="508"/>
      <c r="CU3" s="508"/>
      <c r="CV3" s="508"/>
      <c r="CW3" s="508"/>
      <c r="CX3" s="508"/>
      <c r="CY3" s="508"/>
      <c r="CZ3" s="508"/>
      <c r="DA3" s="508"/>
      <c r="DB3" s="508"/>
      <c r="DC3" s="508"/>
      <c r="DD3" s="508"/>
      <c r="DE3" s="508"/>
      <c r="DF3" s="508"/>
      <c r="DG3" s="508"/>
      <c r="DH3" s="508"/>
      <c r="DI3" s="508"/>
      <c r="DJ3" s="508"/>
      <c r="DK3" s="508"/>
      <c r="DL3" s="508"/>
      <c r="DM3" s="508"/>
      <c r="DN3" s="508"/>
      <c r="DO3" s="508"/>
      <c r="DP3" s="508"/>
      <c r="DQ3" s="508"/>
      <c r="DR3" s="509"/>
      <c r="DS3" s="425" t="s">
        <v>60</v>
      </c>
      <c r="DT3" s="426"/>
      <c r="DU3" s="426"/>
      <c r="DV3" s="426"/>
      <c r="DW3" s="426"/>
      <c r="DX3" s="426"/>
      <c r="DY3" s="426"/>
      <c r="DZ3" s="426"/>
      <c r="EA3" s="426"/>
      <c r="EB3" s="427"/>
    </row>
    <row r="4" spans="2:133" ht="21" customHeight="1" thickBot="1" x14ac:dyDescent="0.25">
      <c r="B4" s="505"/>
      <c r="C4" s="431"/>
      <c r="D4" s="432"/>
      <c r="E4" s="432"/>
      <c r="F4" s="432"/>
      <c r="G4" s="432"/>
      <c r="H4" s="432"/>
      <c r="I4" s="432"/>
      <c r="J4" s="432"/>
      <c r="K4" s="432"/>
      <c r="L4" s="432"/>
      <c r="M4" s="434" t="s">
        <v>39</v>
      </c>
      <c r="N4" s="435"/>
      <c r="O4" s="435"/>
      <c r="P4" s="435"/>
      <c r="Q4" s="435"/>
      <c r="R4" s="435"/>
      <c r="S4" s="435"/>
      <c r="T4" s="435"/>
      <c r="U4" s="435"/>
      <c r="V4" s="436"/>
      <c r="W4" s="434" t="s">
        <v>40</v>
      </c>
      <c r="X4" s="435"/>
      <c r="Y4" s="435"/>
      <c r="Z4" s="435"/>
      <c r="AA4" s="435"/>
      <c r="AB4" s="435"/>
      <c r="AC4" s="435"/>
      <c r="AD4" s="435"/>
      <c r="AE4" s="435"/>
      <c r="AF4" s="436"/>
      <c r="AG4" s="431"/>
      <c r="AH4" s="432"/>
      <c r="AI4" s="432"/>
      <c r="AJ4" s="432"/>
      <c r="AK4" s="432"/>
      <c r="AL4" s="432"/>
      <c r="AM4" s="432"/>
      <c r="AN4" s="432"/>
      <c r="AO4" s="432"/>
      <c r="AP4" s="432"/>
      <c r="AQ4" s="434" t="s">
        <v>39</v>
      </c>
      <c r="AR4" s="435"/>
      <c r="AS4" s="435"/>
      <c r="AT4" s="435"/>
      <c r="AU4" s="435"/>
      <c r="AV4" s="435"/>
      <c r="AW4" s="435"/>
      <c r="AX4" s="435"/>
      <c r="AY4" s="435"/>
      <c r="AZ4" s="436"/>
      <c r="BA4" s="434" t="s">
        <v>40</v>
      </c>
      <c r="BB4" s="435"/>
      <c r="BC4" s="435"/>
      <c r="BD4" s="435"/>
      <c r="BE4" s="435"/>
      <c r="BF4" s="435"/>
      <c r="BG4" s="435"/>
      <c r="BH4" s="435"/>
      <c r="BI4" s="435"/>
      <c r="BJ4" s="436"/>
      <c r="BK4" s="431"/>
      <c r="BL4" s="432"/>
      <c r="BM4" s="432"/>
      <c r="BN4" s="432"/>
      <c r="BO4" s="432"/>
      <c r="BP4" s="432"/>
      <c r="BQ4" s="432"/>
      <c r="BR4" s="432"/>
      <c r="BS4" s="432"/>
      <c r="BT4" s="432"/>
      <c r="BU4" s="434" t="s">
        <v>39</v>
      </c>
      <c r="BV4" s="435"/>
      <c r="BW4" s="435"/>
      <c r="BX4" s="435"/>
      <c r="BY4" s="435"/>
      <c r="BZ4" s="435"/>
      <c r="CA4" s="435"/>
      <c r="CB4" s="435"/>
      <c r="CC4" s="435"/>
      <c r="CD4" s="436"/>
      <c r="CE4" s="434" t="s">
        <v>40</v>
      </c>
      <c r="CF4" s="435"/>
      <c r="CG4" s="435"/>
      <c r="CH4" s="435"/>
      <c r="CI4" s="435"/>
      <c r="CJ4" s="435"/>
      <c r="CK4" s="435"/>
      <c r="CL4" s="435"/>
      <c r="CM4" s="435"/>
      <c r="CN4" s="436"/>
      <c r="CO4" s="431"/>
      <c r="CP4" s="432"/>
      <c r="CQ4" s="432"/>
      <c r="CR4" s="432"/>
      <c r="CS4" s="432"/>
      <c r="CT4" s="432"/>
      <c r="CU4" s="432"/>
      <c r="CV4" s="432"/>
      <c r="CW4" s="432"/>
      <c r="CX4" s="432"/>
      <c r="CY4" s="434" t="s">
        <v>39</v>
      </c>
      <c r="CZ4" s="435"/>
      <c r="DA4" s="435"/>
      <c r="DB4" s="435"/>
      <c r="DC4" s="435"/>
      <c r="DD4" s="435"/>
      <c r="DE4" s="435"/>
      <c r="DF4" s="435"/>
      <c r="DG4" s="435"/>
      <c r="DH4" s="436"/>
      <c r="DI4" s="434" t="s">
        <v>40</v>
      </c>
      <c r="DJ4" s="435"/>
      <c r="DK4" s="435"/>
      <c r="DL4" s="435"/>
      <c r="DM4" s="435"/>
      <c r="DN4" s="435"/>
      <c r="DO4" s="435"/>
      <c r="DP4" s="435"/>
      <c r="DQ4" s="435"/>
      <c r="DR4" s="436"/>
      <c r="DS4" s="431"/>
      <c r="DT4" s="432"/>
      <c r="DU4" s="432"/>
      <c r="DV4" s="432"/>
      <c r="DW4" s="432"/>
      <c r="DX4" s="432"/>
      <c r="DY4" s="432"/>
      <c r="DZ4" s="432"/>
      <c r="EA4" s="432"/>
      <c r="EB4" s="433"/>
    </row>
    <row r="5" spans="2:133" ht="21" customHeight="1" x14ac:dyDescent="0.2">
      <c r="B5" s="506"/>
      <c r="C5" s="512" t="s">
        <v>61</v>
      </c>
      <c r="D5" s="513"/>
      <c r="E5" s="514"/>
      <c r="F5" s="515" t="s">
        <v>62</v>
      </c>
      <c r="G5" s="516"/>
      <c r="H5" s="516"/>
      <c r="I5" s="516"/>
      <c r="J5" s="516"/>
      <c r="K5" s="517"/>
      <c r="L5" s="527" t="s">
        <v>52</v>
      </c>
      <c r="M5" s="520" t="s">
        <v>61</v>
      </c>
      <c r="N5" s="521"/>
      <c r="O5" s="522"/>
      <c r="P5" s="523" t="s">
        <v>62</v>
      </c>
      <c r="Q5" s="432"/>
      <c r="R5" s="432"/>
      <c r="S5" s="432"/>
      <c r="T5" s="432"/>
      <c r="U5" s="524"/>
      <c r="V5" s="528" t="s">
        <v>52</v>
      </c>
      <c r="W5" s="529" t="s">
        <v>61</v>
      </c>
      <c r="X5" s="521"/>
      <c r="Y5" s="522"/>
      <c r="Z5" s="523" t="s">
        <v>62</v>
      </c>
      <c r="AA5" s="432"/>
      <c r="AB5" s="432"/>
      <c r="AC5" s="432"/>
      <c r="AD5" s="432"/>
      <c r="AE5" s="524"/>
      <c r="AF5" s="528" t="s">
        <v>52</v>
      </c>
      <c r="AG5" s="512" t="s">
        <v>61</v>
      </c>
      <c r="AH5" s="513"/>
      <c r="AI5" s="514"/>
      <c r="AJ5" s="515" t="s">
        <v>62</v>
      </c>
      <c r="AK5" s="516"/>
      <c r="AL5" s="516"/>
      <c r="AM5" s="516"/>
      <c r="AN5" s="516"/>
      <c r="AO5" s="517"/>
      <c r="AP5" s="518" t="s">
        <v>52</v>
      </c>
      <c r="AQ5" s="520" t="s">
        <v>61</v>
      </c>
      <c r="AR5" s="521"/>
      <c r="AS5" s="522"/>
      <c r="AT5" s="523" t="s">
        <v>62</v>
      </c>
      <c r="AU5" s="432"/>
      <c r="AV5" s="432"/>
      <c r="AW5" s="432"/>
      <c r="AX5" s="432"/>
      <c r="AY5" s="524"/>
      <c r="AZ5" s="525" t="s">
        <v>52</v>
      </c>
      <c r="BA5" s="520" t="s">
        <v>61</v>
      </c>
      <c r="BB5" s="521"/>
      <c r="BC5" s="522"/>
      <c r="BD5" s="523" t="s">
        <v>62</v>
      </c>
      <c r="BE5" s="432"/>
      <c r="BF5" s="432"/>
      <c r="BG5" s="432"/>
      <c r="BH5" s="432"/>
      <c r="BI5" s="524"/>
      <c r="BJ5" s="528" t="s">
        <v>52</v>
      </c>
      <c r="BK5" s="512" t="s">
        <v>61</v>
      </c>
      <c r="BL5" s="513"/>
      <c r="BM5" s="514"/>
      <c r="BN5" s="515" t="s">
        <v>62</v>
      </c>
      <c r="BO5" s="516"/>
      <c r="BP5" s="516"/>
      <c r="BQ5" s="516"/>
      <c r="BR5" s="516"/>
      <c r="BS5" s="517"/>
      <c r="BT5" s="527" t="s">
        <v>52</v>
      </c>
      <c r="BU5" s="520" t="s">
        <v>61</v>
      </c>
      <c r="BV5" s="521"/>
      <c r="BW5" s="522"/>
      <c r="BX5" s="523" t="s">
        <v>62</v>
      </c>
      <c r="BY5" s="432"/>
      <c r="BZ5" s="432"/>
      <c r="CA5" s="432"/>
      <c r="CB5" s="432"/>
      <c r="CC5" s="524"/>
      <c r="CD5" s="528" t="s">
        <v>52</v>
      </c>
      <c r="CE5" s="529" t="s">
        <v>61</v>
      </c>
      <c r="CF5" s="521"/>
      <c r="CG5" s="522"/>
      <c r="CH5" s="523" t="s">
        <v>62</v>
      </c>
      <c r="CI5" s="432"/>
      <c r="CJ5" s="432"/>
      <c r="CK5" s="432"/>
      <c r="CL5" s="432"/>
      <c r="CM5" s="524"/>
      <c r="CN5" s="528" t="s">
        <v>52</v>
      </c>
      <c r="CO5" s="512" t="s">
        <v>61</v>
      </c>
      <c r="CP5" s="513"/>
      <c r="CQ5" s="514"/>
      <c r="CR5" s="515" t="s">
        <v>62</v>
      </c>
      <c r="CS5" s="516"/>
      <c r="CT5" s="516"/>
      <c r="CU5" s="516"/>
      <c r="CV5" s="516"/>
      <c r="CW5" s="517"/>
      <c r="CX5" s="527" t="s">
        <v>52</v>
      </c>
      <c r="CY5" s="520" t="s">
        <v>61</v>
      </c>
      <c r="CZ5" s="521"/>
      <c r="DA5" s="522"/>
      <c r="DB5" s="523" t="s">
        <v>62</v>
      </c>
      <c r="DC5" s="432"/>
      <c r="DD5" s="432"/>
      <c r="DE5" s="432"/>
      <c r="DF5" s="432"/>
      <c r="DG5" s="524"/>
      <c r="DH5" s="528" t="s">
        <v>52</v>
      </c>
      <c r="DI5" s="529" t="s">
        <v>61</v>
      </c>
      <c r="DJ5" s="521"/>
      <c r="DK5" s="522"/>
      <c r="DL5" s="523" t="s">
        <v>62</v>
      </c>
      <c r="DM5" s="432"/>
      <c r="DN5" s="432"/>
      <c r="DO5" s="432"/>
      <c r="DP5" s="432"/>
      <c r="DQ5" s="524"/>
      <c r="DR5" s="528" t="s">
        <v>52</v>
      </c>
      <c r="DS5" s="512" t="s">
        <v>61</v>
      </c>
      <c r="DT5" s="513"/>
      <c r="DU5" s="514"/>
      <c r="DV5" s="515" t="s">
        <v>62</v>
      </c>
      <c r="DW5" s="516"/>
      <c r="DX5" s="516"/>
      <c r="DY5" s="516"/>
      <c r="DZ5" s="516"/>
      <c r="EA5" s="517"/>
      <c r="EB5" s="518" t="s">
        <v>52</v>
      </c>
    </row>
    <row r="6" spans="2:133" ht="30" customHeight="1" thickBot="1" x14ac:dyDescent="0.25">
      <c r="B6" s="72" t="s">
        <v>42</v>
      </c>
      <c r="C6" s="229" t="s">
        <v>43</v>
      </c>
      <c r="D6" s="230" t="s">
        <v>44</v>
      </c>
      <c r="E6" s="230" t="s">
        <v>45</v>
      </c>
      <c r="F6" s="231" t="s">
        <v>47</v>
      </c>
      <c r="G6" s="232" t="s">
        <v>48</v>
      </c>
      <c r="H6" s="232" t="s">
        <v>49</v>
      </c>
      <c r="I6" s="233" t="s">
        <v>50</v>
      </c>
      <c r="J6" s="230" t="s">
        <v>51</v>
      </c>
      <c r="K6" s="234" t="s">
        <v>95</v>
      </c>
      <c r="L6" s="526"/>
      <c r="M6" s="229" t="s">
        <v>43</v>
      </c>
      <c r="N6" s="230" t="s">
        <v>44</v>
      </c>
      <c r="O6" s="234" t="s">
        <v>45</v>
      </c>
      <c r="P6" s="231" t="s">
        <v>47</v>
      </c>
      <c r="Q6" s="232" t="s">
        <v>48</v>
      </c>
      <c r="R6" s="232" t="s">
        <v>49</v>
      </c>
      <c r="S6" s="233" t="s">
        <v>50</v>
      </c>
      <c r="T6" s="230" t="s">
        <v>51</v>
      </c>
      <c r="U6" s="234" t="s">
        <v>45</v>
      </c>
      <c r="V6" s="519"/>
      <c r="W6" s="235" t="s">
        <v>43</v>
      </c>
      <c r="X6" s="230" t="s">
        <v>44</v>
      </c>
      <c r="Y6" s="234" t="s">
        <v>45</v>
      </c>
      <c r="Z6" s="235" t="s">
        <v>47</v>
      </c>
      <c r="AA6" s="232" t="s">
        <v>48</v>
      </c>
      <c r="AB6" s="232" t="s">
        <v>49</v>
      </c>
      <c r="AC6" s="233" t="s">
        <v>50</v>
      </c>
      <c r="AD6" s="230" t="s">
        <v>51</v>
      </c>
      <c r="AE6" s="234" t="s">
        <v>45</v>
      </c>
      <c r="AF6" s="519"/>
      <c r="AG6" s="229" t="s">
        <v>43</v>
      </c>
      <c r="AH6" s="230" t="s">
        <v>44</v>
      </c>
      <c r="AI6" s="234" t="s">
        <v>45</v>
      </c>
      <c r="AJ6" s="235" t="s">
        <v>47</v>
      </c>
      <c r="AK6" s="232" t="s">
        <v>48</v>
      </c>
      <c r="AL6" s="232" t="s">
        <v>49</v>
      </c>
      <c r="AM6" s="233" t="s">
        <v>50</v>
      </c>
      <c r="AN6" s="230" t="s">
        <v>51</v>
      </c>
      <c r="AO6" s="234" t="s">
        <v>45</v>
      </c>
      <c r="AP6" s="519"/>
      <c r="AQ6" s="229" t="s">
        <v>43</v>
      </c>
      <c r="AR6" s="230" t="s">
        <v>44</v>
      </c>
      <c r="AS6" s="234" t="s">
        <v>45</v>
      </c>
      <c r="AT6" s="231" t="s">
        <v>47</v>
      </c>
      <c r="AU6" s="232" t="s">
        <v>48</v>
      </c>
      <c r="AV6" s="232" t="s">
        <v>49</v>
      </c>
      <c r="AW6" s="233" t="s">
        <v>50</v>
      </c>
      <c r="AX6" s="230" t="s">
        <v>51</v>
      </c>
      <c r="AY6" s="234" t="s">
        <v>45</v>
      </c>
      <c r="AZ6" s="526"/>
      <c r="BA6" s="229" t="s">
        <v>43</v>
      </c>
      <c r="BB6" s="230" t="s">
        <v>44</v>
      </c>
      <c r="BC6" s="230" t="s">
        <v>45</v>
      </c>
      <c r="BD6" s="231" t="s">
        <v>47</v>
      </c>
      <c r="BE6" s="232" t="s">
        <v>48</v>
      </c>
      <c r="BF6" s="232" t="s">
        <v>49</v>
      </c>
      <c r="BG6" s="233" t="s">
        <v>50</v>
      </c>
      <c r="BH6" s="230" t="s">
        <v>51</v>
      </c>
      <c r="BI6" s="234" t="s">
        <v>45</v>
      </c>
      <c r="BJ6" s="519"/>
      <c r="BK6" s="229" t="s">
        <v>43</v>
      </c>
      <c r="BL6" s="230" t="s">
        <v>44</v>
      </c>
      <c r="BM6" s="230" t="s">
        <v>45</v>
      </c>
      <c r="BN6" s="231" t="s">
        <v>47</v>
      </c>
      <c r="BO6" s="232" t="s">
        <v>48</v>
      </c>
      <c r="BP6" s="232" t="s">
        <v>49</v>
      </c>
      <c r="BQ6" s="233" t="s">
        <v>50</v>
      </c>
      <c r="BR6" s="230" t="s">
        <v>51</v>
      </c>
      <c r="BS6" s="234" t="s">
        <v>45</v>
      </c>
      <c r="BT6" s="526"/>
      <c r="BU6" s="229" t="s">
        <v>43</v>
      </c>
      <c r="BV6" s="230" t="s">
        <v>44</v>
      </c>
      <c r="BW6" s="230" t="s">
        <v>45</v>
      </c>
      <c r="BX6" s="231" t="s">
        <v>47</v>
      </c>
      <c r="BY6" s="232" t="s">
        <v>48</v>
      </c>
      <c r="BZ6" s="232" t="s">
        <v>49</v>
      </c>
      <c r="CA6" s="233" t="s">
        <v>50</v>
      </c>
      <c r="CB6" s="230" t="s">
        <v>51</v>
      </c>
      <c r="CC6" s="234" t="s">
        <v>45</v>
      </c>
      <c r="CD6" s="519"/>
      <c r="CE6" s="235" t="s">
        <v>43</v>
      </c>
      <c r="CF6" s="230" t="s">
        <v>44</v>
      </c>
      <c r="CG6" s="230" t="s">
        <v>45</v>
      </c>
      <c r="CH6" s="231" t="s">
        <v>47</v>
      </c>
      <c r="CI6" s="232" t="s">
        <v>48</v>
      </c>
      <c r="CJ6" s="232" t="s">
        <v>49</v>
      </c>
      <c r="CK6" s="233" t="s">
        <v>50</v>
      </c>
      <c r="CL6" s="230" t="s">
        <v>51</v>
      </c>
      <c r="CM6" s="234" t="s">
        <v>45</v>
      </c>
      <c r="CN6" s="519"/>
      <c r="CO6" s="229" t="s">
        <v>43</v>
      </c>
      <c r="CP6" s="230" t="s">
        <v>44</v>
      </c>
      <c r="CQ6" s="230" t="s">
        <v>45</v>
      </c>
      <c r="CR6" s="231" t="s">
        <v>47</v>
      </c>
      <c r="CS6" s="232" t="s">
        <v>48</v>
      </c>
      <c r="CT6" s="232" t="s">
        <v>49</v>
      </c>
      <c r="CU6" s="233" t="s">
        <v>50</v>
      </c>
      <c r="CV6" s="230" t="s">
        <v>51</v>
      </c>
      <c r="CW6" s="234" t="s">
        <v>45</v>
      </c>
      <c r="CX6" s="526"/>
      <c r="CY6" s="229" t="s">
        <v>43</v>
      </c>
      <c r="CZ6" s="230" t="s">
        <v>44</v>
      </c>
      <c r="DA6" s="230" t="s">
        <v>45</v>
      </c>
      <c r="DB6" s="231" t="s">
        <v>47</v>
      </c>
      <c r="DC6" s="232" t="s">
        <v>48</v>
      </c>
      <c r="DD6" s="232" t="s">
        <v>49</v>
      </c>
      <c r="DE6" s="233" t="s">
        <v>50</v>
      </c>
      <c r="DF6" s="230" t="s">
        <v>51</v>
      </c>
      <c r="DG6" s="234" t="s">
        <v>45</v>
      </c>
      <c r="DH6" s="519"/>
      <c r="DI6" s="235" t="s">
        <v>43</v>
      </c>
      <c r="DJ6" s="230" t="s">
        <v>44</v>
      </c>
      <c r="DK6" s="230" t="s">
        <v>45</v>
      </c>
      <c r="DL6" s="231" t="s">
        <v>47</v>
      </c>
      <c r="DM6" s="232" t="s">
        <v>48</v>
      </c>
      <c r="DN6" s="232" t="s">
        <v>49</v>
      </c>
      <c r="DO6" s="233" t="s">
        <v>50</v>
      </c>
      <c r="DP6" s="230" t="s">
        <v>51</v>
      </c>
      <c r="DQ6" s="234" t="s">
        <v>45</v>
      </c>
      <c r="DR6" s="519"/>
      <c r="DS6" s="229" t="s">
        <v>43</v>
      </c>
      <c r="DT6" s="230" t="s">
        <v>44</v>
      </c>
      <c r="DU6" s="230" t="s">
        <v>45</v>
      </c>
      <c r="DV6" s="231" t="s">
        <v>47</v>
      </c>
      <c r="DW6" s="232" t="s">
        <v>48</v>
      </c>
      <c r="DX6" s="232" t="s">
        <v>49</v>
      </c>
      <c r="DY6" s="233" t="s">
        <v>50</v>
      </c>
      <c r="DZ6" s="230" t="s">
        <v>51</v>
      </c>
      <c r="EA6" s="234" t="s">
        <v>45</v>
      </c>
      <c r="EB6" s="519"/>
    </row>
    <row r="7" spans="2:133" ht="21" customHeight="1" x14ac:dyDescent="0.2">
      <c r="B7" s="84" t="s">
        <v>4</v>
      </c>
      <c r="C7" s="211">
        <v>0</v>
      </c>
      <c r="D7" s="213">
        <v>0</v>
      </c>
      <c r="E7" s="213">
        <v>0</v>
      </c>
      <c r="F7" s="214">
        <v>477</v>
      </c>
      <c r="G7" s="212">
        <v>1731</v>
      </c>
      <c r="H7" s="212">
        <v>10523</v>
      </c>
      <c r="I7" s="212">
        <v>15276</v>
      </c>
      <c r="J7" s="213">
        <v>9900</v>
      </c>
      <c r="K7" s="236">
        <v>37907</v>
      </c>
      <c r="L7" s="237">
        <v>37907</v>
      </c>
      <c r="M7" s="211">
        <v>0</v>
      </c>
      <c r="N7" s="213">
        <v>0</v>
      </c>
      <c r="O7" s="236">
        <v>0</v>
      </c>
      <c r="P7" s="214">
        <v>474</v>
      </c>
      <c r="Q7" s="212">
        <v>1716</v>
      </c>
      <c r="R7" s="212">
        <v>10449</v>
      </c>
      <c r="S7" s="212">
        <v>15141</v>
      </c>
      <c r="T7" s="213">
        <v>9753</v>
      </c>
      <c r="U7" s="236">
        <v>37533</v>
      </c>
      <c r="V7" s="238">
        <v>37533</v>
      </c>
      <c r="W7" s="216">
        <v>0</v>
      </c>
      <c r="X7" s="213">
        <v>0</v>
      </c>
      <c r="Y7" s="236">
        <v>0</v>
      </c>
      <c r="Z7" s="216">
        <v>3</v>
      </c>
      <c r="AA7" s="212">
        <v>15</v>
      </c>
      <c r="AB7" s="212">
        <v>74</v>
      </c>
      <c r="AC7" s="212">
        <v>135</v>
      </c>
      <c r="AD7" s="213">
        <v>147</v>
      </c>
      <c r="AE7" s="236">
        <v>374</v>
      </c>
      <c r="AF7" s="215">
        <v>374</v>
      </c>
      <c r="AG7" s="216">
        <v>0</v>
      </c>
      <c r="AH7" s="213">
        <v>0</v>
      </c>
      <c r="AI7" s="236">
        <v>0</v>
      </c>
      <c r="AJ7" s="216">
        <v>1649</v>
      </c>
      <c r="AK7" s="212">
        <v>3429</v>
      </c>
      <c r="AL7" s="212">
        <v>4842</v>
      </c>
      <c r="AM7" s="212">
        <v>5817</v>
      </c>
      <c r="AN7" s="213">
        <v>2971</v>
      </c>
      <c r="AO7" s="236">
        <v>18708</v>
      </c>
      <c r="AP7" s="215">
        <v>18708</v>
      </c>
      <c r="AQ7" s="216">
        <v>0</v>
      </c>
      <c r="AR7" s="213">
        <v>0</v>
      </c>
      <c r="AS7" s="236">
        <v>0</v>
      </c>
      <c r="AT7" s="214">
        <v>1630</v>
      </c>
      <c r="AU7" s="212">
        <v>3384</v>
      </c>
      <c r="AV7" s="212">
        <v>4757</v>
      </c>
      <c r="AW7" s="212">
        <v>5717</v>
      </c>
      <c r="AX7" s="213">
        <v>2894</v>
      </c>
      <c r="AY7" s="236">
        <v>18382</v>
      </c>
      <c r="AZ7" s="237">
        <v>18382</v>
      </c>
      <c r="BA7" s="211">
        <v>0</v>
      </c>
      <c r="BB7" s="213">
        <v>0</v>
      </c>
      <c r="BC7" s="213">
        <v>0</v>
      </c>
      <c r="BD7" s="214">
        <v>19</v>
      </c>
      <c r="BE7" s="212">
        <v>45</v>
      </c>
      <c r="BF7" s="212">
        <v>85</v>
      </c>
      <c r="BG7" s="212">
        <v>100</v>
      </c>
      <c r="BH7" s="213">
        <v>77</v>
      </c>
      <c r="BI7" s="236">
        <v>326</v>
      </c>
      <c r="BJ7" s="238">
        <v>326</v>
      </c>
      <c r="BK7" s="216">
        <v>0</v>
      </c>
      <c r="BL7" s="213">
        <v>0</v>
      </c>
      <c r="BM7" s="213">
        <v>0</v>
      </c>
      <c r="BN7" s="214">
        <v>0</v>
      </c>
      <c r="BO7" s="212">
        <v>0</v>
      </c>
      <c r="BP7" s="212">
        <v>0</v>
      </c>
      <c r="BQ7" s="212">
        <v>0</v>
      </c>
      <c r="BR7" s="213">
        <v>0</v>
      </c>
      <c r="BS7" s="236">
        <v>0</v>
      </c>
      <c r="BT7" s="237">
        <v>0</v>
      </c>
      <c r="BU7" s="211">
        <v>0</v>
      </c>
      <c r="BV7" s="213">
        <v>0</v>
      </c>
      <c r="BW7" s="213">
        <v>0</v>
      </c>
      <c r="BX7" s="214">
        <v>0</v>
      </c>
      <c r="BY7" s="212">
        <v>0</v>
      </c>
      <c r="BZ7" s="212">
        <v>0</v>
      </c>
      <c r="CA7" s="212">
        <v>0</v>
      </c>
      <c r="CB7" s="213">
        <v>0</v>
      </c>
      <c r="CC7" s="236">
        <v>0</v>
      </c>
      <c r="CD7" s="238">
        <v>0</v>
      </c>
      <c r="CE7" s="216">
        <v>0</v>
      </c>
      <c r="CF7" s="213">
        <v>0</v>
      </c>
      <c r="CG7" s="213">
        <v>0</v>
      </c>
      <c r="CH7" s="214">
        <v>0</v>
      </c>
      <c r="CI7" s="212">
        <v>0</v>
      </c>
      <c r="CJ7" s="212">
        <v>0</v>
      </c>
      <c r="CK7" s="212">
        <v>0</v>
      </c>
      <c r="CL7" s="213">
        <v>0</v>
      </c>
      <c r="CM7" s="236">
        <v>0</v>
      </c>
      <c r="CN7" s="238">
        <v>0</v>
      </c>
      <c r="CO7" s="216">
        <v>0</v>
      </c>
      <c r="CP7" s="213">
        <v>0</v>
      </c>
      <c r="CQ7" s="213">
        <v>0</v>
      </c>
      <c r="CR7" s="214">
        <v>17</v>
      </c>
      <c r="CS7" s="212">
        <v>19</v>
      </c>
      <c r="CT7" s="212">
        <v>61</v>
      </c>
      <c r="CU7" s="212">
        <v>372</v>
      </c>
      <c r="CV7" s="213">
        <v>522</v>
      </c>
      <c r="CW7" s="236">
        <v>991</v>
      </c>
      <c r="CX7" s="237">
        <v>991</v>
      </c>
      <c r="CY7" s="211">
        <v>0</v>
      </c>
      <c r="CZ7" s="213">
        <v>0</v>
      </c>
      <c r="DA7" s="213">
        <v>0</v>
      </c>
      <c r="DB7" s="214">
        <v>16</v>
      </c>
      <c r="DC7" s="212">
        <v>19</v>
      </c>
      <c r="DD7" s="212">
        <v>60</v>
      </c>
      <c r="DE7" s="212">
        <v>366</v>
      </c>
      <c r="DF7" s="213">
        <v>506</v>
      </c>
      <c r="DG7" s="236">
        <v>967</v>
      </c>
      <c r="DH7" s="238">
        <v>967</v>
      </c>
      <c r="DI7" s="216">
        <v>0</v>
      </c>
      <c r="DJ7" s="213">
        <v>0</v>
      </c>
      <c r="DK7" s="213">
        <v>0</v>
      </c>
      <c r="DL7" s="214">
        <v>1</v>
      </c>
      <c r="DM7" s="212">
        <v>0</v>
      </c>
      <c r="DN7" s="212">
        <v>1</v>
      </c>
      <c r="DO7" s="212">
        <v>6</v>
      </c>
      <c r="DP7" s="213">
        <v>16</v>
      </c>
      <c r="DQ7" s="236">
        <v>24</v>
      </c>
      <c r="DR7" s="238">
        <v>24</v>
      </c>
      <c r="DS7" s="216">
        <v>0</v>
      </c>
      <c r="DT7" s="213">
        <v>0</v>
      </c>
      <c r="DU7" s="213">
        <v>0</v>
      </c>
      <c r="DV7" s="214">
        <v>2143</v>
      </c>
      <c r="DW7" s="212">
        <v>5178</v>
      </c>
      <c r="DX7" s="212">
        <v>15417</v>
      </c>
      <c r="DY7" s="212">
        <v>21435</v>
      </c>
      <c r="DZ7" s="213">
        <v>13367</v>
      </c>
      <c r="EA7" s="236">
        <v>57540</v>
      </c>
      <c r="EB7" s="238">
        <v>57540</v>
      </c>
      <c r="EC7" s="239"/>
    </row>
    <row r="8" spans="2:133" ht="21" customHeight="1" x14ac:dyDescent="0.2">
      <c r="B8" s="95" t="s">
        <v>5</v>
      </c>
      <c r="C8" s="217">
        <v>0</v>
      </c>
      <c r="D8" s="219">
        <v>0</v>
      </c>
      <c r="E8" s="219">
        <v>0</v>
      </c>
      <c r="F8" s="220">
        <v>269</v>
      </c>
      <c r="G8" s="218">
        <v>1168</v>
      </c>
      <c r="H8" s="218">
        <v>4656</v>
      </c>
      <c r="I8" s="218">
        <v>6392</v>
      </c>
      <c r="J8" s="219">
        <v>4104</v>
      </c>
      <c r="K8" s="240">
        <v>16589</v>
      </c>
      <c r="L8" s="241">
        <v>16589</v>
      </c>
      <c r="M8" s="217">
        <v>0</v>
      </c>
      <c r="N8" s="219">
        <v>0</v>
      </c>
      <c r="O8" s="240">
        <v>0</v>
      </c>
      <c r="P8" s="220">
        <v>269</v>
      </c>
      <c r="Q8" s="218">
        <v>1159</v>
      </c>
      <c r="R8" s="218">
        <v>4620</v>
      </c>
      <c r="S8" s="218">
        <v>6337</v>
      </c>
      <c r="T8" s="219">
        <v>4026</v>
      </c>
      <c r="U8" s="240">
        <v>16411</v>
      </c>
      <c r="V8" s="242">
        <v>16411</v>
      </c>
      <c r="W8" s="222">
        <v>0</v>
      </c>
      <c r="X8" s="219">
        <v>0</v>
      </c>
      <c r="Y8" s="240">
        <v>0</v>
      </c>
      <c r="Z8" s="222">
        <v>0</v>
      </c>
      <c r="AA8" s="218">
        <v>9</v>
      </c>
      <c r="AB8" s="218">
        <v>36</v>
      </c>
      <c r="AC8" s="218">
        <v>55</v>
      </c>
      <c r="AD8" s="219">
        <v>78</v>
      </c>
      <c r="AE8" s="240">
        <v>178</v>
      </c>
      <c r="AF8" s="221">
        <v>178</v>
      </c>
      <c r="AG8" s="222">
        <v>0</v>
      </c>
      <c r="AH8" s="219">
        <v>0</v>
      </c>
      <c r="AI8" s="240">
        <v>0</v>
      </c>
      <c r="AJ8" s="222">
        <v>596</v>
      </c>
      <c r="AK8" s="218">
        <v>1568</v>
      </c>
      <c r="AL8" s="218">
        <v>2135</v>
      </c>
      <c r="AM8" s="218">
        <v>2647</v>
      </c>
      <c r="AN8" s="219">
        <v>1423</v>
      </c>
      <c r="AO8" s="240">
        <v>8369</v>
      </c>
      <c r="AP8" s="221">
        <v>8369</v>
      </c>
      <c r="AQ8" s="222">
        <v>0</v>
      </c>
      <c r="AR8" s="219">
        <v>0</v>
      </c>
      <c r="AS8" s="240">
        <v>0</v>
      </c>
      <c r="AT8" s="220">
        <v>592</v>
      </c>
      <c r="AU8" s="218">
        <v>1546</v>
      </c>
      <c r="AV8" s="218">
        <v>2110</v>
      </c>
      <c r="AW8" s="218">
        <v>2610</v>
      </c>
      <c r="AX8" s="219">
        <v>1393</v>
      </c>
      <c r="AY8" s="240">
        <v>8251</v>
      </c>
      <c r="AZ8" s="241">
        <v>8251</v>
      </c>
      <c r="BA8" s="217">
        <v>0</v>
      </c>
      <c r="BB8" s="219">
        <v>0</v>
      </c>
      <c r="BC8" s="219">
        <v>0</v>
      </c>
      <c r="BD8" s="220">
        <v>4</v>
      </c>
      <c r="BE8" s="218">
        <v>22</v>
      </c>
      <c r="BF8" s="218">
        <v>25</v>
      </c>
      <c r="BG8" s="218">
        <v>37</v>
      </c>
      <c r="BH8" s="219">
        <v>30</v>
      </c>
      <c r="BI8" s="240">
        <v>118</v>
      </c>
      <c r="BJ8" s="242">
        <v>118</v>
      </c>
      <c r="BK8" s="222">
        <v>0</v>
      </c>
      <c r="BL8" s="219">
        <v>0</v>
      </c>
      <c r="BM8" s="219">
        <v>0</v>
      </c>
      <c r="BN8" s="220">
        <v>0</v>
      </c>
      <c r="BO8" s="218">
        <v>0</v>
      </c>
      <c r="BP8" s="218">
        <v>0</v>
      </c>
      <c r="BQ8" s="218">
        <v>0</v>
      </c>
      <c r="BR8" s="219">
        <v>0</v>
      </c>
      <c r="BS8" s="240">
        <v>0</v>
      </c>
      <c r="BT8" s="241">
        <v>0</v>
      </c>
      <c r="BU8" s="217">
        <v>0</v>
      </c>
      <c r="BV8" s="219">
        <v>0</v>
      </c>
      <c r="BW8" s="219">
        <v>0</v>
      </c>
      <c r="BX8" s="220">
        <v>0</v>
      </c>
      <c r="BY8" s="218">
        <v>0</v>
      </c>
      <c r="BZ8" s="218">
        <v>0</v>
      </c>
      <c r="CA8" s="218">
        <v>0</v>
      </c>
      <c r="CB8" s="219">
        <v>0</v>
      </c>
      <c r="CC8" s="240">
        <v>0</v>
      </c>
      <c r="CD8" s="242">
        <v>0</v>
      </c>
      <c r="CE8" s="222">
        <v>0</v>
      </c>
      <c r="CF8" s="219">
        <v>0</v>
      </c>
      <c r="CG8" s="219">
        <v>0</v>
      </c>
      <c r="CH8" s="220">
        <v>0</v>
      </c>
      <c r="CI8" s="218">
        <v>0</v>
      </c>
      <c r="CJ8" s="218">
        <v>0</v>
      </c>
      <c r="CK8" s="218">
        <v>0</v>
      </c>
      <c r="CL8" s="219">
        <v>0</v>
      </c>
      <c r="CM8" s="240">
        <v>0</v>
      </c>
      <c r="CN8" s="242">
        <v>0</v>
      </c>
      <c r="CO8" s="222">
        <v>0</v>
      </c>
      <c r="CP8" s="219">
        <v>0</v>
      </c>
      <c r="CQ8" s="219">
        <v>0</v>
      </c>
      <c r="CR8" s="220">
        <v>2</v>
      </c>
      <c r="CS8" s="218">
        <v>3</v>
      </c>
      <c r="CT8" s="218">
        <v>12</v>
      </c>
      <c r="CU8" s="218">
        <v>101</v>
      </c>
      <c r="CV8" s="219">
        <v>132</v>
      </c>
      <c r="CW8" s="240">
        <v>250</v>
      </c>
      <c r="CX8" s="241">
        <v>250</v>
      </c>
      <c r="CY8" s="217">
        <v>0</v>
      </c>
      <c r="CZ8" s="219">
        <v>0</v>
      </c>
      <c r="DA8" s="219">
        <v>0</v>
      </c>
      <c r="DB8" s="220">
        <v>2</v>
      </c>
      <c r="DC8" s="218">
        <v>3</v>
      </c>
      <c r="DD8" s="218">
        <v>12</v>
      </c>
      <c r="DE8" s="218">
        <v>99</v>
      </c>
      <c r="DF8" s="219">
        <v>130</v>
      </c>
      <c r="DG8" s="240">
        <v>246</v>
      </c>
      <c r="DH8" s="242">
        <v>246</v>
      </c>
      <c r="DI8" s="222">
        <v>0</v>
      </c>
      <c r="DJ8" s="219">
        <v>0</v>
      </c>
      <c r="DK8" s="219">
        <v>0</v>
      </c>
      <c r="DL8" s="220">
        <v>0</v>
      </c>
      <c r="DM8" s="218">
        <v>0</v>
      </c>
      <c r="DN8" s="218">
        <v>0</v>
      </c>
      <c r="DO8" s="218">
        <v>2</v>
      </c>
      <c r="DP8" s="219">
        <v>2</v>
      </c>
      <c r="DQ8" s="240">
        <v>4</v>
      </c>
      <c r="DR8" s="242">
        <v>4</v>
      </c>
      <c r="DS8" s="222">
        <v>0</v>
      </c>
      <c r="DT8" s="219">
        <v>0</v>
      </c>
      <c r="DU8" s="219">
        <v>0</v>
      </c>
      <c r="DV8" s="220">
        <v>867</v>
      </c>
      <c r="DW8" s="218">
        <v>2739</v>
      </c>
      <c r="DX8" s="218">
        <v>6803</v>
      </c>
      <c r="DY8" s="218">
        <v>9140</v>
      </c>
      <c r="DZ8" s="219">
        <v>5659</v>
      </c>
      <c r="EA8" s="240">
        <v>25208</v>
      </c>
      <c r="EB8" s="242">
        <v>25208</v>
      </c>
      <c r="EC8" s="239"/>
    </row>
    <row r="9" spans="2:133" ht="21" customHeight="1" x14ac:dyDescent="0.2">
      <c r="B9" s="106" t="s">
        <v>6</v>
      </c>
      <c r="C9" s="217">
        <v>0</v>
      </c>
      <c r="D9" s="219">
        <v>0</v>
      </c>
      <c r="E9" s="219">
        <v>0</v>
      </c>
      <c r="F9" s="220">
        <v>92</v>
      </c>
      <c r="G9" s="218">
        <v>216</v>
      </c>
      <c r="H9" s="218">
        <v>1303</v>
      </c>
      <c r="I9" s="218">
        <v>1832</v>
      </c>
      <c r="J9" s="219">
        <v>1315</v>
      </c>
      <c r="K9" s="240">
        <v>4758</v>
      </c>
      <c r="L9" s="241">
        <v>4758</v>
      </c>
      <c r="M9" s="217">
        <v>0</v>
      </c>
      <c r="N9" s="219">
        <v>0</v>
      </c>
      <c r="O9" s="240">
        <v>0</v>
      </c>
      <c r="P9" s="220">
        <v>91</v>
      </c>
      <c r="Q9" s="218">
        <v>214</v>
      </c>
      <c r="R9" s="218">
        <v>1292</v>
      </c>
      <c r="S9" s="218">
        <v>1818</v>
      </c>
      <c r="T9" s="219">
        <v>1297</v>
      </c>
      <c r="U9" s="240">
        <v>4712</v>
      </c>
      <c r="V9" s="242">
        <v>4712</v>
      </c>
      <c r="W9" s="222">
        <v>0</v>
      </c>
      <c r="X9" s="219">
        <v>0</v>
      </c>
      <c r="Y9" s="240">
        <v>0</v>
      </c>
      <c r="Z9" s="222">
        <v>1</v>
      </c>
      <c r="AA9" s="218">
        <v>2</v>
      </c>
      <c r="AB9" s="218">
        <v>11</v>
      </c>
      <c r="AC9" s="218">
        <v>14</v>
      </c>
      <c r="AD9" s="219">
        <v>18</v>
      </c>
      <c r="AE9" s="240">
        <v>46</v>
      </c>
      <c r="AF9" s="221">
        <v>46</v>
      </c>
      <c r="AG9" s="222">
        <v>0</v>
      </c>
      <c r="AH9" s="219">
        <v>0</v>
      </c>
      <c r="AI9" s="240">
        <v>0</v>
      </c>
      <c r="AJ9" s="222">
        <v>228</v>
      </c>
      <c r="AK9" s="218">
        <v>339</v>
      </c>
      <c r="AL9" s="218">
        <v>542</v>
      </c>
      <c r="AM9" s="218">
        <v>638</v>
      </c>
      <c r="AN9" s="219">
        <v>352</v>
      </c>
      <c r="AO9" s="240">
        <v>2099</v>
      </c>
      <c r="AP9" s="221">
        <v>2099</v>
      </c>
      <c r="AQ9" s="222">
        <v>0</v>
      </c>
      <c r="AR9" s="219">
        <v>0</v>
      </c>
      <c r="AS9" s="240">
        <v>0</v>
      </c>
      <c r="AT9" s="220">
        <v>224</v>
      </c>
      <c r="AU9" s="218">
        <v>335</v>
      </c>
      <c r="AV9" s="218">
        <v>522</v>
      </c>
      <c r="AW9" s="218">
        <v>624</v>
      </c>
      <c r="AX9" s="219">
        <v>333</v>
      </c>
      <c r="AY9" s="240">
        <v>2038</v>
      </c>
      <c r="AZ9" s="241">
        <v>2038</v>
      </c>
      <c r="BA9" s="217">
        <v>0</v>
      </c>
      <c r="BB9" s="219">
        <v>0</v>
      </c>
      <c r="BC9" s="219">
        <v>0</v>
      </c>
      <c r="BD9" s="220">
        <v>4</v>
      </c>
      <c r="BE9" s="218">
        <v>4</v>
      </c>
      <c r="BF9" s="218">
        <v>20</v>
      </c>
      <c r="BG9" s="218">
        <v>14</v>
      </c>
      <c r="BH9" s="219">
        <v>19</v>
      </c>
      <c r="BI9" s="240">
        <v>61</v>
      </c>
      <c r="BJ9" s="242">
        <v>61</v>
      </c>
      <c r="BK9" s="222">
        <v>0</v>
      </c>
      <c r="BL9" s="219">
        <v>0</v>
      </c>
      <c r="BM9" s="219">
        <v>0</v>
      </c>
      <c r="BN9" s="220">
        <v>0</v>
      </c>
      <c r="BO9" s="218">
        <v>0</v>
      </c>
      <c r="BP9" s="218">
        <v>0</v>
      </c>
      <c r="BQ9" s="218">
        <v>0</v>
      </c>
      <c r="BR9" s="219">
        <v>0</v>
      </c>
      <c r="BS9" s="240">
        <v>0</v>
      </c>
      <c r="BT9" s="241">
        <v>0</v>
      </c>
      <c r="BU9" s="217">
        <v>0</v>
      </c>
      <c r="BV9" s="219">
        <v>0</v>
      </c>
      <c r="BW9" s="219">
        <v>0</v>
      </c>
      <c r="BX9" s="220">
        <v>0</v>
      </c>
      <c r="BY9" s="218">
        <v>0</v>
      </c>
      <c r="BZ9" s="218">
        <v>0</v>
      </c>
      <c r="CA9" s="218">
        <v>0</v>
      </c>
      <c r="CB9" s="219">
        <v>0</v>
      </c>
      <c r="CC9" s="240">
        <v>0</v>
      </c>
      <c r="CD9" s="242">
        <v>0</v>
      </c>
      <c r="CE9" s="222">
        <v>0</v>
      </c>
      <c r="CF9" s="219">
        <v>0</v>
      </c>
      <c r="CG9" s="219">
        <v>0</v>
      </c>
      <c r="CH9" s="220">
        <v>0</v>
      </c>
      <c r="CI9" s="218">
        <v>0</v>
      </c>
      <c r="CJ9" s="218">
        <v>0</v>
      </c>
      <c r="CK9" s="218">
        <v>0</v>
      </c>
      <c r="CL9" s="219">
        <v>0</v>
      </c>
      <c r="CM9" s="240">
        <v>0</v>
      </c>
      <c r="CN9" s="242">
        <v>0</v>
      </c>
      <c r="CO9" s="222">
        <v>0</v>
      </c>
      <c r="CP9" s="219">
        <v>0</v>
      </c>
      <c r="CQ9" s="219">
        <v>0</v>
      </c>
      <c r="CR9" s="220">
        <v>0</v>
      </c>
      <c r="CS9" s="218">
        <v>1</v>
      </c>
      <c r="CT9" s="218">
        <v>1</v>
      </c>
      <c r="CU9" s="218">
        <v>39</v>
      </c>
      <c r="CV9" s="219">
        <v>63</v>
      </c>
      <c r="CW9" s="240">
        <v>104</v>
      </c>
      <c r="CX9" s="241">
        <v>104</v>
      </c>
      <c r="CY9" s="217">
        <v>0</v>
      </c>
      <c r="CZ9" s="219">
        <v>0</v>
      </c>
      <c r="DA9" s="219">
        <v>0</v>
      </c>
      <c r="DB9" s="220">
        <v>0</v>
      </c>
      <c r="DC9" s="218">
        <v>1</v>
      </c>
      <c r="DD9" s="218">
        <v>1</v>
      </c>
      <c r="DE9" s="218">
        <v>38</v>
      </c>
      <c r="DF9" s="219">
        <v>61</v>
      </c>
      <c r="DG9" s="240">
        <v>101</v>
      </c>
      <c r="DH9" s="242">
        <v>101</v>
      </c>
      <c r="DI9" s="222">
        <v>0</v>
      </c>
      <c r="DJ9" s="219">
        <v>0</v>
      </c>
      <c r="DK9" s="219">
        <v>0</v>
      </c>
      <c r="DL9" s="220">
        <v>0</v>
      </c>
      <c r="DM9" s="218">
        <v>0</v>
      </c>
      <c r="DN9" s="218">
        <v>0</v>
      </c>
      <c r="DO9" s="218">
        <v>1</v>
      </c>
      <c r="DP9" s="219">
        <v>2</v>
      </c>
      <c r="DQ9" s="240">
        <v>3</v>
      </c>
      <c r="DR9" s="242">
        <v>3</v>
      </c>
      <c r="DS9" s="222">
        <v>0</v>
      </c>
      <c r="DT9" s="219">
        <v>0</v>
      </c>
      <c r="DU9" s="219">
        <v>0</v>
      </c>
      <c r="DV9" s="220">
        <v>320</v>
      </c>
      <c r="DW9" s="218">
        <v>556</v>
      </c>
      <c r="DX9" s="218">
        <v>1846</v>
      </c>
      <c r="DY9" s="218">
        <v>2509</v>
      </c>
      <c r="DZ9" s="219">
        <v>1730</v>
      </c>
      <c r="EA9" s="240">
        <v>6961</v>
      </c>
      <c r="EB9" s="242">
        <v>6961</v>
      </c>
      <c r="EC9" s="239"/>
    </row>
    <row r="10" spans="2:133" ht="21" customHeight="1" x14ac:dyDescent="0.2">
      <c r="B10" s="106" t="s">
        <v>14</v>
      </c>
      <c r="C10" s="217">
        <v>0</v>
      </c>
      <c r="D10" s="219">
        <v>0</v>
      </c>
      <c r="E10" s="219">
        <v>0</v>
      </c>
      <c r="F10" s="220">
        <v>8</v>
      </c>
      <c r="G10" s="218">
        <v>36</v>
      </c>
      <c r="H10" s="218">
        <v>850</v>
      </c>
      <c r="I10" s="218">
        <v>1281</v>
      </c>
      <c r="J10" s="219">
        <v>792</v>
      </c>
      <c r="K10" s="240">
        <v>2967</v>
      </c>
      <c r="L10" s="241">
        <v>2967</v>
      </c>
      <c r="M10" s="217">
        <v>0</v>
      </c>
      <c r="N10" s="219">
        <v>0</v>
      </c>
      <c r="O10" s="240">
        <v>0</v>
      </c>
      <c r="P10" s="220">
        <v>8</v>
      </c>
      <c r="Q10" s="218">
        <v>36</v>
      </c>
      <c r="R10" s="218">
        <v>844</v>
      </c>
      <c r="S10" s="218">
        <v>1270</v>
      </c>
      <c r="T10" s="219">
        <v>784</v>
      </c>
      <c r="U10" s="240">
        <v>2942</v>
      </c>
      <c r="V10" s="242">
        <v>2942</v>
      </c>
      <c r="W10" s="222">
        <v>0</v>
      </c>
      <c r="X10" s="219">
        <v>0</v>
      </c>
      <c r="Y10" s="240">
        <v>0</v>
      </c>
      <c r="Z10" s="222">
        <v>0</v>
      </c>
      <c r="AA10" s="218">
        <v>0</v>
      </c>
      <c r="AB10" s="218">
        <v>6</v>
      </c>
      <c r="AC10" s="218">
        <v>11</v>
      </c>
      <c r="AD10" s="219">
        <v>8</v>
      </c>
      <c r="AE10" s="240">
        <v>25</v>
      </c>
      <c r="AF10" s="221">
        <v>25</v>
      </c>
      <c r="AG10" s="222">
        <v>0</v>
      </c>
      <c r="AH10" s="219">
        <v>0</v>
      </c>
      <c r="AI10" s="240">
        <v>0</v>
      </c>
      <c r="AJ10" s="222">
        <v>71</v>
      </c>
      <c r="AK10" s="218">
        <v>196</v>
      </c>
      <c r="AL10" s="218">
        <v>307</v>
      </c>
      <c r="AM10" s="218">
        <v>399</v>
      </c>
      <c r="AN10" s="219">
        <v>181</v>
      </c>
      <c r="AO10" s="240">
        <v>1154</v>
      </c>
      <c r="AP10" s="221">
        <v>1154</v>
      </c>
      <c r="AQ10" s="222">
        <v>0</v>
      </c>
      <c r="AR10" s="219">
        <v>0</v>
      </c>
      <c r="AS10" s="240">
        <v>0</v>
      </c>
      <c r="AT10" s="220">
        <v>71</v>
      </c>
      <c r="AU10" s="218">
        <v>192</v>
      </c>
      <c r="AV10" s="218">
        <v>298</v>
      </c>
      <c r="AW10" s="218">
        <v>391</v>
      </c>
      <c r="AX10" s="219">
        <v>177</v>
      </c>
      <c r="AY10" s="240">
        <v>1129</v>
      </c>
      <c r="AZ10" s="241">
        <v>1129</v>
      </c>
      <c r="BA10" s="217">
        <v>0</v>
      </c>
      <c r="BB10" s="219">
        <v>0</v>
      </c>
      <c r="BC10" s="219">
        <v>0</v>
      </c>
      <c r="BD10" s="220">
        <v>0</v>
      </c>
      <c r="BE10" s="218">
        <v>4</v>
      </c>
      <c r="BF10" s="218">
        <v>9</v>
      </c>
      <c r="BG10" s="218">
        <v>8</v>
      </c>
      <c r="BH10" s="219">
        <v>4</v>
      </c>
      <c r="BI10" s="240">
        <v>25</v>
      </c>
      <c r="BJ10" s="242">
        <v>25</v>
      </c>
      <c r="BK10" s="222">
        <v>0</v>
      </c>
      <c r="BL10" s="219">
        <v>0</v>
      </c>
      <c r="BM10" s="219">
        <v>0</v>
      </c>
      <c r="BN10" s="220">
        <v>0</v>
      </c>
      <c r="BO10" s="218">
        <v>0</v>
      </c>
      <c r="BP10" s="218">
        <v>0</v>
      </c>
      <c r="BQ10" s="218">
        <v>0</v>
      </c>
      <c r="BR10" s="219">
        <v>0</v>
      </c>
      <c r="BS10" s="240">
        <v>0</v>
      </c>
      <c r="BT10" s="241">
        <v>0</v>
      </c>
      <c r="BU10" s="217">
        <v>0</v>
      </c>
      <c r="BV10" s="219">
        <v>0</v>
      </c>
      <c r="BW10" s="219">
        <v>0</v>
      </c>
      <c r="BX10" s="220">
        <v>0</v>
      </c>
      <c r="BY10" s="218">
        <v>0</v>
      </c>
      <c r="BZ10" s="218">
        <v>0</v>
      </c>
      <c r="CA10" s="218">
        <v>0</v>
      </c>
      <c r="CB10" s="219">
        <v>0</v>
      </c>
      <c r="CC10" s="240">
        <v>0</v>
      </c>
      <c r="CD10" s="242">
        <v>0</v>
      </c>
      <c r="CE10" s="222">
        <v>0</v>
      </c>
      <c r="CF10" s="219">
        <v>0</v>
      </c>
      <c r="CG10" s="219">
        <v>0</v>
      </c>
      <c r="CH10" s="220">
        <v>0</v>
      </c>
      <c r="CI10" s="218">
        <v>0</v>
      </c>
      <c r="CJ10" s="218">
        <v>0</v>
      </c>
      <c r="CK10" s="218">
        <v>0</v>
      </c>
      <c r="CL10" s="219">
        <v>0</v>
      </c>
      <c r="CM10" s="240">
        <v>0</v>
      </c>
      <c r="CN10" s="242">
        <v>0</v>
      </c>
      <c r="CO10" s="222">
        <v>0</v>
      </c>
      <c r="CP10" s="219">
        <v>0</v>
      </c>
      <c r="CQ10" s="219">
        <v>0</v>
      </c>
      <c r="CR10" s="220">
        <v>1</v>
      </c>
      <c r="CS10" s="218">
        <v>0</v>
      </c>
      <c r="CT10" s="218">
        <v>12</v>
      </c>
      <c r="CU10" s="218">
        <v>97</v>
      </c>
      <c r="CV10" s="219">
        <v>98</v>
      </c>
      <c r="CW10" s="240">
        <v>208</v>
      </c>
      <c r="CX10" s="241">
        <v>208</v>
      </c>
      <c r="CY10" s="217">
        <v>0</v>
      </c>
      <c r="CZ10" s="219">
        <v>0</v>
      </c>
      <c r="DA10" s="219">
        <v>0</v>
      </c>
      <c r="DB10" s="220">
        <v>1</v>
      </c>
      <c r="DC10" s="218">
        <v>0</v>
      </c>
      <c r="DD10" s="218">
        <v>11</v>
      </c>
      <c r="DE10" s="218">
        <v>97</v>
      </c>
      <c r="DF10" s="219">
        <v>93</v>
      </c>
      <c r="DG10" s="240">
        <v>202</v>
      </c>
      <c r="DH10" s="242">
        <v>202</v>
      </c>
      <c r="DI10" s="222">
        <v>0</v>
      </c>
      <c r="DJ10" s="219">
        <v>0</v>
      </c>
      <c r="DK10" s="219">
        <v>0</v>
      </c>
      <c r="DL10" s="220">
        <v>0</v>
      </c>
      <c r="DM10" s="218">
        <v>0</v>
      </c>
      <c r="DN10" s="218">
        <v>1</v>
      </c>
      <c r="DO10" s="218">
        <v>0</v>
      </c>
      <c r="DP10" s="219">
        <v>5</v>
      </c>
      <c r="DQ10" s="240">
        <v>6</v>
      </c>
      <c r="DR10" s="242">
        <v>6</v>
      </c>
      <c r="DS10" s="222">
        <v>0</v>
      </c>
      <c r="DT10" s="219">
        <v>0</v>
      </c>
      <c r="DU10" s="219">
        <v>0</v>
      </c>
      <c r="DV10" s="220">
        <v>80</v>
      </c>
      <c r="DW10" s="218">
        <v>232</v>
      </c>
      <c r="DX10" s="218">
        <v>1168</v>
      </c>
      <c r="DY10" s="218">
        <v>1773</v>
      </c>
      <c r="DZ10" s="219">
        <v>1066</v>
      </c>
      <c r="EA10" s="240">
        <v>4319</v>
      </c>
      <c r="EB10" s="242">
        <v>4319</v>
      </c>
      <c r="EC10" s="239"/>
    </row>
    <row r="11" spans="2:133" ht="21" customHeight="1" x14ac:dyDescent="0.2">
      <c r="B11" s="106" t="s">
        <v>7</v>
      </c>
      <c r="C11" s="217">
        <v>0</v>
      </c>
      <c r="D11" s="219">
        <v>0</v>
      </c>
      <c r="E11" s="219">
        <v>0</v>
      </c>
      <c r="F11" s="220">
        <v>27</v>
      </c>
      <c r="G11" s="218">
        <v>44</v>
      </c>
      <c r="H11" s="218">
        <v>615</v>
      </c>
      <c r="I11" s="218">
        <v>922</v>
      </c>
      <c r="J11" s="219">
        <v>548</v>
      </c>
      <c r="K11" s="240">
        <v>2156</v>
      </c>
      <c r="L11" s="241">
        <v>2156</v>
      </c>
      <c r="M11" s="217">
        <v>0</v>
      </c>
      <c r="N11" s="219">
        <v>0</v>
      </c>
      <c r="O11" s="240">
        <v>0</v>
      </c>
      <c r="P11" s="220">
        <v>26</v>
      </c>
      <c r="Q11" s="218">
        <v>43</v>
      </c>
      <c r="R11" s="218">
        <v>610</v>
      </c>
      <c r="S11" s="218">
        <v>908</v>
      </c>
      <c r="T11" s="219">
        <v>542</v>
      </c>
      <c r="U11" s="240">
        <v>2129</v>
      </c>
      <c r="V11" s="242">
        <v>2129</v>
      </c>
      <c r="W11" s="222">
        <v>0</v>
      </c>
      <c r="X11" s="219">
        <v>0</v>
      </c>
      <c r="Y11" s="240">
        <v>0</v>
      </c>
      <c r="Z11" s="222">
        <v>1</v>
      </c>
      <c r="AA11" s="218">
        <v>1</v>
      </c>
      <c r="AB11" s="218">
        <v>5</v>
      </c>
      <c r="AC11" s="218">
        <v>14</v>
      </c>
      <c r="AD11" s="219">
        <v>6</v>
      </c>
      <c r="AE11" s="240">
        <v>27</v>
      </c>
      <c r="AF11" s="221">
        <v>27</v>
      </c>
      <c r="AG11" s="222">
        <v>0</v>
      </c>
      <c r="AH11" s="219">
        <v>0</v>
      </c>
      <c r="AI11" s="240">
        <v>0</v>
      </c>
      <c r="AJ11" s="222">
        <v>171</v>
      </c>
      <c r="AK11" s="218">
        <v>198</v>
      </c>
      <c r="AL11" s="218">
        <v>263</v>
      </c>
      <c r="AM11" s="218">
        <v>300</v>
      </c>
      <c r="AN11" s="219">
        <v>104</v>
      </c>
      <c r="AO11" s="240">
        <v>1036</v>
      </c>
      <c r="AP11" s="221">
        <v>1036</v>
      </c>
      <c r="AQ11" s="222">
        <v>0</v>
      </c>
      <c r="AR11" s="219">
        <v>0</v>
      </c>
      <c r="AS11" s="240">
        <v>0</v>
      </c>
      <c r="AT11" s="220">
        <v>171</v>
      </c>
      <c r="AU11" s="218">
        <v>196</v>
      </c>
      <c r="AV11" s="218">
        <v>256</v>
      </c>
      <c r="AW11" s="218">
        <v>289</v>
      </c>
      <c r="AX11" s="219">
        <v>104</v>
      </c>
      <c r="AY11" s="240">
        <v>1016</v>
      </c>
      <c r="AZ11" s="241">
        <v>1016</v>
      </c>
      <c r="BA11" s="217">
        <v>0</v>
      </c>
      <c r="BB11" s="219">
        <v>0</v>
      </c>
      <c r="BC11" s="219">
        <v>0</v>
      </c>
      <c r="BD11" s="220">
        <v>0</v>
      </c>
      <c r="BE11" s="218">
        <v>2</v>
      </c>
      <c r="BF11" s="218">
        <v>7</v>
      </c>
      <c r="BG11" s="218">
        <v>11</v>
      </c>
      <c r="BH11" s="219">
        <v>0</v>
      </c>
      <c r="BI11" s="240">
        <v>20</v>
      </c>
      <c r="BJ11" s="242">
        <v>20</v>
      </c>
      <c r="BK11" s="222">
        <v>0</v>
      </c>
      <c r="BL11" s="219">
        <v>0</v>
      </c>
      <c r="BM11" s="219">
        <v>0</v>
      </c>
      <c r="BN11" s="220">
        <v>0</v>
      </c>
      <c r="BO11" s="218">
        <v>0</v>
      </c>
      <c r="BP11" s="218">
        <v>0</v>
      </c>
      <c r="BQ11" s="218">
        <v>0</v>
      </c>
      <c r="BR11" s="219">
        <v>0</v>
      </c>
      <c r="BS11" s="240">
        <v>0</v>
      </c>
      <c r="BT11" s="241">
        <v>0</v>
      </c>
      <c r="BU11" s="217">
        <v>0</v>
      </c>
      <c r="BV11" s="219">
        <v>0</v>
      </c>
      <c r="BW11" s="219">
        <v>0</v>
      </c>
      <c r="BX11" s="220">
        <v>0</v>
      </c>
      <c r="BY11" s="218">
        <v>0</v>
      </c>
      <c r="BZ11" s="218">
        <v>0</v>
      </c>
      <c r="CA11" s="218">
        <v>0</v>
      </c>
      <c r="CB11" s="219">
        <v>0</v>
      </c>
      <c r="CC11" s="240">
        <v>0</v>
      </c>
      <c r="CD11" s="242">
        <v>0</v>
      </c>
      <c r="CE11" s="222">
        <v>0</v>
      </c>
      <c r="CF11" s="219">
        <v>0</v>
      </c>
      <c r="CG11" s="219">
        <v>0</v>
      </c>
      <c r="CH11" s="220">
        <v>0</v>
      </c>
      <c r="CI11" s="218">
        <v>0</v>
      </c>
      <c r="CJ11" s="218">
        <v>0</v>
      </c>
      <c r="CK11" s="218">
        <v>0</v>
      </c>
      <c r="CL11" s="219">
        <v>0</v>
      </c>
      <c r="CM11" s="240">
        <v>0</v>
      </c>
      <c r="CN11" s="242">
        <v>0</v>
      </c>
      <c r="CO11" s="222">
        <v>0</v>
      </c>
      <c r="CP11" s="219">
        <v>0</v>
      </c>
      <c r="CQ11" s="219">
        <v>0</v>
      </c>
      <c r="CR11" s="220">
        <v>0</v>
      </c>
      <c r="CS11" s="218">
        <v>0</v>
      </c>
      <c r="CT11" s="218">
        <v>1</v>
      </c>
      <c r="CU11" s="218">
        <v>5</v>
      </c>
      <c r="CV11" s="219">
        <v>3</v>
      </c>
      <c r="CW11" s="240">
        <v>9</v>
      </c>
      <c r="CX11" s="241">
        <v>9</v>
      </c>
      <c r="CY11" s="217">
        <v>0</v>
      </c>
      <c r="CZ11" s="219">
        <v>0</v>
      </c>
      <c r="DA11" s="219">
        <v>0</v>
      </c>
      <c r="DB11" s="220">
        <v>0</v>
      </c>
      <c r="DC11" s="218">
        <v>0</v>
      </c>
      <c r="DD11" s="218">
        <v>1</v>
      </c>
      <c r="DE11" s="218">
        <v>5</v>
      </c>
      <c r="DF11" s="219">
        <v>3</v>
      </c>
      <c r="DG11" s="240">
        <v>9</v>
      </c>
      <c r="DH11" s="242">
        <v>9</v>
      </c>
      <c r="DI11" s="222">
        <v>0</v>
      </c>
      <c r="DJ11" s="219">
        <v>0</v>
      </c>
      <c r="DK11" s="219">
        <v>0</v>
      </c>
      <c r="DL11" s="220">
        <v>0</v>
      </c>
      <c r="DM11" s="218">
        <v>0</v>
      </c>
      <c r="DN11" s="218">
        <v>0</v>
      </c>
      <c r="DO11" s="218">
        <v>0</v>
      </c>
      <c r="DP11" s="219">
        <v>0</v>
      </c>
      <c r="DQ11" s="240">
        <v>0</v>
      </c>
      <c r="DR11" s="242">
        <v>0</v>
      </c>
      <c r="DS11" s="222">
        <v>0</v>
      </c>
      <c r="DT11" s="219">
        <v>0</v>
      </c>
      <c r="DU11" s="219">
        <v>0</v>
      </c>
      <c r="DV11" s="220">
        <v>198</v>
      </c>
      <c r="DW11" s="218">
        <v>242</v>
      </c>
      <c r="DX11" s="218">
        <v>879</v>
      </c>
      <c r="DY11" s="218">
        <v>1221</v>
      </c>
      <c r="DZ11" s="219">
        <v>651</v>
      </c>
      <c r="EA11" s="240">
        <v>3191</v>
      </c>
      <c r="EB11" s="242">
        <v>3191</v>
      </c>
      <c r="EC11" s="239"/>
    </row>
    <row r="12" spans="2:133" ht="21" customHeight="1" x14ac:dyDescent="0.2">
      <c r="B12" s="106" t="s">
        <v>8</v>
      </c>
      <c r="C12" s="217">
        <v>0</v>
      </c>
      <c r="D12" s="219">
        <v>0</v>
      </c>
      <c r="E12" s="219">
        <v>0</v>
      </c>
      <c r="F12" s="220">
        <v>10</v>
      </c>
      <c r="G12" s="218">
        <v>59</v>
      </c>
      <c r="H12" s="218">
        <v>388</v>
      </c>
      <c r="I12" s="218">
        <v>440</v>
      </c>
      <c r="J12" s="219">
        <v>251</v>
      </c>
      <c r="K12" s="240">
        <v>1148</v>
      </c>
      <c r="L12" s="241">
        <v>1148</v>
      </c>
      <c r="M12" s="217">
        <v>0</v>
      </c>
      <c r="N12" s="219">
        <v>0</v>
      </c>
      <c r="O12" s="240">
        <v>0</v>
      </c>
      <c r="P12" s="220">
        <v>10</v>
      </c>
      <c r="Q12" s="218">
        <v>58</v>
      </c>
      <c r="R12" s="218">
        <v>387</v>
      </c>
      <c r="S12" s="218">
        <v>436</v>
      </c>
      <c r="T12" s="219">
        <v>249</v>
      </c>
      <c r="U12" s="240">
        <v>1140</v>
      </c>
      <c r="V12" s="242">
        <v>1140</v>
      </c>
      <c r="W12" s="222">
        <v>0</v>
      </c>
      <c r="X12" s="219">
        <v>0</v>
      </c>
      <c r="Y12" s="240">
        <v>0</v>
      </c>
      <c r="Z12" s="222">
        <v>0</v>
      </c>
      <c r="AA12" s="218">
        <v>1</v>
      </c>
      <c r="AB12" s="218">
        <v>1</v>
      </c>
      <c r="AC12" s="218">
        <v>4</v>
      </c>
      <c r="AD12" s="219">
        <v>2</v>
      </c>
      <c r="AE12" s="240">
        <v>8</v>
      </c>
      <c r="AF12" s="221">
        <v>8</v>
      </c>
      <c r="AG12" s="222">
        <v>0</v>
      </c>
      <c r="AH12" s="219">
        <v>0</v>
      </c>
      <c r="AI12" s="240">
        <v>0</v>
      </c>
      <c r="AJ12" s="222">
        <v>45</v>
      </c>
      <c r="AK12" s="218">
        <v>88</v>
      </c>
      <c r="AL12" s="218">
        <v>133</v>
      </c>
      <c r="AM12" s="218">
        <v>150</v>
      </c>
      <c r="AN12" s="219">
        <v>77</v>
      </c>
      <c r="AO12" s="240">
        <v>493</v>
      </c>
      <c r="AP12" s="221">
        <v>493</v>
      </c>
      <c r="AQ12" s="222">
        <v>0</v>
      </c>
      <c r="AR12" s="219">
        <v>0</v>
      </c>
      <c r="AS12" s="240">
        <v>0</v>
      </c>
      <c r="AT12" s="220">
        <v>45</v>
      </c>
      <c r="AU12" s="218">
        <v>88</v>
      </c>
      <c r="AV12" s="218">
        <v>131</v>
      </c>
      <c r="AW12" s="218">
        <v>149</v>
      </c>
      <c r="AX12" s="219">
        <v>75</v>
      </c>
      <c r="AY12" s="240">
        <v>488</v>
      </c>
      <c r="AZ12" s="241">
        <v>488</v>
      </c>
      <c r="BA12" s="217">
        <v>0</v>
      </c>
      <c r="BB12" s="219">
        <v>0</v>
      </c>
      <c r="BC12" s="219">
        <v>0</v>
      </c>
      <c r="BD12" s="220">
        <v>0</v>
      </c>
      <c r="BE12" s="218">
        <v>0</v>
      </c>
      <c r="BF12" s="218">
        <v>2</v>
      </c>
      <c r="BG12" s="218">
        <v>1</v>
      </c>
      <c r="BH12" s="219">
        <v>2</v>
      </c>
      <c r="BI12" s="240">
        <v>5</v>
      </c>
      <c r="BJ12" s="242">
        <v>5</v>
      </c>
      <c r="BK12" s="222">
        <v>0</v>
      </c>
      <c r="BL12" s="219">
        <v>0</v>
      </c>
      <c r="BM12" s="219">
        <v>0</v>
      </c>
      <c r="BN12" s="220">
        <v>0</v>
      </c>
      <c r="BO12" s="218">
        <v>0</v>
      </c>
      <c r="BP12" s="218">
        <v>0</v>
      </c>
      <c r="BQ12" s="218">
        <v>0</v>
      </c>
      <c r="BR12" s="219">
        <v>0</v>
      </c>
      <c r="BS12" s="240">
        <v>0</v>
      </c>
      <c r="BT12" s="241">
        <v>0</v>
      </c>
      <c r="BU12" s="217">
        <v>0</v>
      </c>
      <c r="BV12" s="219">
        <v>0</v>
      </c>
      <c r="BW12" s="219">
        <v>0</v>
      </c>
      <c r="BX12" s="220">
        <v>0</v>
      </c>
      <c r="BY12" s="218">
        <v>0</v>
      </c>
      <c r="BZ12" s="218">
        <v>0</v>
      </c>
      <c r="CA12" s="218">
        <v>0</v>
      </c>
      <c r="CB12" s="219">
        <v>0</v>
      </c>
      <c r="CC12" s="240">
        <v>0</v>
      </c>
      <c r="CD12" s="242">
        <v>0</v>
      </c>
      <c r="CE12" s="222">
        <v>0</v>
      </c>
      <c r="CF12" s="219">
        <v>0</v>
      </c>
      <c r="CG12" s="219">
        <v>0</v>
      </c>
      <c r="CH12" s="220">
        <v>0</v>
      </c>
      <c r="CI12" s="218">
        <v>0</v>
      </c>
      <c r="CJ12" s="218">
        <v>0</v>
      </c>
      <c r="CK12" s="218">
        <v>0</v>
      </c>
      <c r="CL12" s="219">
        <v>0</v>
      </c>
      <c r="CM12" s="240">
        <v>0</v>
      </c>
      <c r="CN12" s="242">
        <v>0</v>
      </c>
      <c r="CO12" s="222">
        <v>0</v>
      </c>
      <c r="CP12" s="219">
        <v>0</v>
      </c>
      <c r="CQ12" s="219">
        <v>0</v>
      </c>
      <c r="CR12" s="220">
        <v>1</v>
      </c>
      <c r="CS12" s="218">
        <v>0</v>
      </c>
      <c r="CT12" s="218">
        <v>1</v>
      </c>
      <c r="CU12" s="218">
        <v>8</v>
      </c>
      <c r="CV12" s="219">
        <v>10</v>
      </c>
      <c r="CW12" s="240">
        <v>20</v>
      </c>
      <c r="CX12" s="241">
        <v>20</v>
      </c>
      <c r="CY12" s="217">
        <v>0</v>
      </c>
      <c r="CZ12" s="219">
        <v>0</v>
      </c>
      <c r="DA12" s="219">
        <v>0</v>
      </c>
      <c r="DB12" s="220">
        <v>1</v>
      </c>
      <c r="DC12" s="218">
        <v>0</v>
      </c>
      <c r="DD12" s="218">
        <v>1</v>
      </c>
      <c r="DE12" s="218">
        <v>8</v>
      </c>
      <c r="DF12" s="219">
        <v>9</v>
      </c>
      <c r="DG12" s="240">
        <v>19</v>
      </c>
      <c r="DH12" s="242">
        <v>19</v>
      </c>
      <c r="DI12" s="222">
        <v>0</v>
      </c>
      <c r="DJ12" s="219">
        <v>0</v>
      </c>
      <c r="DK12" s="219">
        <v>0</v>
      </c>
      <c r="DL12" s="220">
        <v>0</v>
      </c>
      <c r="DM12" s="218">
        <v>0</v>
      </c>
      <c r="DN12" s="218">
        <v>0</v>
      </c>
      <c r="DO12" s="218">
        <v>0</v>
      </c>
      <c r="DP12" s="219">
        <v>1</v>
      </c>
      <c r="DQ12" s="240">
        <v>1</v>
      </c>
      <c r="DR12" s="242">
        <v>1</v>
      </c>
      <c r="DS12" s="222">
        <v>0</v>
      </c>
      <c r="DT12" s="219">
        <v>0</v>
      </c>
      <c r="DU12" s="219">
        <v>0</v>
      </c>
      <c r="DV12" s="220">
        <v>56</v>
      </c>
      <c r="DW12" s="218">
        <v>147</v>
      </c>
      <c r="DX12" s="218">
        <v>522</v>
      </c>
      <c r="DY12" s="218">
        <v>598</v>
      </c>
      <c r="DZ12" s="219">
        <v>338</v>
      </c>
      <c r="EA12" s="240">
        <v>1661</v>
      </c>
      <c r="EB12" s="242">
        <v>1661</v>
      </c>
      <c r="EC12" s="239"/>
    </row>
    <row r="13" spans="2:133" ht="21" customHeight="1" x14ac:dyDescent="0.2">
      <c r="B13" s="106" t="s">
        <v>9</v>
      </c>
      <c r="C13" s="217">
        <v>0</v>
      </c>
      <c r="D13" s="219">
        <v>0</v>
      </c>
      <c r="E13" s="219">
        <v>0</v>
      </c>
      <c r="F13" s="220">
        <v>2</v>
      </c>
      <c r="G13" s="218">
        <v>7</v>
      </c>
      <c r="H13" s="218">
        <v>217</v>
      </c>
      <c r="I13" s="218">
        <v>338</v>
      </c>
      <c r="J13" s="219">
        <v>272</v>
      </c>
      <c r="K13" s="240">
        <v>836</v>
      </c>
      <c r="L13" s="241">
        <v>836</v>
      </c>
      <c r="M13" s="217">
        <v>0</v>
      </c>
      <c r="N13" s="219">
        <v>0</v>
      </c>
      <c r="O13" s="240">
        <v>0</v>
      </c>
      <c r="P13" s="220">
        <v>2</v>
      </c>
      <c r="Q13" s="218">
        <v>7</v>
      </c>
      <c r="R13" s="218">
        <v>216</v>
      </c>
      <c r="S13" s="218">
        <v>336</v>
      </c>
      <c r="T13" s="219">
        <v>270</v>
      </c>
      <c r="U13" s="240">
        <v>831</v>
      </c>
      <c r="V13" s="242">
        <v>831</v>
      </c>
      <c r="W13" s="222">
        <v>0</v>
      </c>
      <c r="X13" s="219">
        <v>0</v>
      </c>
      <c r="Y13" s="240">
        <v>0</v>
      </c>
      <c r="Z13" s="222">
        <v>0</v>
      </c>
      <c r="AA13" s="218">
        <v>0</v>
      </c>
      <c r="AB13" s="218">
        <v>1</v>
      </c>
      <c r="AC13" s="218">
        <v>2</v>
      </c>
      <c r="AD13" s="219">
        <v>2</v>
      </c>
      <c r="AE13" s="240">
        <v>5</v>
      </c>
      <c r="AF13" s="221">
        <v>5</v>
      </c>
      <c r="AG13" s="222">
        <v>0</v>
      </c>
      <c r="AH13" s="219">
        <v>0</v>
      </c>
      <c r="AI13" s="240">
        <v>0</v>
      </c>
      <c r="AJ13" s="222">
        <v>39</v>
      </c>
      <c r="AK13" s="218">
        <v>55</v>
      </c>
      <c r="AL13" s="218">
        <v>110</v>
      </c>
      <c r="AM13" s="218">
        <v>112</v>
      </c>
      <c r="AN13" s="219">
        <v>76</v>
      </c>
      <c r="AO13" s="240">
        <v>392</v>
      </c>
      <c r="AP13" s="221">
        <v>392</v>
      </c>
      <c r="AQ13" s="222">
        <v>0</v>
      </c>
      <c r="AR13" s="219">
        <v>0</v>
      </c>
      <c r="AS13" s="240">
        <v>0</v>
      </c>
      <c r="AT13" s="220">
        <v>39</v>
      </c>
      <c r="AU13" s="218">
        <v>55</v>
      </c>
      <c r="AV13" s="218">
        <v>107</v>
      </c>
      <c r="AW13" s="218">
        <v>111</v>
      </c>
      <c r="AX13" s="219">
        <v>75</v>
      </c>
      <c r="AY13" s="240">
        <v>387</v>
      </c>
      <c r="AZ13" s="241">
        <v>387</v>
      </c>
      <c r="BA13" s="217">
        <v>0</v>
      </c>
      <c r="BB13" s="219">
        <v>0</v>
      </c>
      <c r="BC13" s="219">
        <v>0</v>
      </c>
      <c r="BD13" s="220">
        <v>0</v>
      </c>
      <c r="BE13" s="218">
        <v>0</v>
      </c>
      <c r="BF13" s="218">
        <v>3</v>
      </c>
      <c r="BG13" s="218">
        <v>1</v>
      </c>
      <c r="BH13" s="219">
        <v>1</v>
      </c>
      <c r="BI13" s="240">
        <v>5</v>
      </c>
      <c r="BJ13" s="242">
        <v>5</v>
      </c>
      <c r="BK13" s="222">
        <v>0</v>
      </c>
      <c r="BL13" s="219">
        <v>0</v>
      </c>
      <c r="BM13" s="219">
        <v>0</v>
      </c>
      <c r="BN13" s="220">
        <v>0</v>
      </c>
      <c r="BO13" s="218">
        <v>0</v>
      </c>
      <c r="BP13" s="218">
        <v>0</v>
      </c>
      <c r="BQ13" s="218">
        <v>0</v>
      </c>
      <c r="BR13" s="219">
        <v>0</v>
      </c>
      <c r="BS13" s="240">
        <v>0</v>
      </c>
      <c r="BT13" s="241">
        <v>0</v>
      </c>
      <c r="BU13" s="217">
        <v>0</v>
      </c>
      <c r="BV13" s="219">
        <v>0</v>
      </c>
      <c r="BW13" s="219">
        <v>0</v>
      </c>
      <c r="BX13" s="220">
        <v>0</v>
      </c>
      <c r="BY13" s="218">
        <v>0</v>
      </c>
      <c r="BZ13" s="218">
        <v>0</v>
      </c>
      <c r="CA13" s="218">
        <v>0</v>
      </c>
      <c r="CB13" s="219">
        <v>0</v>
      </c>
      <c r="CC13" s="240">
        <v>0</v>
      </c>
      <c r="CD13" s="242">
        <v>0</v>
      </c>
      <c r="CE13" s="222">
        <v>0</v>
      </c>
      <c r="CF13" s="219">
        <v>0</v>
      </c>
      <c r="CG13" s="219">
        <v>0</v>
      </c>
      <c r="CH13" s="220">
        <v>0</v>
      </c>
      <c r="CI13" s="218">
        <v>0</v>
      </c>
      <c r="CJ13" s="218">
        <v>0</v>
      </c>
      <c r="CK13" s="218">
        <v>0</v>
      </c>
      <c r="CL13" s="219">
        <v>0</v>
      </c>
      <c r="CM13" s="240">
        <v>0</v>
      </c>
      <c r="CN13" s="242">
        <v>0</v>
      </c>
      <c r="CO13" s="222">
        <v>0</v>
      </c>
      <c r="CP13" s="219">
        <v>0</v>
      </c>
      <c r="CQ13" s="219">
        <v>0</v>
      </c>
      <c r="CR13" s="220">
        <v>0</v>
      </c>
      <c r="CS13" s="218">
        <v>0</v>
      </c>
      <c r="CT13" s="218">
        <v>0</v>
      </c>
      <c r="CU13" s="218">
        <v>3</v>
      </c>
      <c r="CV13" s="219">
        <v>10</v>
      </c>
      <c r="CW13" s="240">
        <v>13</v>
      </c>
      <c r="CX13" s="241">
        <v>13</v>
      </c>
      <c r="CY13" s="217">
        <v>0</v>
      </c>
      <c r="CZ13" s="219">
        <v>0</v>
      </c>
      <c r="DA13" s="219">
        <v>0</v>
      </c>
      <c r="DB13" s="220">
        <v>0</v>
      </c>
      <c r="DC13" s="218">
        <v>0</v>
      </c>
      <c r="DD13" s="218">
        <v>0</v>
      </c>
      <c r="DE13" s="218">
        <v>3</v>
      </c>
      <c r="DF13" s="219">
        <v>10</v>
      </c>
      <c r="DG13" s="240">
        <v>13</v>
      </c>
      <c r="DH13" s="242">
        <v>13</v>
      </c>
      <c r="DI13" s="222">
        <v>0</v>
      </c>
      <c r="DJ13" s="219">
        <v>0</v>
      </c>
      <c r="DK13" s="219">
        <v>0</v>
      </c>
      <c r="DL13" s="220">
        <v>0</v>
      </c>
      <c r="DM13" s="218">
        <v>0</v>
      </c>
      <c r="DN13" s="218">
        <v>0</v>
      </c>
      <c r="DO13" s="218">
        <v>0</v>
      </c>
      <c r="DP13" s="219">
        <v>0</v>
      </c>
      <c r="DQ13" s="240">
        <v>0</v>
      </c>
      <c r="DR13" s="242">
        <v>0</v>
      </c>
      <c r="DS13" s="222">
        <v>0</v>
      </c>
      <c r="DT13" s="219">
        <v>0</v>
      </c>
      <c r="DU13" s="219">
        <v>0</v>
      </c>
      <c r="DV13" s="220">
        <v>41</v>
      </c>
      <c r="DW13" s="218">
        <v>62</v>
      </c>
      <c r="DX13" s="218">
        <v>326</v>
      </c>
      <c r="DY13" s="218">
        <v>451</v>
      </c>
      <c r="DZ13" s="219">
        <v>356</v>
      </c>
      <c r="EA13" s="240">
        <v>1236</v>
      </c>
      <c r="EB13" s="242">
        <v>1236</v>
      </c>
      <c r="EC13" s="239"/>
    </row>
    <row r="14" spans="2:133" ht="21" customHeight="1" x14ac:dyDescent="0.2">
      <c r="B14" s="106" t="s">
        <v>10</v>
      </c>
      <c r="C14" s="217">
        <v>0</v>
      </c>
      <c r="D14" s="219">
        <v>0</v>
      </c>
      <c r="E14" s="219">
        <v>0</v>
      </c>
      <c r="F14" s="220">
        <v>17</v>
      </c>
      <c r="G14" s="218">
        <v>50</v>
      </c>
      <c r="H14" s="218">
        <v>330</v>
      </c>
      <c r="I14" s="218">
        <v>623</v>
      </c>
      <c r="J14" s="219">
        <v>440</v>
      </c>
      <c r="K14" s="240">
        <v>1460</v>
      </c>
      <c r="L14" s="241">
        <v>1460</v>
      </c>
      <c r="M14" s="217">
        <v>0</v>
      </c>
      <c r="N14" s="219">
        <v>0</v>
      </c>
      <c r="O14" s="240">
        <v>0</v>
      </c>
      <c r="P14" s="220">
        <v>17</v>
      </c>
      <c r="Q14" s="218">
        <v>49</v>
      </c>
      <c r="R14" s="218">
        <v>326</v>
      </c>
      <c r="S14" s="218">
        <v>616</v>
      </c>
      <c r="T14" s="219">
        <v>435</v>
      </c>
      <c r="U14" s="240">
        <v>1443</v>
      </c>
      <c r="V14" s="242">
        <v>1443</v>
      </c>
      <c r="W14" s="222">
        <v>0</v>
      </c>
      <c r="X14" s="219">
        <v>0</v>
      </c>
      <c r="Y14" s="240">
        <v>0</v>
      </c>
      <c r="Z14" s="222">
        <v>0</v>
      </c>
      <c r="AA14" s="218">
        <v>1</v>
      </c>
      <c r="AB14" s="218">
        <v>4</v>
      </c>
      <c r="AC14" s="218">
        <v>7</v>
      </c>
      <c r="AD14" s="219">
        <v>5</v>
      </c>
      <c r="AE14" s="240">
        <v>17</v>
      </c>
      <c r="AF14" s="221">
        <v>17</v>
      </c>
      <c r="AG14" s="222">
        <v>0</v>
      </c>
      <c r="AH14" s="219">
        <v>0</v>
      </c>
      <c r="AI14" s="240">
        <v>0</v>
      </c>
      <c r="AJ14" s="222">
        <v>79</v>
      </c>
      <c r="AK14" s="218">
        <v>117</v>
      </c>
      <c r="AL14" s="218">
        <v>139</v>
      </c>
      <c r="AM14" s="218">
        <v>180</v>
      </c>
      <c r="AN14" s="219">
        <v>93</v>
      </c>
      <c r="AO14" s="240">
        <v>608</v>
      </c>
      <c r="AP14" s="221">
        <v>608</v>
      </c>
      <c r="AQ14" s="222">
        <v>0</v>
      </c>
      <c r="AR14" s="219">
        <v>0</v>
      </c>
      <c r="AS14" s="240">
        <v>0</v>
      </c>
      <c r="AT14" s="220">
        <v>76</v>
      </c>
      <c r="AU14" s="218">
        <v>116</v>
      </c>
      <c r="AV14" s="218">
        <v>134</v>
      </c>
      <c r="AW14" s="218">
        <v>178</v>
      </c>
      <c r="AX14" s="219">
        <v>90</v>
      </c>
      <c r="AY14" s="240">
        <v>594</v>
      </c>
      <c r="AZ14" s="241">
        <v>594</v>
      </c>
      <c r="BA14" s="217">
        <v>0</v>
      </c>
      <c r="BB14" s="219">
        <v>0</v>
      </c>
      <c r="BC14" s="219">
        <v>0</v>
      </c>
      <c r="BD14" s="220">
        <v>3</v>
      </c>
      <c r="BE14" s="218">
        <v>1</v>
      </c>
      <c r="BF14" s="218">
        <v>5</v>
      </c>
      <c r="BG14" s="218">
        <v>2</v>
      </c>
      <c r="BH14" s="219">
        <v>3</v>
      </c>
      <c r="BI14" s="240">
        <v>14</v>
      </c>
      <c r="BJ14" s="242">
        <v>14</v>
      </c>
      <c r="BK14" s="222">
        <v>0</v>
      </c>
      <c r="BL14" s="219">
        <v>0</v>
      </c>
      <c r="BM14" s="219">
        <v>0</v>
      </c>
      <c r="BN14" s="220">
        <v>0</v>
      </c>
      <c r="BO14" s="218">
        <v>0</v>
      </c>
      <c r="BP14" s="218">
        <v>0</v>
      </c>
      <c r="BQ14" s="218">
        <v>0</v>
      </c>
      <c r="BR14" s="219">
        <v>0</v>
      </c>
      <c r="BS14" s="240">
        <v>0</v>
      </c>
      <c r="BT14" s="241">
        <v>0</v>
      </c>
      <c r="BU14" s="217">
        <v>0</v>
      </c>
      <c r="BV14" s="219">
        <v>0</v>
      </c>
      <c r="BW14" s="219">
        <v>0</v>
      </c>
      <c r="BX14" s="220">
        <v>0</v>
      </c>
      <c r="BY14" s="218">
        <v>0</v>
      </c>
      <c r="BZ14" s="218">
        <v>0</v>
      </c>
      <c r="CA14" s="218">
        <v>0</v>
      </c>
      <c r="CB14" s="219">
        <v>0</v>
      </c>
      <c r="CC14" s="240">
        <v>0</v>
      </c>
      <c r="CD14" s="242">
        <v>0</v>
      </c>
      <c r="CE14" s="222">
        <v>0</v>
      </c>
      <c r="CF14" s="219">
        <v>0</v>
      </c>
      <c r="CG14" s="219">
        <v>0</v>
      </c>
      <c r="CH14" s="220">
        <v>0</v>
      </c>
      <c r="CI14" s="218">
        <v>0</v>
      </c>
      <c r="CJ14" s="218">
        <v>0</v>
      </c>
      <c r="CK14" s="218">
        <v>0</v>
      </c>
      <c r="CL14" s="219">
        <v>0</v>
      </c>
      <c r="CM14" s="240">
        <v>0</v>
      </c>
      <c r="CN14" s="242">
        <v>0</v>
      </c>
      <c r="CO14" s="222">
        <v>0</v>
      </c>
      <c r="CP14" s="219">
        <v>0</v>
      </c>
      <c r="CQ14" s="219">
        <v>0</v>
      </c>
      <c r="CR14" s="220">
        <v>1</v>
      </c>
      <c r="CS14" s="218">
        <v>0</v>
      </c>
      <c r="CT14" s="218">
        <v>2</v>
      </c>
      <c r="CU14" s="218">
        <v>5</v>
      </c>
      <c r="CV14" s="219">
        <v>26</v>
      </c>
      <c r="CW14" s="240">
        <v>34</v>
      </c>
      <c r="CX14" s="241">
        <v>34</v>
      </c>
      <c r="CY14" s="217">
        <v>0</v>
      </c>
      <c r="CZ14" s="219">
        <v>0</v>
      </c>
      <c r="DA14" s="219">
        <v>0</v>
      </c>
      <c r="DB14" s="220">
        <v>1</v>
      </c>
      <c r="DC14" s="218">
        <v>0</v>
      </c>
      <c r="DD14" s="218">
        <v>2</v>
      </c>
      <c r="DE14" s="218">
        <v>5</v>
      </c>
      <c r="DF14" s="219">
        <v>26</v>
      </c>
      <c r="DG14" s="240">
        <v>34</v>
      </c>
      <c r="DH14" s="242">
        <v>34</v>
      </c>
      <c r="DI14" s="222">
        <v>0</v>
      </c>
      <c r="DJ14" s="219">
        <v>0</v>
      </c>
      <c r="DK14" s="219">
        <v>0</v>
      </c>
      <c r="DL14" s="220">
        <v>0</v>
      </c>
      <c r="DM14" s="218">
        <v>0</v>
      </c>
      <c r="DN14" s="218">
        <v>0</v>
      </c>
      <c r="DO14" s="218">
        <v>0</v>
      </c>
      <c r="DP14" s="219">
        <v>0</v>
      </c>
      <c r="DQ14" s="240">
        <v>0</v>
      </c>
      <c r="DR14" s="242">
        <v>0</v>
      </c>
      <c r="DS14" s="222">
        <v>0</v>
      </c>
      <c r="DT14" s="219">
        <v>0</v>
      </c>
      <c r="DU14" s="219">
        <v>0</v>
      </c>
      <c r="DV14" s="220">
        <v>97</v>
      </c>
      <c r="DW14" s="218">
        <v>167</v>
      </c>
      <c r="DX14" s="218">
        <v>467</v>
      </c>
      <c r="DY14" s="218">
        <v>804</v>
      </c>
      <c r="DZ14" s="219">
        <v>557</v>
      </c>
      <c r="EA14" s="240">
        <v>2092</v>
      </c>
      <c r="EB14" s="242">
        <v>2092</v>
      </c>
      <c r="EC14" s="239"/>
    </row>
    <row r="15" spans="2:133" ht="21" customHeight="1" x14ac:dyDescent="0.2">
      <c r="B15" s="106" t="s">
        <v>11</v>
      </c>
      <c r="C15" s="217">
        <v>0</v>
      </c>
      <c r="D15" s="219">
        <v>0</v>
      </c>
      <c r="E15" s="219">
        <v>0</v>
      </c>
      <c r="F15" s="220">
        <v>5</v>
      </c>
      <c r="G15" s="218">
        <v>4</v>
      </c>
      <c r="H15" s="218">
        <v>192</v>
      </c>
      <c r="I15" s="218">
        <v>374</v>
      </c>
      <c r="J15" s="219">
        <v>212</v>
      </c>
      <c r="K15" s="240">
        <v>787</v>
      </c>
      <c r="L15" s="241">
        <v>787</v>
      </c>
      <c r="M15" s="217">
        <v>0</v>
      </c>
      <c r="N15" s="219">
        <v>0</v>
      </c>
      <c r="O15" s="240">
        <v>0</v>
      </c>
      <c r="P15" s="220">
        <v>5</v>
      </c>
      <c r="Q15" s="218">
        <v>4</v>
      </c>
      <c r="R15" s="218">
        <v>191</v>
      </c>
      <c r="S15" s="218">
        <v>372</v>
      </c>
      <c r="T15" s="219">
        <v>212</v>
      </c>
      <c r="U15" s="240">
        <v>784</v>
      </c>
      <c r="V15" s="242">
        <v>784</v>
      </c>
      <c r="W15" s="222">
        <v>0</v>
      </c>
      <c r="X15" s="219">
        <v>0</v>
      </c>
      <c r="Y15" s="240">
        <v>0</v>
      </c>
      <c r="Z15" s="222">
        <v>0</v>
      </c>
      <c r="AA15" s="218">
        <v>0</v>
      </c>
      <c r="AB15" s="218">
        <v>1</v>
      </c>
      <c r="AC15" s="218">
        <v>2</v>
      </c>
      <c r="AD15" s="219">
        <v>0</v>
      </c>
      <c r="AE15" s="240">
        <v>3</v>
      </c>
      <c r="AF15" s="221">
        <v>3</v>
      </c>
      <c r="AG15" s="222">
        <v>0</v>
      </c>
      <c r="AH15" s="219">
        <v>0</v>
      </c>
      <c r="AI15" s="240">
        <v>0</v>
      </c>
      <c r="AJ15" s="222">
        <v>43</v>
      </c>
      <c r="AK15" s="218">
        <v>95</v>
      </c>
      <c r="AL15" s="218">
        <v>135</v>
      </c>
      <c r="AM15" s="218">
        <v>161</v>
      </c>
      <c r="AN15" s="219">
        <v>86</v>
      </c>
      <c r="AO15" s="240">
        <v>520</v>
      </c>
      <c r="AP15" s="221">
        <v>520</v>
      </c>
      <c r="AQ15" s="222">
        <v>0</v>
      </c>
      <c r="AR15" s="219">
        <v>0</v>
      </c>
      <c r="AS15" s="240">
        <v>0</v>
      </c>
      <c r="AT15" s="220">
        <v>43</v>
      </c>
      <c r="AU15" s="218">
        <v>94</v>
      </c>
      <c r="AV15" s="218">
        <v>134</v>
      </c>
      <c r="AW15" s="218">
        <v>159</v>
      </c>
      <c r="AX15" s="219">
        <v>83</v>
      </c>
      <c r="AY15" s="240">
        <v>513</v>
      </c>
      <c r="AZ15" s="241">
        <v>513</v>
      </c>
      <c r="BA15" s="217">
        <v>0</v>
      </c>
      <c r="BB15" s="219">
        <v>0</v>
      </c>
      <c r="BC15" s="219">
        <v>0</v>
      </c>
      <c r="BD15" s="220">
        <v>0</v>
      </c>
      <c r="BE15" s="218">
        <v>1</v>
      </c>
      <c r="BF15" s="218">
        <v>1</v>
      </c>
      <c r="BG15" s="218">
        <v>2</v>
      </c>
      <c r="BH15" s="219">
        <v>3</v>
      </c>
      <c r="BI15" s="240">
        <v>7</v>
      </c>
      <c r="BJ15" s="242">
        <v>7</v>
      </c>
      <c r="BK15" s="222">
        <v>0</v>
      </c>
      <c r="BL15" s="219">
        <v>0</v>
      </c>
      <c r="BM15" s="219">
        <v>0</v>
      </c>
      <c r="BN15" s="220">
        <v>0</v>
      </c>
      <c r="BO15" s="218">
        <v>0</v>
      </c>
      <c r="BP15" s="218">
        <v>0</v>
      </c>
      <c r="BQ15" s="218">
        <v>0</v>
      </c>
      <c r="BR15" s="219">
        <v>0</v>
      </c>
      <c r="BS15" s="240">
        <v>0</v>
      </c>
      <c r="BT15" s="241">
        <v>0</v>
      </c>
      <c r="BU15" s="217">
        <v>0</v>
      </c>
      <c r="BV15" s="219">
        <v>0</v>
      </c>
      <c r="BW15" s="219">
        <v>0</v>
      </c>
      <c r="BX15" s="220">
        <v>0</v>
      </c>
      <c r="BY15" s="218">
        <v>0</v>
      </c>
      <c r="BZ15" s="218">
        <v>0</v>
      </c>
      <c r="CA15" s="218">
        <v>0</v>
      </c>
      <c r="CB15" s="219">
        <v>0</v>
      </c>
      <c r="CC15" s="240">
        <v>0</v>
      </c>
      <c r="CD15" s="242">
        <v>0</v>
      </c>
      <c r="CE15" s="222">
        <v>0</v>
      </c>
      <c r="CF15" s="219">
        <v>0</v>
      </c>
      <c r="CG15" s="219">
        <v>0</v>
      </c>
      <c r="CH15" s="220">
        <v>0</v>
      </c>
      <c r="CI15" s="218">
        <v>0</v>
      </c>
      <c r="CJ15" s="218">
        <v>0</v>
      </c>
      <c r="CK15" s="218">
        <v>0</v>
      </c>
      <c r="CL15" s="219">
        <v>0</v>
      </c>
      <c r="CM15" s="240">
        <v>0</v>
      </c>
      <c r="CN15" s="242">
        <v>0</v>
      </c>
      <c r="CO15" s="222">
        <v>0</v>
      </c>
      <c r="CP15" s="219">
        <v>0</v>
      </c>
      <c r="CQ15" s="219">
        <v>0</v>
      </c>
      <c r="CR15" s="220">
        <v>4</v>
      </c>
      <c r="CS15" s="218">
        <v>7</v>
      </c>
      <c r="CT15" s="218">
        <v>7</v>
      </c>
      <c r="CU15" s="218">
        <v>14</v>
      </c>
      <c r="CV15" s="219">
        <v>36</v>
      </c>
      <c r="CW15" s="240">
        <v>68</v>
      </c>
      <c r="CX15" s="241">
        <v>68</v>
      </c>
      <c r="CY15" s="217">
        <v>0</v>
      </c>
      <c r="CZ15" s="219">
        <v>0</v>
      </c>
      <c r="DA15" s="219">
        <v>0</v>
      </c>
      <c r="DB15" s="220">
        <v>4</v>
      </c>
      <c r="DC15" s="218">
        <v>7</v>
      </c>
      <c r="DD15" s="218">
        <v>7</v>
      </c>
      <c r="DE15" s="218">
        <v>14</v>
      </c>
      <c r="DF15" s="219">
        <v>35</v>
      </c>
      <c r="DG15" s="240">
        <v>67</v>
      </c>
      <c r="DH15" s="242">
        <v>67</v>
      </c>
      <c r="DI15" s="222">
        <v>0</v>
      </c>
      <c r="DJ15" s="219">
        <v>0</v>
      </c>
      <c r="DK15" s="219">
        <v>0</v>
      </c>
      <c r="DL15" s="220">
        <v>0</v>
      </c>
      <c r="DM15" s="218">
        <v>0</v>
      </c>
      <c r="DN15" s="218">
        <v>0</v>
      </c>
      <c r="DO15" s="218">
        <v>0</v>
      </c>
      <c r="DP15" s="219">
        <v>1</v>
      </c>
      <c r="DQ15" s="240">
        <v>1</v>
      </c>
      <c r="DR15" s="242">
        <v>1</v>
      </c>
      <c r="DS15" s="222">
        <v>0</v>
      </c>
      <c r="DT15" s="219">
        <v>0</v>
      </c>
      <c r="DU15" s="219">
        <v>0</v>
      </c>
      <c r="DV15" s="220">
        <v>52</v>
      </c>
      <c r="DW15" s="218">
        <v>106</v>
      </c>
      <c r="DX15" s="218">
        <v>333</v>
      </c>
      <c r="DY15" s="218">
        <v>548</v>
      </c>
      <c r="DZ15" s="219">
        <v>333</v>
      </c>
      <c r="EA15" s="240">
        <v>1372</v>
      </c>
      <c r="EB15" s="242">
        <v>1372</v>
      </c>
      <c r="EC15" s="239"/>
    </row>
    <row r="16" spans="2:133" ht="21" customHeight="1" x14ac:dyDescent="0.2">
      <c r="B16" s="106" t="s">
        <v>12</v>
      </c>
      <c r="C16" s="217">
        <v>0</v>
      </c>
      <c r="D16" s="219">
        <v>0</v>
      </c>
      <c r="E16" s="219">
        <v>0</v>
      </c>
      <c r="F16" s="220">
        <v>2</v>
      </c>
      <c r="G16" s="218">
        <v>12</v>
      </c>
      <c r="H16" s="218">
        <v>191</v>
      </c>
      <c r="I16" s="218">
        <v>359</v>
      </c>
      <c r="J16" s="219">
        <v>200</v>
      </c>
      <c r="K16" s="240">
        <v>764</v>
      </c>
      <c r="L16" s="241">
        <v>764</v>
      </c>
      <c r="M16" s="217">
        <v>0</v>
      </c>
      <c r="N16" s="219">
        <v>0</v>
      </c>
      <c r="O16" s="240">
        <v>0</v>
      </c>
      <c r="P16" s="220">
        <v>2</v>
      </c>
      <c r="Q16" s="218">
        <v>12</v>
      </c>
      <c r="R16" s="218">
        <v>191</v>
      </c>
      <c r="S16" s="218">
        <v>358</v>
      </c>
      <c r="T16" s="219">
        <v>198</v>
      </c>
      <c r="U16" s="240">
        <v>761</v>
      </c>
      <c r="V16" s="242">
        <v>761</v>
      </c>
      <c r="W16" s="222">
        <v>0</v>
      </c>
      <c r="X16" s="219">
        <v>0</v>
      </c>
      <c r="Y16" s="240">
        <v>0</v>
      </c>
      <c r="Z16" s="222">
        <v>0</v>
      </c>
      <c r="AA16" s="218">
        <v>0</v>
      </c>
      <c r="AB16" s="218">
        <v>0</v>
      </c>
      <c r="AC16" s="218">
        <v>1</v>
      </c>
      <c r="AD16" s="219">
        <v>2</v>
      </c>
      <c r="AE16" s="240">
        <v>3</v>
      </c>
      <c r="AF16" s="221">
        <v>3</v>
      </c>
      <c r="AG16" s="222">
        <v>0</v>
      </c>
      <c r="AH16" s="219">
        <v>0</v>
      </c>
      <c r="AI16" s="240">
        <v>0</v>
      </c>
      <c r="AJ16" s="222">
        <v>36</v>
      </c>
      <c r="AK16" s="218">
        <v>91</v>
      </c>
      <c r="AL16" s="218">
        <v>160</v>
      </c>
      <c r="AM16" s="218">
        <v>175</v>
      </c>
      <c r="AN16" s="219">
        <v>72</v>
      </c>
      <c r="AO16" s="240">
        <v>534</v>
      </c>
      <c r="AP16" s="221">
        <v>534</v>
      </c>
      <c r="AQ16" s="222">
        <v>0</v>
      </c>
      <c r="AR16" s="219">
        <v>0</v>
      </c>
      <c r="AS16" s="240">
        <v>0</v>
      </c>
      <c r="AT16" s="220">
        <v>35</v>
      </c>
      <c r="AU16" s="218">
        <v>91</v>
      </c>
      <c r="AV16" s="218">
        <v>158</v>
      </c>
      <c r="AW16" s="218">
        <v>173</v>
      </c>
      <c r="AX16" s="219">
        <v>70</v>
      </c>
      <c r="AY16" s="240">
        <v>527</v>
      </c>
      <c r="AZ16" s="241">
        <v>527</v>
      </c>
      <c r="BA16" s="217">
        <v>0</v>
      </c>
      <c r="BB16" s="219">
        <v>0</v>
      </c>
      <c r="BC16" s="219">
        <v>0</v>
      </c>
      <c r="BD16" s="220">
        <v>1</v>
      </c>
      <c r="BE16" s="218">
        <v>0</v>
      </c>
      <c r="BF16" s="218">
        <v>2</v>
      </c>
      <c r="BG16" s="218">
        <v>2</v>
      </c>
      <c r="BH16" s="219">
        <v>2</v>
      </c>
      <c r="BI16" s="240">
        <v>7</v>
      </c>
      <c r="BJ16" s="242">
        <v>7</v>
      </c>
      <c r="BK16" s="222">
        <v>0</v>
      </c>
      <c r="BL16" s="219">
        <v>0</v>
      </c>
      <c r="BM16" s="219">
        <v>0</v>
      </c>
      <c r="BN16" s="220">
        <v>0</v>
      </c>
      <c r="BO16" s="218">
        <v>0</v>
      </c>
      <c r="BP16" s="218">
        <v>0</v>
      </c>
      <c r="BQ16" s="218">
        <v>0</v>
      </c>
      <c r="BR16" s="219">
        <v>0</v>
      </c>
      <c r="BS16" s="240">
        <v>0</v>
      </c>
      <c r="BT16" s="241">
        <v>0</v>
      </c>
      <c r="BU16" s="217">
        <v>0</v>
      </c>
      <c r="BV16" s="219">
        <v>0</v>
      </c>
      <c r="BW16" s="219">
        <v>0</v>
      </c>
      <c r="BX16" s="220">
        <v>0</v>
      </c>
      <c r="BY16" s="218">
        <v>0</v>
      </c>
      <c r="BZ16" s="218">
        <v>0</v>
      </c>
      <c r="CA16" s="218">
        <v>0</v>
      </c>
      <c r="CB16" s="219">
        <v>0</v>
      </c>
      <c r="CC16" s="240">
        <v>0</v>
      </c>
      <c r="CD16" s="242">
        <v>0</v>
      </c>
      <c r="CE16" s="222">
        <v>0</v>
      </c>
      <c r="CF16" s="219">
        <v>0</v>
      </c>
      <c r="CG16" s="219">
        <v>0</v>
      </c>
      <c r="CH16" s="220">
        <v>0</v>
      </c>
      <c r="CI16" s="218">
        <v>0</v>
      </c>
      <c r="CJ16" s="218">
        <v>0</v>
      </c>
      <c r="CK16" s="218">
        <v>0</v>
      </c>
      <c r="CL16" s="219">
        <v>0</v>
      </c>
      <c r="CM16" s="240">
        <v>0</v>
      </c>
      <c r="CN16" s="242">
        <v>0</v>
      </c>
      <c r="CO16" s="222">
        <v>0</v>
      </c>
      <c r="CP16" s="219">
        <v>0</v>
      </c>
      <c r="CQ16" s="219">
        <v>0</v>
      </c>
      <c r="CR16" s="220">
        <v>0</v>
      </c>
      <c r="CS16" s="218">
        <v>0</v>
      </c>
      <c r="CT16" s="218">
        <v>3</v>
      </c>
      <c r="CU16" s="218">
        <v>17</v>
      </c>
      <c r="CV16" s="219">
        <v>9</v>
      </c>
      <c r="CW16" s="240">
        <v>29</v>
      </c>
      <c r="CX16" s="241">
        <v>29</v>
      </c>
      <c r="CY16" s="217">
        <v>0</v>
      </c>
      <c r="CZ16" s="219">
        <v>0</v>
      </c>
      <c r="DA16" s="219">
        <v>0</v>
      </c>
      <c r="DB16" s="220">
        <v>0</v>
      </c>
      <c r="DC16" s="218">
        <v>0</v>
      </c>
      <c r="DD16" s="218">
        <v>3</v>
      </c>
      <c r="DE16" s="218">
        <v>17</v>
      </c>
      <c r="DF16" s="219">
        <v>9</v>
      </c>
      <c r="DG16" s="240">
        <v>29</v>
      </c>
      <c r="DH16" s="242">
        <v>29</v>
      </c>
      <c r="DI16" s="222">
        <v>0</v>
      </c>
      <c r="DJ16" s="219">
        <v>0</v>
      </c>
      <c r="DK16" s="219">
        <v>0</v>
      </c>
      <c r="DL16" s="220">
        <v>0</v>
      </c>
      <c r="DM16" s="218">
        <v>0</v>
      </c>
      <c r="DN16" s="218">
        <v>0</v>
      </c>
      <c r="DO16" s="218">
        <v>0</v>
      </c>
      <c r="DP16" s="219">
        <v>0</v>
      </c>
      <c r="DQ16" s="240">
        <v>0</v>
      </c>
      <c r="DR16" s="242">
        <v>0</v>
      </c>
      <c r="DS16" s="222">
        <v>0</v>
      </c>
      <c r="DT16" s="219">
        <v>0</v>
      </c>
      <c r="DU16" s="219">
        <v>0</v>
      </c>
      <c r="DV16" s="220">
        <v>38</v>
      </c>
      <c r="DW16" s="218">
        <v>103</v>
      </c>
      <c r="DX16" s="218">
        <v>353</v>
      </c>
      <c r="DY16" s="218">
        <v>547</v>
      </c>
      <c r="DZ16" s="219">
        <v>281</v>
      </c>
      <c r="EA16" s="240">
        <v>1322</v>
      </c>
      <c r="EB16" s="242">
        <v>1322</v>
      </c>
      <c r="EC16" s="239"/>
    </row>
    <row r="17" spans="2:133" ht="21" customHeight="1" x14ac:dyDescent="0.2">
      <c r="B17" s="106" t="s">
        <v>13</v>
      </c>
      <c r="C17" s="217">
        <v>0</v>
      </c>
      <c r="D17" s="219">
        <v>0</v>
      </c>
      <c r="E17" s="219">
        <v>0</v>
      </c>
      <c r="F17" s="220">
        <v>1</v>
      </c>
      <c r="G17" s="218">
        <v>4</v>
      </c>
      <c r="H17" s="218">
        <v>69</v>
      </c>
      <c r="I17" s="218">
        <v>130</v>
      </c>
      <c r="J17" s="219">
        <v>125</v>
      </c>
      <c r="K17" s="240">
        <v>329</v>
      </c>
      <c r="L17" s="241">
        <v>329</v>
      </c>
      <c r="M17" s="217">
        <v>0</v>
      </c>
      <c r="N17" s="219">
        <v>0</v>
      </c>
      <c r="O17" s="240">
        <v>0</v>
      </c>
      <c r="P17" s="220">
        <v>1</v>
      </c>
      <c r="Q17" s="218">
        <v>4</v>
      </c>
      <c r="R17" s="218">
        <v>67</v>
      </c>
      <c r="S17" s="218">
        <v>130</v>
      </c>
      <c r="T17" s="219">
        <v>124</v>
      </c>
      <c r="U17" s="240">
        <v>326</v>
      </c>
      <c r="V17" s="242">
        <v>326</v>
      </c>
      <c r="W17" s="222">
        <v>0</v>
      </c>
      <c r="X17" s="219">
        <v>0</v>
      </c>
      <c r="Y17" s="240">
        <v>0</v>
      </c>
      <c r="Z17" s="222">
        <v>0</v>
      </c>
      <c r="AA17" s="218">
        <v>0</v>
      </c>
      <c r="AB17" s="218">
        <v>2</v>
      </c>
      <c r="AC17" s="218">
        <v>0</v>
      </c>
      <c r="AD17" s="219">
        <v>1</v>
      </c>
      <c r="AE17" s="240">
        <v>3</v>
      </c>
      <c r="AF17" s="221">
        <v>3</v>
      </c>
      <c r="AG17" s="222">
        <v>0</v>
      </c>
      <c r="AH17" s="219">
        <v>0</v>
      </c>
      <c r="AI17" s="240">
        <v>0</v>
      </c>
      <c r="AJ17" s="222">
        <v>10</v>
      </c>
      <c r="AK17" s="218">
        <v>15</v>
      </c>
      <c r="AL17" s="218">
        <v>34</v>
      </c>
      <c r="AM17" s="218">
        <v>39</v>
      </c>
      <c r="AN17" s="219">
        <v>22</v>
      </c>
      <c r="AO17" s="240">
        <v>120</v>
      </c>
      <c r="AP17" s="221">
        <v>120</v>
      </c>
      <c r="AQ17" s="222">
        <v>0</v>
      </c>
      <c r="AR17" s="219">
        <v>0</v>
      </c>
      <c r="AS17" s="240">
        <v>0</v>
      </c>
      <c r="AT17" s="220">
        <v>9</v>
      </c>
      <c r="AU17" s="218">
        <v>14</v>
      </c>
      <c r="AV17" s="218">
        <v>34</v>
      </c>
      <c r="AW17" s="218">
        <v>38</v>
      </c>
      <c r="AX17" s="219">
        <v>21</v>
      </c>
      <c r="AY17" s="240">
        <v>116</v>
      </c>
      <c r="AZ17" s="241">
        <v>116</v>
      </c>
      <c r="BA17" s="217">
        <v>0</v>
      </c>
      <c r="BB17" s="219">
        <v>0</v>
      </c>
      <c r="BC17" s="219">
        <v>0</v>
      </c>
      <c r="BD17" s="220">
        <v>1</v>
      </c>
      <c r="BE17" s="218">
        <v>1</v>
      </c>
      <c r="BF17" s="218">
        <v>0</v>
      </c>
      <c r="BG17" s="218">
        <v>1</v>
      </c>
      <c r="BH17" s="219">
        <v>1</v>
      </c>
      <c r="BI17" s="240">
        <v>4</v>
      </c>
      <c r="BJ17" s="242">
        <v>4</v>
      </c>
      <c r="BK17" s="222">
        <v>0</v>
      </c>
      <c r="BL17" s="219">
        <v>0</v>
      </c>
      <c r="BM17" s="219">
        <v>0</v>
      </c>
      <c r="BN17" s="220">
        <v>0</v>
      </c>
      <c r="BO17" s="218">
        <v>0</v>
      </c>
      <c r="BP17" s="218">
        <v>0</v>
      </c>
      <c r="BQ17" s="218">
        <v>0</v>
      </c>
      <c r="BR17" s="219">
        <v>0</v>
      </c>
      <c r="BS17" s="240">
        <v>0</v>
      </c>
      <c r="BT17" s="241">
        <v>0</v>
      </c>
      <c r="BU17" s="217">
        <v>0</v>
      </c>
      <c r="BV17" s="219">
        <v>0</v>
      </c>
      <c r="BW17" s="219">
        <v>0</v>
      </c>
      <c r="BX17" s="220">
        <v>0</v>
      </c>
      <c r="BY17" s="218">
        <v>0</v>
      </c>
      <c r="BZ17" s="218">
        <v>0</v>
      </c>
      <c r="CA17" s="218">
        <v>0</v>
      </c>
      <c r="CB17" s="219">
        <v>0</v>
      </c>
      <c r="CC17" s="240">
        <v>0</v>
      </c>
      <c r="CD17" s="242">
        <v>0</v>
      </c>
      <c r="CE17" s="222">
        <v>0</v>
      </c>
      <c r="CF17" s="219">
        <v>0</v>
      </c>
      <c r="CG17" s="219">
        <v>0</v>
      </c>
      <c r="CH17" s="220">
        <v>0</v>
      </c>
      <c r="CI17" s="218">
        <v>0</v>
      </c>
      <c r="CJ17" s="218">
        <v>0</v>
      </c>
      <c r="CK17" s="218">
        <v>0</v>
      </c>
      <c r="CL17" s="219">
        <v>0</v>
      </c>
      <c r="CM17" s="240">
        <v>0</v>
      </c>
      <c r="CN17" s="242">
        <v>0</v>
      </c>
      <c r="CO17" s="222">
        <v>0</v>
      </c>
      <c r="CP17" s="219">
        <v>0</v>
      </c>
      <c r="CQ17" s="219">
        <v>0</v>
      </c>
      <c r="CR17" s="220">
        <v>0</v>
      </c>
      <c r="CS17" s="218">
        <v>0</v>
      </c>
      <c r="CT17" s="218">
        <v>0</v>
      </c>
      <c r="CU17" s="218">
        <v>0</v>
      </c>
      <c r="CV17" s="219">
        <v>1</v>
      </c>
      <c r="CW17" s="240">
        <v>1</v>
      </c>
      <c r="CX17" s="241">
        <v>1</v>
      </c>
      <c r="CY17" s="217">
        <v>0</v>
      </c>
      <c r="CZ17" s="219">
        <v>0</v>
      </c>
      <c r="DA17" s="219">
        <v>0</v>
      </c>
      <c r="DB17" s="220">
        <v>0</v>
      </c>
      <c r="DC17" s="218">
        <v>0</v>
      </c>
      <c r="DD17" s="218">
        <v>0</v>
      </c>
      <c r="DE17" s="218">
        <v>0</v>
      </c>
      <c r="DF17" s="219">
        <v>1</v>
      </c>
      <c r="DG17" s="240">
        <v>1</v>
      </c>
      <c r="DH17" s="242">
        <v>1</v>
      </c>
      <c r="DI17" s="222">
        <v>0</v>
      </c>
      <c r="DJ17" s="219">
        <v>0</v>
      </c>
      <c r="DK17" s="219">
        <v>0</v>
      </c>
      <c r="DL17" s="220">
        <v>0</v>
      </c>
      <c r="DM17" s="218">
        <v>0</v>
      </c>
      <c r="DN17" s="218">
        <v>0</v>
      </c>
      <c r="DO17" s="218">
        <v>0</v>
      </c>
      <c r="DP17" s="219">
        <v>0</v>
      </c>
      <c r="DQ17" s="240">
        <v>0</v>
      </c>
      <c r="DR17" s="242">
        <v>0</v>
      </c>
      <c r="DS17" s="222">
        <v>0</v>
      </c>
      <c r="DT17" s="219">
        <v>0</v>
      </c>
      <c r="DU17" s="219">
        <v>0</v>
      </c>
      <c r="DV17" s="220">
        <v>11</v>
      </c>
      <c r="DW17" s="218">
        <v>19</v>
      </c>
      <c r="DX17" s="218">
        <v>103</v>
      </c>
      <c r="DY17" s="218">
        <v>169</v>
      </c>
      <c r="DZ17" s="219">
        <v>148</v>
      </c>
      <c r="EA17" s="240">
        <v>450</v>
      </c>
      <c r="EB17" s="242">
        <v>450</v>
      </c>
      <c r="EC17" s="239"/>
    </row>
    <row r="18" spans="2:133" ht="21" customHeight="1" x14ac:dyDescent="0.2">
      <c r="B18" s="106" t="s">
        <v>15</v>
      </c>
      <c r="C18" s="217">
        <v>0</v>
      </c>
      <c r="D18" s="219">
        <v>0</v>
      </c>
      <c r="E18" s="219">
        <v>0</v>
      </c>
      <c r="F18" s="220">
        <v>1</v>
      </c>
      <c r="G18" s="218">
        <v>1</v>
      </c>
      <c r="H18" s="218">
        <v>82</v>
      </c>
      <c r="I18" s="218">
        <v>166</v>
      </c>
      <c r="J18" s="219">
        <v>69</v>
      </c>
      <c r="K18" s="240">
        <v>319</v>
      </c>
      <c r="L18" s="241">
        <v>319</v>
      </c>
      <c r="M18" s="217">
        <v>0</v>
      </c>
      <c r="N18" s="219">
        <v>0</v>
      </c>
      <c r="O18" s="240">
        <v>0</v>
      </c>
      <c r="P18" s="220">
        <v>1</v>
      </c>
      <c r="Q18" s="218">
        <v>1</v>
      </c>
      <c r="R18" s="218">
        <v>82</v>
      </c>
      <c r="S18" s="218">
        <v>164</v>
      </c>
      <c r="T18" s="219">
        <v>67</v>
      </c>
      <c r="U18" s="240">
        <v>315</v>
      </c>
      <c r="V18" s="242">
        <v>315</v>
      </c>
      <c r="W18" s="222">
        <v>0</v>
      </c>
      <c r="X18" s="219">
        <v>0</v>
      </c>
      <c r="Y18" s="240">
        <v>0</v>
      </c>
      <c r="Z18" s="222">
        <v>0</v>
      </c>
      <c r="AA18" s="218">
        <v>0</v>
      </c>
      <c r="AB18" s="218">
        <v>0</v>
      </c>
      <c r="AC18" s="218">
        <v>2</v>
      </c>
      <c r="AD18" s="219">
        <v>2</v>
      </c>
      <c r="AE18" s="240">
        <v>4</v>
      </c>
      <c r="AF18" s="221">
        <v>4</v>
      </c>
      <c r="AG18" s="222">
        <v>0</v>
      </c>
      <c r="AH18" s="219">
        <v>0</v>
      </c>
      <c r="AI18" s="240">
        <v>0</v>
      </c>
      <c r="AJ18" s="222">
        <v>18</v>
      </c>
      <c r="AK18" s="218">
        <v>34</v>
      </c>
      <c r="AL18" s="218">
        <v>44</v>
      </c>
      <c r="AM18" s="218">
        <v>60</v>
      </c>
      <c r="AN18" s="219">
        <v>22</v>
      </c>
      <c r="AO18" s="240">
        <v>178</v>
      </c>
      <c r="AP18" s="221">
        <v>178</v>
      </c>
      <c r="AQ18" s="222">
        <v>0</v>
      </c>
      <c r="AR18" s="219">
        <v>0</v>
      </c>
      <c r="AS18" s="240">
        <v>0</v>
      </c>
      <c r="AT18" s="220">
        <v>18</v>
      </c>
      <c r="AU18" s="218">
        <v>34</v>
      </c>
      <c r="AV18" s="218">
        <v>44</v>
      </c>
      <c r="AW18" s="218">
        <v>59</v>
      </c>
      <c r="AX18" s="219">
        <v>21</v>
      </c>
      <c r="AY18" s="240">
        <v>176</v>
      </c>
      <c r="AZ18" s="241">
        <v>176</v>
      </c>
      <c r="BA18" s="217">
        <v>0</v>
      </c>
      <c r="BB18" s="219">
        <v>0</v>
      </c>
      <c r="BC18" s="219">
        <v>0</v>
      </c>
      <c r="BD18" s="220">
        <v>0</v>
      </c>
      <c r="BE18" s="218">
        <v>0</v>
      </c>
      <c r="BF18" s="218">
        <v>0</v>
      </c>
      <c r="BG18" s="218">
        <v>1</v>
      </c>
      <c r="BH18" s="219">
        <v>1</v>
      </c>
      <c r="BI18" s="240">
        <v>2</v>
      </c>
      <c r="BJ18" s="242">
        <v>2</v>
      </c>
      <c r="BK18" s="222">
        <v>0</v>
      </c>
      <c r="BL18" s="219">
        <v>0</v>
      </c>
      <c r="BM18" s="219">
        <v>0</v>
      </c>
      <c r="BN18" s="220">
        <v>0</v>
      </c>
      <c r="BO18" s="218">
        <v>0</v>
      </c>
      <c r="BP18" s="218">
        <v>0</v>
      </c>
      <c r="BQ18" s="218">
        <v>0</v>
      </c>
      <c r="BR18" s="219">
        <v>0</v>
      </c>
      <c r="BS18" s="240">
        <v>0</v>
      </c>
      <c r="BT18" s="241">
        <v>0</v>
      </c>
      <c r="BU18" s="217">
        <v>0</v>
      </c>
      <c r="BV18" s="219">
        <v>0</v>
      </c>
      <c r="BW18" s="219">
        <v>0</v>
      </c>
      <c r="BX18" s="220">
        <v>0</v>
      </c>
      <c r="BY18" s="218">
        <v>0</v>
      </c>
      <c r="BZ18" s="218">
        <v>0</v>
      </c>
      <c r="CA18" s="218">
        <v>0</v>
      </c>
      <c r="CB18" s="219">
        <v>0</v>
      </c>
      <c r="CC18" s="240">
        <v>0</v>
      </c>
      <c r="CD18" s="242">
        <v>0</v>
      </c>
      <c r="CE18" s="222">
        <v>0</v>
      </c>
      <c r="CF18" s="219">
        <v>0</v>
      </c>
      <c r="CG18" s="219">
        <v>0</v>
      </c>
      <c r="CH18" s="220">
        <v>0</v>
      </c>
      <c r="CI18" s="218">
        <v>0</v>
      </c>
      <c r="CJ18" s="218">
        <v>0</v>
      </c>
      <c r="CK18" s="218">
        <v>0</v>
      </c>
      <c r="CL18" s="219">
        <v>0</v>
      </c>
      <c r="CM18" s="240">
        <v>0</v>
      </c>
      <c r="CN18" s="242">
        <v>0</v>
      </c>
      <c r="CO18" s="222">
        <v>0</v>
      </c>
      <c r="CP18" s="219">
        <v>0</v>
      </c>
      <c r="CQ18" s="219">
        <v>0</v>
      </c>
      <c r="CR18" s="220">
        <v>0</v>
      </c>
      <c r="CS18" s="218">
        <v>0</v>
      </c>
      <c r="CT18" s="218">
        <v>0</v>
      </c>
      <c r="CU18" s="218">
        <v>0</v>
      </c>
      <c r="CV18" s="219">
        <v>0</v>
      </c>
      <c r="CW18" s="240">
        <v>0</v>
      </c>
      <c r="CX18" s="241">
        <v>0</v>
      </c>
      <c r="CY18" s="217">
        <v>0</v>
      </c>
      <c r="CZ18" s="219">
        <v>0</v>
      </c>
      <c r="DA18" s="219">
        <v>0</v>
      </c>
      <c r="DB18" s="220">
        <v>0</v>
      </c>
      <c r="DC18" s="218">
        <v>0</v>
      </c>
      <c r="DD18" s="218">
        <v>0</v>
      </c>
      <c r="DE18" s="218">
        <v>0</v>
      </c>
      <c r="DF18" s="219">
        <v>0</v>
      </c>
      <c r="DG18" s="240">
        <v>0</v>
      </c>
      <c r="DH18" s="242">
        <v>0</v>
      </c>
      <c r="DI18" s="222">
        <v>0</v>
      </c>
      <c r="DJ18" s="219">
        <v>0</v>
      </c>
      <c r="DK18" s="219">
        <v>0</v>
      </c>
      <c r="DL18" s="220">
        <v>0</v>
      </c>
      <c r="DM18" s="218">
        <v>0</v>
      </c>
      <c r="DN18" s="218">
        <v>0</v>
      </c>
      <c r="DO18" s="218">
        <v>0</v>
      </c>
      <c r="DP18" s="219">
        <v>0</v>
      </c>
      <c r="DQ18" s="240">
        <v>0</v>
      </c>
      <c r="DR18" s="242">
        <v>0</v>
      </c>
      <c r="DS18" s="222">
        <v>0</v>
      </c>
      <c r="DT18" s="219">
        <v>0</v>
      </c>
      <c r="DU18" s="219">
        <v>0</v>
      </c>
      <c r="DV18" s="220">
        <v>19</v>
      </c>
      <c r="DW18" s="218">
        <v>35</v>
      </c>
      <c r="DX18" s="218">
        <v>126</v>
      </c>
      <c r="DY18" s="218">
        <v>226</v>
      </c>
      <c r="DZ18" s="219">
        <v>91</v>
      </c>
      <c r="EA18" s="240">
        <v>497</v>
      </c>
      <c r="EB18" s="242">
        <v>497</v>
      </c>
      <c r="EC18" s="239"/>
    </row>
    <row r="19" spans="2:133" ht="21" customHeight="1" x14ac:dyDescent="0.2">
      <c r="B19" s="106" t="s">
        <v>16</v>
      </c>
      <c r="C19" s="217">
        <v>0</v>
      </c>
      <c r="D19" s="219">
        <v>0</v>
      </c>
      <c r="E19" s="219">
        <v>0</v>
      </c>
      <c r="F19" s="220">
        <v>6</v>
      </c>
      <c r="G19" s="218">
        <v>13</v>
      </c>
      <c r="H19" s="218">
        <v>221</v>
      </c>
      <c r="I19" s="218">
        <v>311</v>
      </c>
      <c r="J19" s="219">
        <v>178</v>
      </c>
      <c r="K19" s="240">
        <v>729</v>
      </c>
      <c r="L19" s="241">
        <v>729</v>
      </c>
      <c r="M19" s="217">
        <v>0</v>
      </c>
      <c r="N19" s="219">
        <v>0</v>
      </c>
      <c r="O19" s="240">
        <v>0</v>
      </c>
      <c r="P19" s="220">
        <v>6</v>
      </c>
      <c r="Q19" s="218">
        <v>12</v>
      </c>
      <c r="R19" s="218">
        <v>220</v>
      </c>
      <c r="S19" s="218">
        <v>310</v>
      </c>
      <c r="T19" s="219">
        <v>176</v>
      </c>
      <c r="U19" s="240">
        <v>724</v>
      </c>
      <c r="V19" s="242">
        <v>724</v>
      </c>
      <c r="W19" s="222">
        <v>0</v>
      </c>
      <c r="X19" s="219">
        <v>0</v>
      </c>
      <c r="Y19" s="240">
        <v>0</v>
      </c>
      <c r="Z19" s="222">
        <v>0</v>
      </c>
      <c r="AA19" s="218">
        <v>1</v>
      </c>
      <c r="AB19" s="218">
        <v>1</v>
      </c>
      <c r="AC19" s="218">
        <v>1</v>
      </c>
      <c r="AD19" s="219">
        <v>2</v>
      </c>
      <c r="AE19" s="240">
        <v>5</v>
      </c>
      <c r="AF19" s="221">
        <v>5</v>
      </c>
      <c r="AG19" s="222">
        <v>0</v>
      </c>
      <c r="AH19" s="219">
        <v>0</v>
      </c>
      <c r="AI19" s="240">
        <v>0</v>
      </c>
      <c r="AJ19" s="222">
        <v>52</v>
      </c>
      <c r="AK19" s="218">
        <v>85</v>
      </c>
      <c r="AL19" s="218">
        <v>133</v>
      </c>
      <c r="AM19" s="218">
        <v>149</v>
      </c>
      <c r="AN19" s="219">
        <v>63</v>
      </c>
      <c r="AO19" s="240">
        <v>482</v>
      </c>
      <c r="AP19" s="221">
        <v>482</v>
      </c>
      <c r="AQ19" s="222">
        <v>0</v>
      </c>
      <c r="AR19" s="219">
        <v>0</v>
      </c>
      <c r="AS19" s="240">
        <v>0</v>
      </c>
      <c r="AT19" s="220">
        <v>52</v>
      </c>
      <c r="AU19" s="218">
        <v>84</v>
      </c>
      <c r="AV19" s="218">
        <v>131</v>
      </c>
      <c r="AW19" s="218">
        <v>148</v>
      </c>
      <c r="AX19" s="219">
        <v>62</v>
      </c>
      <c r="AY19" s="240">
        <v>477</v>
      </c>
      <c r="AZ19" s="241">
        <v>477</v>
      </c>
      <c r="BA19" s="217">
        <v>0</v>
      </c>
      <c r="BB19" s="219">
        <v>0</v>
      </c>
      <c r="BC19" s="219">
        <v>0</v>
      </c>
      <c r="BD19" s="220">
        <v>0</v>
      </c>
      <c r="BE19" s="218">
        <v>1</v>
      </c>
      <c r="BF19" s="218">
        <v>2</v>
      </c>
      <c r="BG19" s="218">
        <v>1</v>
      </c>
      <c r="BH19" s="219">
        <v>1</v>
      </c>
      <c r="BI19" s="240">
        <v>5</v>
      </c>
      <c r="BJ19" s="242">
        <v>5</v>
      </c>
      <c r="BK19" s="222">
        <v>0</v>
      </c>
      <c r="BL19" s="219">
        <v>0</v>
      </c>
      <c r="BM19" s="219">
        <v>0</v>
      </c>
      <c r="BN19" s="220">
        <v>0</v>
      </c>
      <c r="BO19" s="218">
        <v>0</v>
      </c>
      <c r="BP19" s="218">
        <v>0</v>
      </c>
      <c r="BQ19" s="218">
        <v>0</v>
      </c>
      <c r="BR19" s="219">
        <v>0</v>
      </c>
      <c r="BS19" s="240">
        <v>0</v>
      </c>
      <c r="BT19" s="241">
        <v>0</v>
      </c>
      <c r="BU19" s="217">
        <v>0</v>
      </c>
      <c r="BV19" s="219">
        <v>0</v>
      </c>
      <c r="BW19" s="219">
        <v>0</v>
      </c>
      <c r="BX19" s="220">
        <v>0</v>
      </c>
      <c r="BY19" s="218">
        <v>0</v>
      </c>
      <c r="BZ19" s="218">
        <v>0</v>
      </c>
      <c r="CA19" s="218">
        <v>0</v>
      </c>
      <c r="CB19" s="219">
        <v>0</v>
      </c>
      <c r="CC19" s="240">
        <v>0</v>
      </c>
      <c r="CD19" s="242">
        <v>0</v>
      </c>
      <c r="CE19" s="222">
        <v>0</v>
      </c>
      <c r="CF19" s="219">
        <v>0</v>
      </c>
      <c r="CG19" s="219">
        <v>0</v>
      </c>
      <c r="CH19" s="220">
        <v>0</v>
      </c>
      <c r="CI19" s="218">
        <v>0</v>
      </c>
      <c r="CJ19" s="218">
        <v>0</v>
      </c>
      <c r="CK19" s="218">
        <v>0</v>
      </c>
      <c r="CL19" s="219">
        <v>0</v>
      </c>
      <c r="CM19" s="240">
        <v>0</v>
      </c>
      <c r="CN19" s="242">
        <v>0</v>
      </c>
      <c r="CO19" s="222">
        <v>0</v>
      </c>
      <c r="CP19" s="219">
        <v>0</v>
      </c>
      <c r="CQ19" s="219">
        <v>0</v>
      </c>
      <c r="CR19" s="220">
        <v>0</v>
      </c>
      <c r="CS19" s="218">
        <v>0</v>
      </c>
      <c r="CT19" s="218">
        <v>2</v>
      </c>
      <c r="CU19" s="218">
        <v>13</v>
      </c>
      <c r="CV19" s="219">
        <v>9</v>
      </c>
      <c r="CW19" s="240">
        <v>24</v>
      </c>
      <c r="CX19" s="241">
        <v>24</v>
      </c>
      <c r="CY19" s="217">
        <v>0</v>
      </c>
      <c r="CZ19" s="219">
        <v>0</v>
      </c>
      <c r="DA19" s="219">
        <v>0</v>
      </c>
      <c r="DB19" s="220">
        <v>0</v>
      </c>
      <c r="DC19" s="218">
        <v>0</v>
      </c>
      <c r="DD19" s="218">
        <v>2</v>
      </c>
      <c r="DE19" s="218">
        <v>13</v>
      </c>
      <c r="DF19" s="219">
        <v>9</v>
      </c>
      <c r="DG19" s="240">
        <v>24</v>
      </c>
      <c r="DH19" s="242">
        <v>24</v>
      </c>
      <c r="DI19" s="222">
        <v>0</v>
      </c>
      <c r="DJ19" s="219">
        <v>0</v>
      </c>
      <c r="DK19" s="219">
        <v>0</v>
      </c>
      <c r="DL19" s="220">
        <v>0</v>
      </c>
      <c r="DM19" s="218">
        <v>0</v>
      </c>
      <c r="DN19" s="218">
        <v>0</v>
      </c>
      <c r="DO19" s="218">
        <v>0</v>
      </c>
      <c r="DP19" s="219">
        <v>0</v>
      </c>
      <c r="DQ19" s="240">
        <v>0</v>
      </c>
      <c r="DR19" s="242">
        <v>0</v>
      </c>
      <c r="DS19" s="222">
        <v>0</v>
      </c>
      <c r="DT19" s="219">
        <v>0</v>
      </c>
      <c r="DU19" s="219">
        <v>0</v>
      </c>
      <c r="DV19" s="220">
        <v>58</v>
      </c>
      <c r="DW19" s="218">
        <v>98</v>
      </c>
      <c r="DX19" s="218">
        <v>356</v>
      </c>
      <c r="DY19" s="218">
        <v>471</v>
      </c>
      <c r="DZ19" s="219">
        <v>247</v>
      </c>
      <c r="EA19" s="240">
        <v>1230</v>
      </c>
      <c r="EB19" s="242">
        <v>1230</v>
      </c>
      <c r="EC19" s="239"/>
    </row>
    <row r="20" spans="2:133" ht="21" customHeight="1" x14ac:dyDescent="0.2">
      <c r="B20" s="106" t="s">
        <v>17</v>
      </c>
      <c r="C20" s="217">
        <v>0</v>
      </c>
      <c r="D20" s="219">
        <v>0</v>
      </c>
      <c r="E20" s="219">
        <v>0</v>
      </c>
      <c r="F20" s="220">
        <v>5</v>
      </c>
      <c r="G20" s="218">
        <v>13</v>
      </c>
      <c r="H20" s="218">
        <v>211</v>
      </c>
      <c r="I20" s="218">
        <v>295</v>
      </c>
      <c r="J20" s="219">
        <v>225</v>
      </c>
      <c r="K20" s="240">
        <v>749</v>
      </c>
      <c r="L20" s="241">
        <v>749</v>
      </c>
      <c r="M20" s="217">
        <v>0</v>
      </c>
      <c r="N20" s="219">
        <v>0</v>
      </c>
      <c r="O20" s="240">
        <v>0</v>
      </c>
      <c r="P20" s="220">
        <v>5</v>
      </c>
      <c r="Q20" s="218">
        <v>13</v>
      </c>
      <c r="R20" s="218">
        <v>211</v>
      </c>
      <c r="S20" s="218">
        <v>292</v>
      </c>
      <c r="T20" s="219">
        <v>221</v>
      </c>
      <c r="U20" s="240">
        <v>742</v>
      </c>
      <c r="V20" s="242">
        <v>742</v>
      </c>
      <c r="W20" s="222">
        <v>0</v>
      </c>
      <c r="X20" s="219">
        <v>0</v>
      </c>
      <c r="Y20" s="240">
        <v>0</v>
      </c>
      <c r="Z20" s="222">
        <v>0</v>
      </c>
      <c r="AA20" s="218">
        <v>0</v>
      </c>
      <c r="AB20" s="218">
        <v>0</v>
      </c>
      <c r="AC20" s="218">
        <v>3</v>
      </c>
      <c r="AD20" s="219">
        <v>4</v>
      </c>
      <c r="AE20" s="240">
        <v>7</v>
      </c>
      <c r="AF20" s="221">
        <v>7</v>
      </c>
      <c r="AG20" s="222">
        <v>0</v>
      </c>
      <c r="AH20" s="219">
        <v>0</v>
      </c>
      <c r="AI20" s="240">
        <v>0</v>
      </c>
      <c r="AJ20" s="222">
        <v>37</v>
      </c>
      <c r="AK20" s="218">
        <v>121</v>
      </c>
      <c r="AL20" s="218">
        <v>157</v>
      </c>
      <c r="AM20" s="218">
        <v>145</v>
      </c>
      <c r="AN20" s="219">
        <v>78</v>
      </c>
      <c r="AO20" s="240">
        <v>538</v>
      </c>
      <c r="AP20" s="221">
        <v>538</v>
      </c>
      <c r="AQ20" s="222">
        <v>0</v>
      </c>
      <c r="AR20" s="219">
        <v>0</v>
      </c>
      <c r="AS20" s="240">
        <v>0</v>
      </c>
      <c r="AT20" s="220">
        <v>36</v>
      </c>
      <c r="AU20" s="218">
        <v>119</v>
      </c>
      <c r="AV20" s="218">
        <v>155</v>
      </c>
      <c r="AW20" s="218">
        <v>143</v>
      </c>
      <c r="AX20" s="219">
        <v>77</v>
      </c>
      <c r="AY20" s="240">
        <v>530</v>
      </c>
      <c r="AZ20" s="241">
        <v>530</v>
      </c>
      <c r="BA20" s="217">
        <v>0</v>
      </c>
      <c r="BB20" s="219">
        <v>0</v>
      </c>
      <c r="BC20" s="219">
        <v>0</v>
      </c>
      <c r="BD20" s="220">
        <v>1</v>
      </c>
      <c r="BE20" s="218">
        <v>2</v>
      </c>
      <c r="BF20" s="218">
        <v>2</v>
      </c>
      <c r="BG20" s="218">
        <v>2</v>
      </c>
      <c r="BH20" s="219">
        <v>1</v>
      </c>
      <c r="BI20" s="240">
        <v>8</v>
      </c>
      <c r="BJ20" s="242">
        <v>8</v>
      </c>
      <c r="BK20" s="222">
        <v>0</v>
      </c>
      <c r="BL20" s="219">
        <v>0</v>
      </c>
      <c r="BM20" s="219">
        <v>0</v>
      </c>
      <c r="BN20" s="220">
        <v>0</v>
      </c>
      <c r="BO20" s="218">
        <v>0</v>
      </c>
      <c r="BP20" s="218">
        <v>0</v>
      </c>
      <c r="BQ20" s="218">
        <v>0</v>
      </c>
      <c r="BR20" s="219">
        <v>0</v>
      </c>
      <c r="BS20" s="240">
        <v>0</v>
      </c>
      <c r="BT20" s="241">
        <v>0</v>
      </c>
      <c r="BU20" s="217">
        <v>0</v>
      </c>
      <c r="BV20" s="219">
        <v>0</v>
      </c>
      <c r="BW20" s="219">
        <v>0</v>
      </c>
      <c r="BX20" s="220">
        <v>0</v>
      </c>
      <c r="BY20" s="218">
        <v>0</v>
      </c>
      <c r="BZ20" s="218">
        <v>0</v>
      </c>
      <c r="CA20" s="218">
        <v>0</v>
      </c>
      <c r="CB20" s="219">
        <v>0</v>
      </c>
      <c r="CC20" s="240">
        <v>0</v>
      </c>
      <c r="CD20" s="242">
        <v>0</v>
      </c>
      <c r="CE20" s="222">
        <v>0</v>
      </c>
      <c r="CF20" s="219">
        <v>0</v>
      </c>
      <c r="CG20" s="219">
        <v>0</v>
      </c>
      <c r="CH20" s="220">
        <v>0</v>
      </c>
      <c r="CI20" s="218">
        <v>0</v>
      </c>
      <c r="CJ20" s="218">
        <v>0</v>
      </c>
      <c r="CK20" s="218">
        <v>0</v>
      </c>
      <c r="CL20" s="219">
        <v>0</v>
      </c>
      <c r="CM20" s="240">
        <v>0</v>
      </c>
      <c r="CN20" s="242">
        <v>0</v>
      </c>
      <c r="CO20" s="222">
        <v>0</v>
      </c>
      <c r="CP20" s="219">
        <v>0</v>
      </c>
      <c r="CQ20" s="219">
        <v>0</v>
      </c>
      <c r="CR20" s="220">
        <v>0</v>
      </c>
      <c r="CS20" s="218">
        <v>0</v>
      </c>
      <c r="CT20" s="218">
        <v>0</v>
      </c>
      <c r="CU20" s="218">
        <v>8</v>
      </c>
      <c r="CV20" s="219">
        <v>18</v>
      </c>
      <c r="CW20" s="240">
        <v>26</v>
      </c>
      <c r="CX20" s="241">
        <v>26</v>
      </c>
      <c r="CY20" s="217">
        <v>0</v>
      </c>
      <c r="CZ20" s="219">
        <v>0</v>
      </c>
      <c r="DA20" s="219">
        <v>0</v>
      </c>
      <c r="DB20" s="220">
        <v>0</v>
      </c>
      <c r="DC20" s="218">
        <v>0</v>
      </c>
      <c r="DD20" s="218">
        <v>0</v>
      </c>
      <c r="DE20" s="218">
        <v>8</v>
      </c>
      <c r="DF20" s="219">
        <v>16</v>
      </c>
      <c r="DG20" s="240">
        <v>24</v>
      </c>
      <c r="DH20" s="242">
        <v>24</v>
      </c>
      <c r="DI20" s="222">
        <v>0</v>
      </c>
      <c r="DJ20" s="219">
        <v>0</v>
      </c>
      <c r="DK20" s="219">
        <v>0</v>
      </c>
      <c r="DL20" s="220">
        <v>0</v>
      </c>
      <c r="DM20" s="218">
        <v>0</v>
      </c>
      <c r="DN20" s="218">
        <v>0</v>
      </c>
      <c r="DO20" s="218">
        <v>0</v>
      </c>
      <c r="DP20" s="219">
        <v>2</v>
      </c>
      <c r="DQ20" s="240">
        <v>2</v>
      </c>
      <c r="DR20" s="242">
        <v>2</v>
      </c>
      <c r="DS20" s="222">
        <v>0</v>
      </c>
      <c r="DT20" s="219">
        <v>0</v>
      </c>
      <c r="DU20" s="219">
        <v>0</v>
      </c>
      <c r="DV20" s="220">
        <v>42</v>
      </c>
      <c r="DW20" s="218">
        <v>134</v>
      </c>
      <c r="DX20" s="218">
        <v>368</v>
      </c>
      <c r="DY20" s="218">
        <v>448</v>
      </c>
      <c r="DZ20" s="219">
        <v>321</v>
      </c>
      <c r="EA20" s="240">
        <v>1313</v>
      </c>
      <c r="EB20" s="242">
        <v>1313</v>
      </c>
      <c r="EC20" s="239"/>
    </row>
    <row r="21" spans="2:133" ht="21" customHeight="1" x14ac:dyDescent="0.2">
      <c r="B21" s="106" t="s">
        <v>18</v>
      </c>
      <c r="C21" s="217">
        <v>0</v>
      </c>
      <c r="D21" s="219">
        <v>0</v>
      </c>
      <c r="E21" s="219">
        <v>0</v>
      </c>
      <c r="F21" s="220">
        <v>5</v>
      </c>
      <c r="G21" s="218">
        <v>12</v>
      </c>
      <c r="H21" s="218">
        <v>198</v>
      </c>
      <c r="I21" s="218">
        <v>394</v>
      </c>
      <c r="J21" s="219">
        <v>255</v>
      </c>
      <c r="K21" s="240">
        <v>864</v>
      </c>
      <c r="L21" s="241">
        <v>864</v>
      </c>
      <c r="M21" s="217">
        <v>0</v>
      </c>
      <c r="N21" s="219">
        <v>0</v>
      </c>
      <c r="O21" s="240">
        <v>0</v>
      </c>
      <c r="P21" s="220">
        <v>5</v>
      </c>
      <c r="Q21" s="218">
        <v>12</v>
      </c>
      <c r="R21" s="218">
        <v>196</v>
      </c>
      <c r="S21" s="218">
        <v>388</v>
      </c>
      <c r="T21" s="219">
        <v>251</v>
      </c>
      <c r="U21" s="240">
        <v>852</v>
      </c>
      <c r="V21" s="242">
        <v>852</v>
      </c>
      <c r="W21" s="222">
        <v>0</v>
      </c>
      <c r="X21" s="219">
        <v>0</v>
      </c>
      <c r="Y21" s="240">
        <v>0</v>
      </c>
      <c r="Z21" s="222">
        <v>0</v>
      </c>
      <c r="AA21" s="218">
        <v>0</v>
      </c>
      <c r="AB21" s="218">
        <v>2</v>
      </c>
      <c r="AC21" s="218">
        <v>6</v>
      </c>
      <c r="AD21" s="219">
        <v>4</v>
      </c>
      <c r="AE21" s="240">
        <v>12</v>
      </c>
      <c r="AF21" s="221">
        <v>12</v>
      </c>
      <c r="AG21" s="222">
        <v>0</v>
      </c>
      <c r="AH21" s="219">
        <v>0</v>
      </c>
      <c r="AI21" s="240">
        <v>0</v>
      </c>
      <c r="AJ21" s="222">
        <v>27</v>
      </c>
      <c r="AK21" s="218">
        <v>66</v>
      </c>
      <c r="AL21" s="218">
        <v>108</v>
      </c>
      <c r="AM21" s="218">
        <v>116</v>
      </c>
      <c r="AN21" s="219">
        <v>73</v>
      </c>
      <c r="AO21" s="240">
        <v>390</v>
      </c>
      <c r="AP21" s="221">
        <v>390</v>
      </c>
      <c r="AQ21" s="222">
        <v>0</v>
      </c>
      <c r="AR21" s="219">
        <v>0</v>
      </c>
      <c r="AS21" s="240">
        <v>0</v>
      </c>
      <c r="AT21" s="220">
        <v>26</v>
      </c>
      <c r="AU21" s="218">
        <v>63</v>
      </c>
      <c r="AV21" s="218">
        <v>106</v>
      </c>
      <c r="AW21" s="218">
        <v>114</v>
      </c>
      <c r="AX21" s="219">
        <v>70</v>
      </c>
      <c r="AY21" s="240">
        <v>379</v>
      </c>
      <c r="AZ21" s="241">
        <v>379</v>
      </c>
      <c r="BA21" s="217">
        <v>0</v>
      </c>
      <c r="BB21" s="219">
        <v>0</v>
      </c>
      <c r="BC21" s="219">
        <v>0</v>
      </c>
      <c r="BD21" s="220">
        <v>1</v>
      </c>
      <c r="BE21" s="218">
        <v>3</v>
      </c>
      <c r="BF21" s="218">
        <v>2</v>
      </c>
      <c r="BG21" s="218">
        <v>2</v>
      </c>
      <c r="BH21" s="219">
        <v>3</v>
      </c>
      <c r="BI21" s="240">
        <v>11</v>
      </c>
      <c r="BJ21" s="242">
        <v>11</v>
      </c>
      <c r="BK21" s="222">
        <v>0</v>
      </c>
      <c r="BL21" s="219">
        <v>0</v>
      </c>
      <c r="BM21" s="219">
        <v>0</v>
      </c>
      <c r="BN21" s="220">
        <v>0</v>
      </c>
      <c r="BO21" s="218">
        <v>0</v>
      </c>
      <c r="BP21" s="218">
        <v>0</v>
      </c>
      <c r="BQ21" s="218">
        <v>0</v>
      </c>
      <c r="BR21" s="219">
        <v>0</v>
      </c>
      <c r="BS21" s="240">
        <v>0</v>
      </c>
      <c r="BT21" s="241">
        <v>0</v>
      </c>
      <c r="BU21" s="217">
        <v>0</v>
      </c>
      <c r="BV21" s="219">
        <v>0</v>
      </c>
      <c r="BW21" s="219">
        <v>0</v>
      </c>
      <c r="BX21" s="220">
        <v>0</v>
      </c>
      <c r="BY21" s="218">
        <v>0</v>
      </c>
      <c r="BZ21" s="218">
        <v>0</v>
      </c>
      <c r="CA21" s="218">
        <v>0</v>
      </c>
      <c r="CB21" s="219">
        <v>0</v>
      </c>
      <c r="CC21" s="240">
        <v>0</v>
      </c>
      <c r="CD21" s="242">
        <v>0</v>
      </c>
      <c r="CE21" s="222">
        <v>0</v>
      </c>
      <c r="CF21" s="219">
        <v>0</v>
      </c>
      <c r="CG21" s="219">
        <v>0</v>
      </c>
      <c r="CH21" s="220">
        <v>0</v>
      </c>
      <c r="CI21" s="218">
        <v>0</v>
      </c>
      <c r="CJ21" s="218">
        <v>0</v>
      </c>
      <c r="CK21" s="218">
        <v>0</v>
      </c>
      <c r="CL21" s="219">
        <v>0</v>
      </c>
      <c r="CM21" s="240">
        <v>0</v>
      </c>
      <c r="CN21" s="242">
        <v>0</v>
      </c>
      <c r="CO21" s="222">
        <v>0</v>
      </c>
      <c r="CP21" s="219">
        <v>0</v>
      </c>
      <c r="CQ21" s="219">
        <v>0</v>
      </c>
      <c r="CR21" s="220">
        <v>0</v>
      </c>
      <c r="CS21" s="218">
        <v>1</v>
      </c>
      <c r="CT21" s="218">
        <v>1</v>
      </c>
      <c r="CU21" s="218">
        <v>15</v>
      </c>
      <c r="CV21" s="219">
        <v>18</v>
      </c>
      <c r="CW21" s="240">
        <v>35</v>
      </c>
      <c r="CX21" s="241">
        <v>35</v>
      </c>
      <c r="CY21" s="217">
        <v>0</v>
      </c>
      <c r="CZ21" s="219">
        <v>0</v>
      </c>
      <c r="DA21" s="219">
        <v>0</v>
      </c>
      <c r="DB21" s="220">
        <v>0</v>
      </c>
      <c r="DC21" s="218">
        <v>1</v>
      </c>
      <c r="DD21" s="218">
        <v>1</v>
      </c>
      <c r="DE21" s="218">
        <v>14</v>
      </c>
      <c r="DF21" s="219">
        <v>18</v>
      </c>
      <c r="DG21" s="240">
        <v>34</v>
      </c>
      <c r="DH21" s="242">
        <v>34</v>
      </c>
      <c r="DI21" s="222">
        <v>0</v>
      </c>
      <c r="DJ21" s="219">
        <v>0</v>
      </c>
      <c r="DK21" s="219">
        <v>0</v>
      </c>
      <c r="DL21" s="220">
        <v>0</v>
      </c>
      <c r="DM21" s="218">
        <v>0</v>
      </c>
      <c r="DN21" s="218">
        <v>0</v>
      </c>
      <c r="DO21" s="218">
        <v>1</v>
      </c>
      <c r="DP21" s="219">
        <v>0</v>
      </c>
      <c r="DQ21" s="240">
        <v>1</v>
      </c>
      <c r="DR21" s="242">
        <v>1</v>
      </c>
      <c r="DS21" s="222">
        <v>0</v>
      </c>
      <c r="DT21" s="219">
        <v>0</v>
      </c>
      <c r="DU21" s="219">
        <v>0</v>
      </c>
      <c r="DV21" s="220">
        <v>32</v>
      </c>
      <c r="DW21" s="218">
        <v>79</v>
      </c>
      <c r="DX21" s="218">
        <v>307</v>
      </c>
      <c r="DY21" s="218">
        <v>523</v>
      </c>
      <c r="DZ21" s="219">
        <v>344</v>
      </c>
      <c r="EA21" s="240">
        <v>1285</v>
      </c>
      <c r="EB21" s="242">
        <v>1285</v>
      </c>
      <c r="EC21" s="239"/>
    </row>
    <row r="22" spans="2:133" ht="21" customHeight="1" x14ac:dyDescent="0.2">
      <c r="B22" s="106" t="s">
        <v>19</v>
      </c>
      <c r="C22" s="217">
        <v>0</v>
      </c>
      <c r="D22" s="219">
        <v>0</v>
      </c>
      <c r="E22" s="219">
        <v>0</v>
      </c>
      <c r="F22" s="220">
        <v>0</v>
      </c>
      <c r="G22" s="218">
        <v>6</v>
      </c>
      <c r="H22" s="218">
        <v>141</v>
      </c>
      <c r="I22" s="218">
        <v>128</v>
      </c>
      <c r="J22" s="219">
        <v>119</v>
      </c>
      <c r="K22" s="240">
        <v>394</v>
      </c>
      <c r="L22" s="241">
        <v>394</v>
      </c>
      <c r="M22" s="217">
        <v>0</v>
      </c>
      <c r="N22" s="219">
        <v>0</v>
      </c>
      <c r="O22" s="240">
        <v>0</v>
      </c>
      <c r="P22" s="220">
        <v>0</v>
      </c>
      <c r="Q22" s="218">
        <v>6</v>
      </c>
      <c r="R22" s="218">
        <v>139</v>
      </c>
      <c r="S22" s="218">
        <v>128</v>
      </c>
      <c r="T22" s="219">
        <v>118</v>
      </c>
      <c r="U22" s="240">
        <v>391</v>
      </c>
      <c r="V22" s="242">
        <v>391</v>
      </c>
      <c r="W22" s="222">
        <v>0</v>
      </c>
      <c r="X22" s="219">
        <v>0</v>
      </c>
      <c r="Y22" s="240">
        <v>0</v>
      </c>
      <c r="Z22" s="222">
        <v>0</v>
      </c>
      <c r="AA22" s="218">
        <v>0</v>
      </c>
      <c r="AB22" s="218">
        <v>2</v>
      </c>
      <c r="AC22" s="218">
        <v>0</v>
      </c>
      <c r="AD22" s="219">
        <v>1</v>
      </c>
      <c r="AE22" s="240">
        <v>3</v>
      </c>
      <c r="AF22" s="221">
        <v>3</v>
      </c>
      <c r="AG22" s="222">
        <v>0</v>
      </c>
      <c r="AH22" s="219">
        <v>0</v>
      </c>
      <c r="AI22" s="240">
        <v>0</v>
      </c>
      <c r="AJ22" s="222">
        <v>28</v>
      </c>
      <c r="AK22" s="218">
        <v>51</v>
      </c>
      <c r="AL22" s="218">
        <v>77</v>
      </c>
      <c r="AM22" s="218">
        <v>59</v>
      </c>
      <c r="AN22" s="219">
        <v>32</v>
      </c>
      <c r="AO22" s="240">
        <v>247</v>
      </c>
      <c r="AP22" s="221">
        <v>247</v>
      </c>
      <c r="AQ22" s="222">
        <v>0</v>
      </c>
      <c r="AR22" s="219">
        <v>0</v>
      </c>
      <c r="AS22" s="240">
        <v>0</v>
      </c>
      <c r="AT22" s="220">
        <v>27</v>
      </c>
      <c r="AU22" s="218">
        <v>51</v>
      </c>
      <c r="AV22" s="218">
        <v>74</v>
      </c>
      <c r="AW22" s="218">
        <v>57</v>
      </c>
      <c r="AX22" s="219">
        <v>32</v>
      </c>
      <c r="AY22" s="240">
        <v>241</v>
      </c>
      <c r="AZ22" s="241">
        <v>241</v>
      </c>
      <c r="BA22" s="217">
        <v>0</v>
      </c>
      <c r="BB22" s="219">
        <v>0</v>
      </c>
      <c r="BC22" s="219">
        <v>0</v>
      </c>
      <c r="BD22" s="220">
        <v>1</v>
      </c>
      <c r="BE22" s="218">
        <v>0</v>
      </c>
      <c r="BF22" s="218">
        <v>3</v>
      </c>
      <c r="BG22" s="218">
        <v>2</v>
      </c>
      <c r="BH22" s="219">
        <v>0</v>
      </c>
      <c r="BI22" s="240">
        <v>6</v>
      </c>
      <c r="BJ22" s="242">
        <v>6</v>
      </c>
      <c r="BK22" s="222">
        <v>0</v>
      </c>
      <c r="BL22" s="219">
        <v>0</v>
      </c>
      <c r="BM22" s="219">
        <v>0</v>
      </c>
      <c r="BN22" s="220">
        <v>0</v>
      </c>
      <c r="BO22" s="218">
        <v>0</v>
      </c>
      <c r="BP22" s="218">
        <v>0</v>
      </c>
      <c r="BQ22" s="218">
        <v>0</v>
      </c>
      <c r="BR22" s="219">
        <v>0</v>
      </c>
      <c r="BS22" s="240">
        <v>0</v>
      </c>
      <c r="BT22" s="241">
        <v>0</v>
      </c>
      <c r="BU22" s="217">
        <v>0</v>
      </c>
      <c r="BV22" s="219">
        <v>0</v>
      </c>
      <c r="BW22" s="219">
        <v>0</v>
      </c>
      <c r="BX22" s="220">
        <v>0</v>
      </c>
      <c r="BY22" s="218">
        <v>0</v>
      </c>
      <c r="BZ22" s="218">
        <v>0</v>
      </c>
      <c r="CA22" s="218">
        <v>0</v>
      </c>
      <c r="CB22" s="219">
        <v>0</v>
      </c>
      <c r="CC22" s="240">
        <v>0</v>
      </c>
      <c r="CD22" s="242">
        <v>0</v>
      </c>
      <c r="CE22" s="222">
        <v>0</v>
      </c>
      <c r="CF22" s="219">
        <v>0</v>
      </c>
      <c r="CG22" s="219">
        <v>0</v>
      </c>
      <c r="CH22" s="220">
        <v>0</v>
      </c>
      <c r="CI22" s="218">
        <v>0</v>
      </c>
      <c r="CJ22" s="218">
        <v>0</v>
      </c>
      <c r="CK22" s="218">
        <v>0</v>
      </c>
      <c r="CL22" s="219">
        <v>0</v>
      </c>
      <c r="CM22" s="240">
        <v>0</v>
      </c>
      <c r="CN22" s="242">
        <v>0</v>
      </c>
      <c r="CO22" s="222">
        <v>0</v>
      </c>
      <c r="CP22" s="219">
        <v>0</v>
      </c>
      <c r="CQ22" s="219">
        <v>0</v>
      </c>
      <c r="CR22" s="220">
        <v>0</v>
      </c>
      <c r="CS22" s="218">
        <v>0</v>
      </c>
      <c r="CT22" s="218">
        <v>0</v>
      </c>
      <c r="CU22" s="218">
        <v>3</v>
      </c>
      <c r="CV22" s="219">
        <v>6</v>
      </c>
      <c r="CW22" s="240">
        <v>9</v>
      </c>
      <c r="CX22" s="241">
        <v>9</v>
      </c>
      <c r="CY22" s="217">
        <v>0</v>
      </c>
      <c r="CZ22" s="219">
        <v>0</v>
      </c>
      <c r="DA22" s="219">
        <v>0</v>
      </c>
      <c r="DB22" s="220">
        <v>0</v>
      </c>
      <c r="DC22" s="218">
        <v>0</v>
      </c>
      <c r="DD22" s="218">
        <v>0</v>
      </c>
      <c r="DE22" s="218">
        <v>3</v>
      </c>
      <c r="DF22" s="219">
        <v>6</v>
      </c>
      <c r="DG22" s="240">
        <v>9</v>
      </c>
      <c r="DH22" s="242">
        <v>9</v>
      </c>
      <c r="DI22" s="222">
        <v>0</v>
      </c>
      <c r="DJ22" s="219">
        <v>0</v>
      </c>
      <c r="DK22" s="219">
        <v>0</v>
      </c>
      <c r="DL22" s="220">
        <v>0</v>
      </c>
      <c r="DM22" s="218">
        <v>0</v>
      </c>
      <c r="DN22" s="218">
        <v>0</v>
      </c>
      <c r="DO22" s="218">
        <v>0</v>
      </c>
      <c r="DP22" s="219">
        <v>0</v>
      </c>
      <c r="DQ22" s="240">
        <v>0</v>
      </c>
      <c r="DR22" s="242">
        <v>0</v>
      </c>
      <c r="DS22" s="222">
        <v>0</v>
      </c>
      <c r="DT22" s="219">
        <v>0</v>
      </c>
      <c r="DU22" s="219">
        <v>0</v>
      </c>
      <c r="DV22" s="220">
        <v>28</v>
      </c>
      <c r="DW22" s="218">
        <v>57</v>
      </c>
      <c r="DX22" s="218">
        <v>218</v>
      </c>
      <c r="DY22" s="218">
        <v>189</v>
      </c>
      <c r="DZ22" s="219">
        <v>156</v>
      </c>
      <c r="EA22" s="240">
        <v>648</v>
      </c>
      <c r="EB22" s="242">
        <v>648</v>
      </c>
      <c r="EC22" s="239"/>
    </row>
    <row r="23" spans="2:133" ht="21" customHeight="1" x14ac:dyDescent="0.2">
      <c r="B23" s="106" t="s">
        <v>20</v>
      </c>
      <c r="C23" s="217">
        <v>0</v>
      </c>
      <c r="D23" s="219">
        <v>0</v>
      </c>
      <c r="E23" s="219">
        <v>0</v>
      </c>
      <c r="F23" s="220">
        <v>4</v>
      </c>
      <c r="G23" s="218">
        <v>21</v>
      </c>
      <c r="H23" s="218">
        <v>144</v>
      </c>
      <c r="I23" s="218">
        <v>215</v>
      </c>
      <c r="J23" s="219">
        <v>103</v>
      </c>
      <c r="K23" s="240">
        <v>487</v>
      </c>
      <c r="L23" s="241">
        <v>487</v>
      </c>
      <c r="M23" s="217">
        <v>0</v>
      </c>
      <c r="N23" s="219">
        <v>0</v>
      </c>
      <c r="O23" s="240">
        <v>0</v>
      </c>
      <c r="P23" s="220">
        <v>4</v>
      </c>
      <c r="Q23" s="218">
        <v>21</v>
      </c>
      <c r="R23" s="218">
        <v>144</v>
      </c>
      <c r="S23" s="218">
        <v>213</v>
      </c>
      <c r="T23" s="219">
        <v>101</v>
      </c>
      <c r="U23" s="240">
        <v>483</v>
      </c>
      <c r="V23" s="242">
        <v>483</v>
      </c>
      <c r="W23" s="222">
        <v>0</v>
      </c>
      <c r="X23" s="219">
        <v>0</v>
      </c>
      <c r="Y23" s="240">
        <v>0</v>
      </c>
      <c r="Z23" s="222">
        <v>0</v>
      </c>
      <c r="AA23" s="218">
        <v>0</v>
      </c>
      <c r="AB23" s="218">
        <v>0</v>
      </c>
      <c r="AC23" s="218">
        <v>2</v>
      </c>
      <c r="AD23" s="219">
        <v>2</v>
      </c>
      <c r="AE23" s="240">
        <v>4</v>
      </c>
      <c r="AF23" s="221">
        <v>4</v>
      </c>
      <c r="AG23" s="222">
        <v>0</v>
      </c>
      <c r="AH23" s="219">
        <v>0</v>
      </c>
      <c r="AI23" s="240">
        <v>0</v>
      </c>
      <c r="AJ23" s="222">
        <v>13</v>
      </c>
      <c r="AK23" s="218">
        <v>33</v>
      </c>
      <c r="AL23" s="218">
        <v>30</v>
      </c>
      <c r="AM23" s="218">
        <v>52</v>
      </c>
      <c r="AN23" s="219">
        <v>23</v>
      </c>
      <c r="AO23" s="240">
        <v>151</v>
      </c>
      <c r="AP23" s="221">
        <v>151</v>
      </c>
      <c r="AQ23" s="222">
        <v>0</v>
      </c>
      <c r="AR23" s="219">
        <v>0</v>
      </c>
      <c r="AS23" s="240">
        <v>0</v>
      </c>
      <c r="AT23" s="220">
        <v>13</v>
      </c>
      <c r="AU23" s="218">
        <v>33</v>
      </c>
      <c r="AV23" s="218">
        <v>30</v>
      </c>
      <c r="AW23" s="218">
        <v>51</v>
      </c>
      <c r="AX23" s="219">
        <v>23</v>
      </c>
      <c r="AY23" s="240">
        <v>150</v>
      </c>
      <c r="AZ23" s="241">
        <v>150</v>
      </c>
      <c r="BA23" s="217">
        <v>0</v>
      </c>
      <c r="BB23" s="219">
        <v>0</v>
      </c>
      <c r="BC23" s="219">
        <v>0</v>
      </c>
      <c r="BD23" s="220">
        <v>0</v>
      </c>
      <c r="BE23" s="218">
        <v>0</v>
      </c>
      <c r="BF23" s="218">
        <v>0</v>
      </c>
      <c r="BG23" s="218">
        <v>1</v>
      </c>
      <c r="BH23" s="219">
        <v>0</v>
      </c>
      <c r="BI23" s="240">
        <v>1</v>
      </c>
      <c r="BJ23" s="242">
        <v>1</v>
      </c>
      <c r="BK23" s="222">
        <v>0</v>
      </c>
      <c r="BL23" s="219">
        <v>0</v>
      </c>
      <c r="BM23" s="219">
        <v>0</v>
      </c>
      <c r="BN23" s="220">
        <v>0</v>
      </c>
      <c r="BO23" s="218">
        <v>0</v>
      </c>
      <c r="BP23" s="218">
        <v>0</v>
      </c>
      <c r="BQ23" s="218">
        <v>0</v>
      </c>
      <c r="BR23" s="219">
        <v>0</v>
      </c>
      <c r="BS23" s="240">
        <v>0</v>
      </c>
      <c r="BT23" s="241">
        <v>0</v>
      </c>
      <c r="BU23" s="217">
        <v>0</v>
      </c>
      <c r="BV23" s="219">
        <v>0</v>
      </c>
      <c r="BW23" s="219">
        <v>0</v>
      </c>
      <c r="BX23" s="220">
        <v>0</v>
      </c>
      <c r="BY23" s="218">
        <v>0</v>
      </c>
      <c r="BZ23" s="218">
        <v>0</v>
      </c>
      <c r="CA23" s="218">
        <v>0</v>
      </c>
      <c r="CB23" s="219">
        <v>0</v>
      </c>
      <c r="CC23" s="240">
        <v>0</v>
      </c>
      <c r="CD23" s="242">
        <v>0</v>
      </c>
      <c r="CE23" s="222">
        <v>0</v>
      </c>
      <c r="CF23" s="219">
        <v>0</v>
      </c>
      <c r="CG23" s="219">
        <v>0</v>
      </c>
      <c r="CH23" s="220">
        <v>0</v>
      </c>
      <c r="CI23" s="218">
        <v>0</v>
      </c>
      <c r="CJ23" s="218">
        <v>0</v>
      </c>
      <c r="CK23" s="218">
        <v>0</v>
      </c>
      <c r="CL23" s="219">
        <v>0</v>
      </c>
      <c r="CM23" s="240">
        <v>0</v>
      </c>
      <c r="CN23" s="242">
        <v>0</v>
      </c>
      <c r="CO23" s="222">
        <v>0</v>
      </c>
      <c r="CP23" s="219">
        <v>0</v>
      </c>
      <c r="CQ23" s="219">
        <v>0</v>
      </c>
      <c r="CR23" s="220">
        <v>0</v>
      </c>
      <c r="CS23" s="218">
        <v>0</v>
      </c>
      <c r="CT23" s="218">
        <v>0</v>
      </c>
      <c r="CU23" s="218">
        <v>2</v>
      </c>
      <c r="CV23" s="219">
        <v>4</v>
      </c>
      <c r="CW23" s="240">
        <v>6</v>
      </c>
      <c r="CX23" s="241">
        <v>6</v>
      </c>
      <c r="CY23" s="217">
        <v>0</v>
      </c>
      <c r="CZ23" s="219">
        <v>0</v>
      </c>
      <c r="DA23" s="219">
        <v>0</v>
      </c>
      <c r="DB23" s="220">
        <v>0</v>
      </c>
      <c r="DC23" s="218">
        <v>0</v>
      </c>
      <c r="DD23" s="218">
        <v>0</v>
      </c>
      <c r="DE23" s="218">
        <v>2</v>
      </c>
      <c r="DF23" s="219">
        <v>4</v>
      </c>
      <c r="DG23" s="240">
        <v>6</v>
      </c>
      <c r="DH23" s="242">
        <v>6</v>
      </c>
      <c r="DI23" s="222">
        <v>0</v>
      </c>
      <c r="DJ23" s="219">
        <v>0</v>
      </c>
      <c r="DK23" s="219">
        <v>0</v>
      </c>
      <c r="DL23" s="220">
        <v>0</v>
      </c>
      <c r="DM23" s="218">
        <v>0</v>
      </c>
      <c r="DN23" s="218">
        <v>0</v>
      </c>
      <c r="DO23" s="218">
        <v>0</v>
      </c>
      <c r="DP23" s="219">
        <v>0</v>
      </c>
      <c r="DQ23" s="240">
        <v>0</v>
      </c>
      <c r="DR23" s="242">
        <v>0</v>
      </c>
      <c r="DS23" s="222">
        <v>0</v>
      </c>
      <c r="DT23" s="219">
        <v>0</v>
      </c>
      <c r="DU23" s="219">
        <v>0</v>
      </c>
      <c r="DV23" s="220">
        <v>17</v>
      </c>
      <c r="DW23" s="218">
        <v>54</v>
      </c>
      <c r="DX23" s="218">
        <v>174</v>
      </c>
      <c r="DY23" s="218">
        <v>268</v>
      </c>
      <c r="DZ23" s="219">
        <v>130</v>
      </c>
      <c r="EA23" s="240">
        <v>643</v>
      </c>
      <c r="EB23" s="242">
        <v>643</v>
      </c>
      <c r="EC23" s="239"/>
    </row>
    <row r="24" spans="2:133" ht="21" customHeight="1" x14ac:dyDescent="0.2">
      <c r="B24" s="106" t="s">
        <v>21</v>
      </c>
      <c r="C24" s="217">
        <v>0</v>
      </c>
      <c r="D24" s="219">
        <v>0</v>
      </c>
      <c r="E24" s="219">
        <v>0</v>
      </c>
      <c r="F24" s="220">
        <v>5</v>
      </c>
      <c r="G24" s="218">
        <v>14</v>
      </c>
      <c r="H24" s="218">
        <v>203</v>
      </c>
      <c r="I24" s="218">
        <v>242</v>
      </c>
      <c r="J24" s="219">
        <v>154</v>
      </c>
      <c r="K24" s="240">
        <v>618</v>
      </c>
      <c r="L24" s="241">
        <v>618</v>
      </c>
      <c r="M24" s="217">
        <v>0</v>
      </c>
      <c r="N24" s="219">
        <v>0</v>
      </c>
      <c r="O24" s="240">
        <v>0</v>
      </c>
      <c r="P24" s="220">
        <v>4</v>
      </c>
      <c r="Q24" s="218">
        <v>14</v>
      </c>
      <c r="R24" s="218">
        <v>203</v>
      </c>
      <c r="S24" s="218">
        <v>240</v>
      </c>
      <c r="T24" s="219">
        <v>152</v>
      </c>
      <c r="U24" s="240">
        <v>613</v>
      </c>
      <c r="V24" s="242">
        <v>613</v>
      </c>
      <c r="W24" s="222">
        <v>0</v>
      </c>
      <c r="X24" s="219">
        <v>0</v>
      </c>
      <c r="Y24" s="240">
        <v>0</v>
      </c>
      <c r="Z24" s="222">
        <v>1</v>
      </c>
      <c r="AA24" s="218">
        <v>0</v>
      </c>
      <c r="AB24" s="218">
        <v>0</v>
      </c>
      <c r="AC24" s="218">
        <v>2</v>
      </c>
      <c r="AD24" s="219">
        <v>2</v>
      </c>
      <c r="AE24" s="240">
        <v>5</v>
      </c>
      <c r="AF24" s="221">
        <v>5</v>
      </c>
      <c r="AG24" s="222">
        <v>0</v>
      </c>
      <c r="AH24" s="219">
        <v>0</v>
      </c>
      <c r="AI24" s="240">
        <v>0</v>
      </c>
      <c r="AJ24" s="222">
        <v>22</v>
      </c>
      <c r="AK24" s="218">
        <v>40</v>
      </c>
      <c r="AL24" s="218">
        <v>49</v>
      </c>
      <c r="AM24" s="218">
        <v>57</v>
      </c>
      <c r="AN24" s="219">
        <v>29</v>
      </c>
      <c r="AO24" s="240">
        <v>197</v>
      </c>
      <c r="AP24" s="221">
        <v>197</v>
      </c>
      <c r="AQ24" s="222">
        <v>0</v>
      </c>
      <c r="AR24" s="219">
        <v>0</v>
      </c>
      <c r="AS24" s="240">
        <v>0</v>
      </c>
      <c r="AT24" s="220">
        <v>22</v>
      </c>
      <c r="AU24" s="218">
        <v>40</v>
      </c>
      <c r="AV24" s="218">
        <v>47</v>
      </c>
      <c r="AW24" s="218">
        <v>52</v>
      </c>
      <c r="AX24" s="219">
        <v>28</v>
      </c>
      <c r="AY24" s="240">
        <v>189</v>
      </c>
      <c r="AZ24" s="241">
        <v>189</v>
      </c>
      <c r="BA24" s="217">
        <v>0</v>
      </c>
      <c r="BB24" s="219">
        <v>0</v>
      </c>
      <c r="BC24" s="219">
        <v>0</v>
      </c>
      <c r="BD24" s="220">
        <v>0</v>
      </c>
      <c r="BE24" s="218">
        <v>0</v>
      </c>
      <c r="BF24" s="218">
        <v>2</v>
      </c>
      <c r="BG24" s="218">
        <v>5</v>
      </c>
      <c r="BH24" s="219">
        <v>1</v>
      </c>
      <c r="BI24" s="240">
        <v>8</v>
      </c>
      <c r="BJ24" s="242">
        <v>8</v>
      </c>
      <c r="BK24" s="222">
        <v>0</v>
      </c>
      <c r="BL24" s="219">
        <v>0</v>
      </c>
      <c r="BM24" s="219">
        <v>0</v>
      </c>
      <c r="BN24" s="220">
        <v>0</v>
      </c>
      <c r="BO24" s="218">
        <v>0</v>
      </c>
      <c r="BP24" s="218">
        <v>0</v>
      </c>
      <c r="BQ24" s="218">
        <v>0</v>
      </c>
      <c r="BR24" s="219">
        <v>0</v>
      </c>
      <c r="BS24" s="240">
        <v>0</v>
      </c>
      <c r="BT24" s="241">
        <v>0</v>
      </c>
      <c r="BU24" s="217">
        <v>0</v>
      </c>
      <c r="BV24" s="219">
        <v>0</v>
      </c>
      <c r="BW24" s="219">
        <v>0</v>
      </c>
      <c r="BX24" s="220">
        <v>0</v>
      </c>
      <c r="BY24" s="218">
        <v>0</v>
      </c>
      <c r="BZ24" s="218">
        <v>0</v>
      </c>
      <c r="CA24" s="218">
        <v>0</v>
      </c>
      <c r="CB24" s="219">
        <v>0</v>
      </c>
      <c r="CC24" s="240">
        <v>0</v>
      </c>
      <c r="CD24" s="242">
        <v>0</v>
      </c>
      <c r="CE24" s="222">
        <v>0</v>
      </c>
      <c r="CF24" s="219">
        <v>0</v>
      </c>
      <c r="CG24" s="219">
        <v>0</v>
      </c>
      <c r="CH24" s="220">
        <v>0</v>
      </c>
      <c r="CI24" s="218">
        <v>0</v>
      </c>
      <c r="CJ24" s="218">
        <v>0</v>
      </c>
      <c r="CK24" s="218">
        <v>0</v>
      </c>
      <c r="CL24" s="219">
        <v>0</v>
      </c>
      <c r="CM24" s="240">
        <v>0</v>
      </c>
      <c r="CN24" s="242">
        <v>0</v>
      </c>
      <c r="CO24" s="222">
        <v>0</v>
      </c>
      <c r="CP24" s="219">
        <v>0</v>
      </c>
      <c r="CQ24" s="219">
        <v>0</v>
      </c>
      <c r="CR24" s="220">
        <v>0</v>
      </c>
      <c r="CS24" s="218">
        <v>0</v>
      </c>
      <c r="CT24" s="218">
        <v>1</v>
      </c>
      <c r="CU24" s="218">
        <v>12</v>
      </c>
      <c r="CV24" s="219">
        <v>21</v>
      </c>
      <c r="CW24" s="240">
        <v>34</v>
      </c>
      <c r="CX24" s="241">
        <v>34</v>
      </c>
      <c r="CY24" s="217">
        <v>0</v>
      </c>
      <c r="CZ24" s="219">
        <v>0</v>
      </c>
      <c r="DA24" s="219">
        <v>0</v>
      </c>
      <c r="DB24" s="220">
        <v>0</v>
      </c>
      <c r="DC24" s="218">
        <v>0</v>
      </c>
      <c r="DD24" s="218">
        <v>1</v>
      </c>
      <c r="DE24" s="218">
        <v>12</v>
      </c>
      <c r="DF24" s="219">
        <v>21</v>
      </c>
      <c r="DG24" s="240">
        <v>34</v>
      </c>
      <c r="DH24" s="242">
        <v>34</v>
      </c>
      <c r="DI24" s="222">
        <v>0</v>
      </c>
      <c r="DJ24" s="219">
        <v>0</v>
      </c>
      <c r="DK24" s="219">
        <v>0</v>
      </c>
      <c r="DL24" s="220">
        <v>0</v>
      </c>
      <c r="DM24" s="218">
        <v>0</v>
      </c>
      <c r="DN24" s="218">
        <v>0</v>
      </c>
      <c r="DO24" s="218">
        <v>0</v>
      </c>
      <c r="DP24" s="219">
        <v>0</v>
      </c>
      <c r="DQ24" s="240">
        <v>0</v>
      </c>
      <c r="DR24" s="242">
        <v>0</v>
      </c>
      <c r="DS24" s="222">
        <v>0</v>
      </c>
      <c r="DT24" s="219">
        <v>0</v>
      </c>
      <c r="DU24" s="219">
        <v>0</v>
      </c>
      <c r="DV24" s="220">
        <v>27</v>
      </c>
      <c r="DW24" s="218">
        <v>54</v>
      </c>
      <c r="DX24" s="218">
        <v>253</v>
      </c>
      <c r="DY24" s="218">
        <v>311</v>
      </c>
      <c r="DZ24" s="219">
        <v>204</v>
      </c>
      <c r="EA24" s="240">
        <v>849</v>
      </c>
      <c r="EB24" s="242">
        <v>849</v>
      </c>
      <c r="EC24" s="239"/>
    </row>
    <row r="25" spans="2:133" ht="21" customHeight="1" x14ac:dyDescent="0.2">
      <c r="B25" s="106" t="s">
        <v>22</v>
      </c>
      <c r="C25" s="217">
        <v>0</v>
      </c>
      <c r="D25" s="219">
        <v>0</v>
      </c>
      <c r="E25" s="219">
        <v>0</v>
      </c>
      <c r="F25" s="220">
        <v>2</v>
      </c>
      <c r="G25" s="218">
        <v>6</v>
      </c>
      <c r="H25" s="218">
        <v>45</v>
      </c>
      <c r="I25" s="218">
        <v>67</v>
      </c>
      <c r="J25" s="219">
        <v>33</v>
      </c>
      <c r="K25" s="240">
        <v>153</v>
      </c>
      <c r="L25" s="241">
        <v>153</v>
      </c>
      <c r="M25" s="217">
        <v>0</v>
      </c>
      <c r="N25" s="219">
        <v>0</v>
      </c>
      <c r="O25" s="240">
        <v>0</v>
      </c>
      <c r="P25" s="220">
        <v>2</v>
      </c>
      <c r="Q25" s="218">
        <v>6</v>
      </c>
      <c r="R25" s="218">
        <v>45</v>
      </c>
      <c r="S25" s="218">
        <v>67</v>
      </c>
      <c r="T25" s="219">
        <v>33</v>
      </c>
      <c r="U25" s="240">
        <v>153</v>
      </c>
      <c r="V25" s="242">
        <v>153</v>
      </c>
      <c r="W25" s="222">
        <v>0</v>
      </c>
      <c r="X25" s="219">
        <v>0</v>
      </c>
      <c r="Y25" s="240">
        <v>0</v>
      </c>
      <c r="Z25" s="222">
        <v>0</v>
      </c>
      <c r="AA25" s="218">
        <v>0</v>
      </c>
      <c r="AB25" s="218">
        <v>0</v>
      </c>
      <c r="AC25" s="218">
        <v>0</v>
      </c>
      <c r="AD25" s="219">
        <v>0</v>
      </c>
      <c r="AE25" s="240">
        <v>0</v>
      </c>
      <c r="AF25" s="221">
        <v>0</v>
      </c>
      <c r="AG25" s="222">
        <v>0</v>
      </c>
      <c r="AH25" s="219">
        <v>0</v>
      </c>
      <c r="AI25" s="240">
        <v>0</v>
      </c>
      <c r="AJ25" s="222">
        <v>9</v>
      </c>
      <c r="AK25" s="218">
        <v>21</v>
      </c>
      <c r="AL25" s="218">
        <v>27</v>
      </c>
      <c r="AM25" s="218">
        <v>42</v>
      </c>
      <c r="AN25" s="219">
        <v>18</v>
      </c>
      <c r="AO25" s="240">
        <v>117</v>
      </c>
      <c r="AP25" s="221">
        <v>117</v>
      </c>
      <c r="AQ25" s="222">
        <v>0</v>
      </c>
      <c r="AR25" s="219">
        <v>0</v>
      </c>
      <c r="AS25" s="240">
        <v>0</v>
      </c>
      <c r="AT25" s="220">
        <v>9</v>
      </c>
      <c r="AU25" s="218">
        <v>21</v>
      </c>
      <c r="AV25" s="218">
        <v>27</v>
      </c>
      <c r="AW25" s="218">
        <v>41</v>
      </c>
      <c r="AX25" s="219">
        <v>18</v>
      </c>
      <c r="AY25" s="240">
        <v>116</v>
      </c>
      <c r="AZ25" s="241">
        <v>116</v>
      </c>
      <c r="BA25" s="217">
        <v>0</v>
      </c>
      <c r="BB25" s="219">
        <v>0</v>
      </c>
      <c r="BC25" s="219">
        <v>0</v>
      </c>
      <c r="BD25" s="220">
        <v>0</v>
      </c>
      <c r="BE25" s="218">
        <v>0</v>
      </c>
      <c r="BF25" s="218">
        <v>0</v>
      </c>
      <c r="BG25" s="218">
        <v>1</v>
      </c>
      <c r="BH25" s="219">
        <v>0</v>
      </c>
      <c r="BI25" s="240">
        <v>1</v>
      </c>
      <c r="BJ25" s="242">
        <v>1</v>
      </c>
      <c r="BK25" s="222">
        <v>0</v>
      </c>
      <c r="BL25" s="219">
        <v>0</v>
      </c>
      <c r="BM25" s="219">
        <v>0</v>
      </c>
      <c r="BN25" s="220">
        <v>0</v>
      </c>
      <c r="BO25" s="218">
        <v>0</v>
      </c>
      <c r="BP25" s="218">
        <v>0</v>
      </c>
      <c r="BQ25" s="218">
        <v>0</v>
      </c>
      <c r="BR25" s="219">
        <v>0</v>
      </c>
      <c r="BS25" s="240">
        <v>0</v>
      </c>
      <c r="BT25" s="241">
        <v>0</v>
      </c>
      <c r="BU25" s="217">
        <v>0</v>
      </c>
      <c r="BV25" s="219">
        <v>0</v>
      </c>
      <c r="BW25" s="219">
        <v>0</v>
      </c>
      <c r="BX25" s="220">
        <v>0</v>
      </c>
      <c r="BY25" s="218">
        <v>0</v>
      </c>
      <c r="BZ25" s="218">
        <v>0</v>
      </c>
      <c r="CA25" s="218">
        <v>0</v>
      </c>
      <c r="CB25" s="219">
        <v>0</v>
      </c>
      <c r="CC25" s="240">
        <v>0</v>
      </c>
      <c r="CD25" s="242">
        <v>0</v>
      </c>
      <c r="CE25" s="222">
        <v>0</v>
      </c>
      <c r="CF25" s="219">
        <v>0</v>
      </c>
      <c r="CG25" s="219">
        <v>0</v>
      </c>
      <c r="CH25" s="220">
        <v>0</v>
      </c>
      <c r="CI25" s="218">
        <v>0</v>
      </c>
      <c r="CJ25" s="218">
        <v>0</v>
      </c>
      <c r="CK25" s="218">
        <v>0</v>
      </c>
      <c r="CL25" s="219">
        <v>0</v>
      </c>
      <c r="CM25" s="240">
        <v>0</v>
      </c>
      <c r="CN25" s="242">
        <v>0</v>
      </c>
      <c r="CO25" s="222">
        <v>0</v>
      </c>
      <c r="CP25" s="219">
        <v>0</v>
      </c>
      <c r="CQ25" s="219">
        <v>0</v>
      </c>
      <c r="CR25" s="220">
        <v>0</v>
      </c>
      <c r="CS25" s="218">
        <v>0</v>
      </c>
      <c r="CT25" s="218">
        <v>1</v>
      </c>
      <c r="CU25" s="218">
        <v>5</v>
      </c>
      <c r="CV25" s="219">
        <v>5</v>
      </c>
      <c r="CW25" s="240">
        <v>11</v>
      </c>
      <c r="CX25" s="241">
        <v>11</v>
      </c>
      <c r="CY25" s="217">
        <v>0</v>
      </c>
      <c r="CZ25" s="219">
        <v>0</v>
      </c>
      <c r="DA25" s="219">
        <v>0</v>
      </c>
      <c r="DB25" s="220">
        <v>0</v>
      </c>
      <c r="DC25" s="218">
        <v>0</v>
      </c>
      <c r="DD25" s="218">
        <v>1</v>
      </c>
      <c r="DE25" s="218">
        <v>5</v>
      </c>
      <c r="DF25" s="219">
        <v>3</v>
      </c>
      <c r="DG25" s="240">
        <v>9</v>
      </c>
      <c r="DH25" s="242">
        <v>9</v>
      </c>
      <c r="DI25" s="222">
        <v>0</v>
      </c>
      <c r="DJ25" s="219">
        <v>0</v>
      </c>
      <c r="DK25" s="219">
        <v>0</v>
      </c>
      <c r="DL25" s="220">
        <v>0</v>
      </c>
      <c r="DM25" s="218">
        <v>0</v>
      </c>
      <c r="DN25" s="218">
        <v>0</v>
      </c>
      <c r="DO25" s="218">
        <v>0</v>
      </c>
      <c r="DP25" s="219">
        <v>2</v>
      </c>
      <c r="DQ25" s="240">
        <v>2</v>
      </c>
      <c r="DR25" s="242">
        <v>2</v>
      </c>
      <c r="DS25" s="222">
        <v>0</v>
      </c>
      <c r="DT25" s="219">
        <v>0</v>
      </c>
      <c r="DU25" s="219">
        <v>0</v>
      </c>
      <c r="DV25" s="220">
        <v>11</v>
      </c>
      <c r="DW25" s="218">
        <v>27</v>
      </c>
      <c r="DX25" s="218">
        <v>73</v>
      </c>
      <c r="DY25" s="218">
        <v>114</v>
      </c>
      <c r="DZ25" s="219">
        <v>56</v>
      </c>
      <c r="EA25" s="240">
        <v>281</v>
      </c>
      <c r="EB25" s="242">
        <v>281</v>
      </c>
      <c r="EC25" s="239"/>
    </row>
    <row r="26" spans="2:133" ht="21" customHeight="1" x14ac:dyDescent="0.2">
      <c r="B26" s="106" t="s">
        <v>23</v>
      </c>
      <c r="C26" s="217">
        <v>0</v>
      </c>
      <c r="D26" s="219">
        <v>0</v>
      </c>
      <c r="E26" s="219">
        <v>0</v>
      </c>
      <c r="F26" s="220">
        <v>4</v>
      </c>
      <c r="G26" s="218">
        <v>12</v>
      </c>
      <c r="H26" s="218">
        <v>89</v>
      </c>
      <c r="I26" s="218">
        <v>154</v>
      </c>
      <c r="J26" s="219">
        <v>91</v>
      </c>
      <c r="K26" s="240">
        <v>350</v>
      </c>
      <c r="L26" s="241">
        <v>350</v>
      </c>
      <c r="M26" s="217">
        <v>0</v>
      </c>
      <c r="N26" s="219">
        <v>0</v>
      </c>
      <c r="O26" s="240">
        <v>0</v>
      </c>
      <c r="P26" s="220">
        <v>4</v>
      </c>
      <c r="Q26" s="218">
        <v>12</v>
      </c>
      <c r="R26" s="218">
        <v>89</v>
      </c>
      <c r="S26" s="218">
        <v>153</v>
      </c>
      <c r="T26" s="219">
        <v>89</v>
      </c>
      <c r="U26" s="240">
        <v>347</v>
      </c>
      <c r="V26" s="242">
        <v>347</v>
      </c>
      <c r="W26" s="222">
        <v>0</v>
      </c>
      <c r="X26" s="219">
        <v>0</v>
      </c>
      <c r="Y26" s="240">
        <v>0</v>
      </c>
      <c r="Z26" s="222">
        <v>0</v>
      </c>
      <c r="AA26" s="218">
        <v>0</v>
      </c>
      <c r="AB26" s="218">
        <v>0</v>
      </c>
      <c r="AC26" s="218">
        <v>1</v>
      </c>
      <c r="AD26" s="219">
        <v>2</v>
      </c>
      <c r="AE26" s="240">
        <v>3</v>
      </c>
      <c r="AF26" s="221">
        <v>3</v>
      </c>
      <c r="AG26" s="222">
        <v>0</v>
      </c>
      <c r="AH26" s="219">
        <v>0</v>
      </c>
      <c r="AI26" s="240">
        <v>0</v>
      </c>
      <c r="AJ26" s="222">
        <v>23</v>
      </c>
      <c r="AK26" s="218">
        <v>30</v>
      </c>
      <c r="AL26" s="218">
        <v>39</v>
      </c>
      <c r="AM26" s="218">
        <v>59</v>
      </c>
      <c r="AN26" s="219">
        <v>32</v>
      </c>
      <c r="AO26" s="240">
        <v>183</v>
      </c>
      <c r="AP26" s="221">
        <v>183</v>
      </c>
      <c r="AQ26" s="222">
        <v>0</v>
      </c>
      <c r="AR26" s="219">
        <v>0</v>
      </c>
      <c r="AS26" s="240">
        <v>0</v>
      </c>
      <c r="AT26" s="220">
        <v>22</v>
      </c>
      <c r="AU26" s="218">
        <v>30</v>
      </c>
      <c r="AV26" s="218">
        <v>39</v>
      </c>
      <c r="AW26" s="218">
        <v>59</v>
      </c>
      <c r="AX26" s="219">
        <v>31</v>
      </c>
      <c r="AY26" s="240">
        <v>181</v>
      </c>
      <c r="AZ26" s="241">
        <v>181</v>
      </c>
      <c r="BA26" s="217">
        <v>0</v>
      </c>
      <c r="BB26" s="219">
        <v>0</v>
      </c>
      <c r="BC26" s="219">
        <v>0</v>
      </c>
      <c r="BD26" s="220">
        <v>1</v>
      </c>
      <c r="BE26" s="218">
        <v>0</v>
      </c>
      <c r="BF26" s="218">
        <v>0</v>
      </c>
      <c r="BG26" s="218">
        <v>0</v>
      </c>
      <c r="BH26" s="219">
        <v>1</v>
      </c>
      <c r="BI26" s="240">
        <v>2</v>
      </c>
      <c r="BJ26" s="242">
        <v>2</v>
      </c>
      <c r="BK26" s="222">
        <v>0</v>
      </c>
      <c r="BL26" s="219">
        <v>0</v>
      </c>
      <c r="BM26" s="219">
        <v>0</v>
      </c>
      <c r="BN26" s="220">
        <v>0</v>
      </c>
      <c r="BO26" s="218">
        <v>0</v>
      </c>
      <c r="BP26" s="218">
        <v>0</v>
      </c>
      <c r="BQ26" s="218">
        <v>0</v>
      </c>
      <c r="BR26" s="219">
        <v>0</v>
      </c>
      <c r="BS26" s="240">
        <v>0</v>
      </c>
      <c r="BT26" s="241">
        <v>0</v>
      </c>
      <c r="BU26" s="217">
        <v>0</v>
      </c>
      <c r="BV26" s="219">
        <v>0</v>
      </c>
      <c r="BW26" s="219">
        <v>0</v>
      </c>
      <c r="BX26" s="220">
        <v>0</v>
      </c>
      <c r="BY26" s="218">
        <v>0</v>
      </c>
      <c r="BZ26" s="218">
        <v>0</v>
      </c>
      <c r="CA26" s="218">
        <v>0</v>
      </c>
      <c r="CB26" s="219">
        <v>0</v>
      </c>
      <c r="CC26" s="240">
        <v>0</v>
      </c>
      <c r="CD26" s="242">
        <v>0</v>
      </c>
      <c r="CE26" s="222">
        <v>0</v>
      </c>
      <c r="CF26" s="219">
        <v>0</v>
      </c>
      <c r="CG26" s="219">
        <v>0</v>
      </c>
      <c r="CH26" s="220">
        <v>0</v>
      </c>
      <c r="CI26" s="218">
        <v>0</v>
      </c>
      <c r="CJ26" s="218">
        <v>0</v>
      </c>
      <c r="CK26" s="218">
        <v>0</v>
      </c>
      <c r="CL26" s="219">
        <v>0</v>
      </c>
      <c r="CM26" s="240">
        <v>0</v>
      </c>
      <c r="CN26" s="242">
        <v>0</v>
      </c>
      <c r="CO26" s="222">
        <v>0</v>
      </c>
      <c r="CP26" s="219">
        <v>0</v>
      </c>
      <c r="CQ26" s="219">
        <v>0</v>
      </c>
      <c r="CR26" s="220">
        <v>0</v>
      </c>
      <c r="CS26" s="218">
        <v>0</v>
      </c>
      <c r="CT26" s="218">
        <v>0</v>
      </c>
      <c r="CU26" s="218">
        <v>4</v>
      </c>
      <c r="CV26" s="219">
        <v>10</v>
      </c>
      <c r="CW26" s="240">
        <v>14</v>
      </c>
      <c r="CX26" s="241">
        <v>14</v>
      </c>
      <c r="CY26" s="217">
        <v>0</v>
      </c>
      <c r="CZ26" s="219">
        <v>0</v>
      </c>
      <c r="DA26" s="219">
        <v>0</v>
      </c>
      <c r="DB26" s="220">
        <v>0</v>
      </c>
      <c r="DC26" s="218">
        <v>0</v>
      </c>
      <c r="DD26" s="218">
        <v>0</v>
      </c>
      <c r="DE26" s="218">
        <v>4</v>
      </c>
      <c r="DF26" s="219">
        <v>10</v>
      </c>
      <c r="DG26" s="240">
        <v>14</v>
      </c>
      <c r="DH26" s="242">
        <v>14</v>
      </c>
      <c r="DI26" s="222">
        <v>0</v>
      </c>
      <c r="DJ26" s="219">
        <v>0</v>
      </c>
      <c r="DK26" s="219">
        <v>0</v>
      </c>
      <c r="DL26" s="220">
        <v>0</v>
      </c>
      <c r="DM26" s="218">
        <v>0</v>
      </c>
      <c r="DN26" s="218">
        <v>0</v>
      </c>
      <c r="DO26" s="218">
        <v>0</v>
      </c>
      <c r="DP26" s="219">
        <v>0</v>
      </c>
      <c r="DQ26" s="240">
        <v>0</v>
      </c>
      <c r="DR26" s="242">
        <v>0</v>
      </c>
      <c r="DS26" s="222">
        <v>0</v>
      </c>
      <c r="DT26" s="219">
        <v>0</v>
      </c>
      <c r="DU26" s="219">
        <v>0</v>
      </c>
      <c r="DV26" s="220">
        <v>27</v>
      </c>
      <c r="DW26" s="218">
        <v>42</v>
      </c>
      <c r="DX26" s="218">
        <v>128</v>
      </c>
      <c r="DY26" s="218">
        <v>216</v>
      </c>
      <c r="DZ26" s="219">
        <v>131</v>
      </c>
      <c r="EA26" s="240">
        <v>544</v>
      </c>
      <c r="EB26" s="242">
        <v>544</v>
      </c>
      <c r="EC26" s="239"/>
    </row>
    <row r="27" spans="2:133" ht="21" customHeight="1" x14ac:dyDescent="0.2">
      <c r="B27" s="106" t="s">
        <v>24</v>
      </c>
      <c r="C27" s="217">
        <v>0</v>
      </c>
      <c r="D27" s="219">
        <v>0</v>
      </c>
      <c r="E27" s="219">
        <v>0</v>
      </c>
      <c r="F27" s="220">
        <v>1</v>
      </c>
      <c r="G27" s="218">
        <v>1</v>
      </c>
      <c r="H27" s="218">
        <v>31</v>
      </c>
      <c r="I27" s="218">
        <v>91</v>
      </c>
      <c r="J27" s="219">
        <v>54</v>
      </c>
      <c r="K27" s="240">
        <v>178</v>
      </c>
      <c r="L27" s="241">
        <v>178</v>
      </c>
      <c r="M27" s="217">
        <v>0</v>
      </c>
      <c r="N27" s="219">
        <v>0</v>
      </c>
      <c r="O27" s="240">
        <v>0</v>
      </c>
      <c r="P27" s="220">
        <v>1</v>
      </c>
      <c r="Q27" s="218">
        <v>1</v>
      </c>
      <c r="R27" s="218">
        <v>31</v>
      </c>
      <c r="S27" s="218">
        <v>91</v>
      </c>
      <c r="T27" s="219">
        <v>54</v>
      </c>
      <c r="U27" s="240">
        <v>178</v>
      </c>
      <c r="V27" s="242">
        <v>178</v>
      </c>
      <c r="W27" s="222">
        <v>0</v>
      </c>
      <c r="X27" s="219">
        <v>0</v>
      </c>
      <c r="Y27" s="240">
        <v>0</v>
      </c>
      <c r="Z27" s="222">
        <v>0</v>
      </c>
      <c r="AA27" s="218">
        <v>0</v>
      </c>
      <c r="AB27" s="218">
        <v>0</v>
      </c>
      <c r="AC27" s="218">
        <v>0</v>
      </c>
      <c r="AD27" s="219">
        <v>0</v>
      </c>
      <c r="AE27" s="240">
        <v>0</v>
      </c>
      <c r="AF27" s="221">
        <v>0</v>
      </c>
      <c r="AG27" s="222">
        <v>0</v>
      </c>
      <c r="AH27" s="219">
        <v>0</v>
      </c>
      <c r="AI27" s="240">
        <v>0</v>
      </c>
      <c r="AJ27" s="222">
        <v>9</v>
      </c>
      <c r="AK27" s="218">
        <v>13</v>
      </c>
      <c r="AL27" s="218">
        <v>21</v>
      </c>
      <c r="AM27" s="218">
        <v>32</v>
      </c>
      <c r="AN27" s="219">
        <v>10</v>
      </c>
      <c r="AO27" s="240">
        <v>85</v>
      </c>
      <c r="AP27" s="221">
        <v>85</v>
      </c>
      <c r="AQ27" s="222">
        <v>0</v>
      </c>
      <c r="AR27" s="219">
        <v>0</v>
      </c>
      <c r="AS27" s="240">
        <v>0</v>
      </c>
      <c r="AT27" s="220">
        <v>9</v>
      </c>
      <c r="AU27" s="218">
        <v>12</v>
      </c>
      <c r="AV27" s="218">
        <v>21</v>
      </c>
      <c r="AW27" s="218">
        <v>30</v>
      </c>
      <c r="AX27" s="219">
        <v>10</v>
      </c>
      <c r="AY27" s="240">
        <v>82</v>
      </c>
      <c r="AZ27" s="241">
        <v>82</v>
      </c>
      <c r="BA27" s="217">
        <v>0</v>
      </c>
      <c r="BB27" s="219">
        <v>0</v>
      </c>
      <c r="BC27" s="219">
        <v>0</v>
      </c>
      <c r="BD27" s="220">
        <v>0</v>
      </c>
      <c r="BE27" s="218">
        <v>1</v>
      </c>
      <c r="BF27" s="218">
        <v>0</v>
      </c>
      <c r="BG27" s="218">
        <v>2</v>
      </c>
      <c r="BH27" s="219">
        <v>0</v>
      </c>
      <c r="BI27" s="240">
        <v>3</v>
      </c>
      <c r="BJ27" s="242">
        <v>3</v>
      </c>
      <c r="BK27" s="222">
        <v>0</v>
      </c>
      <c r="BL27" s="219">
        <v>0</v>
      </c>
      <c r="BM27" s="219">
        <v>0</v>
      </c>
      <c r="BN27" s="220">
        <v>0</v>
      </c>
      <c r="BO27" s="218">
        <v>0</v>
      </c>
      <c r="BP27" s="218">
        <v>0</v>
      </c>
      <c r="BQ27" s="218">
        <v>0</v>
      </c>
      <c r="BR27" s="219">
        <v>0</v>
      </c>
      <c r="BS27" s="240">
        <v>0</v>
      </c>
      <c r="BT27" s="241">
        <v>0</v>
      </c>
      <c r="BU27" s="217">
        <v>0</v>
      </c>
      <c r="BV27" s="219">
        <v>0</v>
      </c>
      <c r="BW27" s="219">
        <v>0</v>
      </c>
      <c r="BX27" s="220">
        <v>0</v>
      </c>
      <c r="BY27" s="218">
        <v>0</v>
      </c>
      <c r="BZ27" s="218">
        <v>0</v>
      </c>
      <c r="CA27" s="218">
        <v>0</v>
      </c>
      <c r="CB27" s="219">
        <v>0</v>
      </c>
      <c r="CC27" s="240">
        <v>0</v>
      </c>
      <c r="CD27" s="242">
        <v>0</v>
      </c>
      <c r="CE27" s="222">
        <v>0</v>
      </c>
      <c r="CF27" s="219">
        <v>0</v>
      </c>
      <c r="CG27" s="219">
        <v>0</v>
      </c>
      <c r="CH27" s="220">
        <v>0</v>
      </c>
      <c r="CI27" s="218">
        <v>0</v>
      </c>
      <c r="CJ27" s="218">
        <v>0</v>
      </c>
      <c r="CK27" s="218">
        <v>0</v>
      </c>
      <c r="CL27" s="219">
        <v>0</v>
      </c>
      <c r="CM27" s="240">
        <v>0</v>
      </c>
      <c r="CN27" s="242">
        <v>0</v>
      </c>
      <c r="CO27" s="222">
        <v>0</v>
      </c>
      <c r="CP27" s="219">
        <v>0</v>
      </c>
      <c r="CQ27" s="219">
        <v>0</v>
      </c>
      <c r="CR27" s="220">
        <v>0</v>
      </c>
      <c r="CS27" s="218">
        <v>0</v>
      </c>
      <c r="CT27" s="218">
        <v>0</v>
      </c>
      <c r="CU27" s="218">
        <v>0</v>
      </c>
      <c r="CV27" s="219">
        <v>1</v>
      </c>
      <c r="CW27" s="240">
        <v>1</v>
      </c>
      <c r="CX27" s="241">
        <v>1</v>
      </c>
      <c r="CY27" s="217">
        <v>0</v>
      </c>
      <c r="CZ27" s="219">
        <v>0</v>
      </c>
      <c r="DA27" s="219">
        <v>0</v>
      </c>
      <c r="DB27" s="220">
        <v>0</v>
      </c>
      <c r="DC27" s="218">
        <v>0</v>
      </c>
      <c r="DD27" s="218">
        <v>0</v>
      </c>
      <c r="DE27" s="218">
        <v>0</v>
      </c>
      <c r="DF27" s="219">
        <v>1</v>
      </c>
      <c r="DG27" s="240">
        <v>1</v>
      </c>
      <c r="DH27" s="242">
        <v>1</v>
      </c>
      <c r="DI27" s="222">
        <v>0</v>
      </c>
      <c r="DJ27" s="219">
        <v>0</v>
      </c>
      <c r="DK27" s="219">
        <v>0</v>
      </c>
      <c r="DL27" s="220">
        <v>0</v>
      </c>
      <c r="DM27" s="218">
        <v>0</v>
      </c>
      <c r="DN27" s="218">
        <v>0</v>
      </c>
      <c r="DO27" s="218">
        <v>0</v>
      </c>
      <c r="DP27" s="219">
        <v>0</v>
      </c>
      <c r="DQ27" s="240">
        <v>0</v>
      </c>
      <c r="DR27" s="242">
        <v>0</v>
      </c>
      <c r="DS27" s="222">
        <v>0</v>
      </c>
      <c r="DT27" s="219">
        <v>0</v>
      </c>
      <c r="DU27" s="219">
        <v>0</v>
      </c>
      <c r="DV27" s="220">
        <v>10</v>
      </c>
      <c r="DW27" s="218">
        <v>14</v>
      </c>
      <c r="DX27" s="218">
        <v>51</v>
      </c>
      <c r="DY27" s="218">
        <v>123</v>
      </c>
      <c r="DZ27" s="219">
        <v>65</v>
      </c>
      <c r="EA27" s="240">
        <v>263</v>
      </c>
      <c r="EB27" s="242">
        <v>263</v>
      </c>
      <c r="EC27" s="239"/>
    </row>
    <row r="28" spans="2:133" ht="21" customHeight="1" x14ac:dyDescent="0.2">
      <c r="B28" s="106" t="s">
        <v>25</v>
      </c>
      <c r="C28" s="217">
        <v>0</v>
      </c>
      <c r="D28" s="219">
        <v>0</v>
      </c>
      <c r="E28" s="219">
        <v>0</v>
      </c>
      <c r="F28" s="220">
        <v>1</v>
      </c>
      <c r="G28" s="218">
        <v>4</v>
      </c>
      <c r="H28" s="218">
        <v>64</v>
      </c>
      <c r="I28" s="218">
        <v>77</v>
      </c>
      <c r="J28" s="219">
        <v>48</v>
      </c>
      <c r="K28" s="240">
        <v>194</v>
      </c>
      <c r="L28" s="241">
        <v>194</v>
      </c>
      <c r="M28" s="217">
        <v>0</v>
      </c>
      <c r="N28" s="219">
        <v>0</v>
      </c>
      <c r="O28" s="240">
        <v>0</v>
      </c>
      <c r="P28" s="220">
        <v>1</v>
      </c>
      <c r="Q28" s="218">
        <v>4</v>
      </c>
      <c r="R28" s="218">
        <v>64</v>
      </c>
      <c r="S28" s="218">
        <v>76</v>
      </c>
      <c r="T28" s="219">
        <v>44</v>
      </c>
      <c r="U28" s="240">
        <v>189</v>
      </c>
      <c r="V28" s="242">
        <v>189</v>
      </c>
      <c r="W28" s="222">
        <v>0</v>
      </c>
      <c r="X28" s="219">
        <v>0</v>
      </c>
      <c r="Y28" s="240">
        <v>0</v>
      </c>
      <c r="Z28" s="222">
        <v>0</v>
      </c>
      <c r="AA28" s="218">
        <v>0</v>
      </c>
      <c r="AB28" s="218">
        <v>0</v>
      </c>
      <c r="AC28" s="218">
        <v>1</v>
      </c>
      <c r="AD28" s="219">
        <v>4</v>
      </c>
      <c r="AE28" s="240">
        <v>5</v>
      </c>
      <c r="AF28" s="221">
        <v>5</v>
      </c>
      <c r="AG28" s="222">
        <v>0</v>
      </c>
      <c r="AH28" s="219">
        <v>0</v>
      </c>
      <c r="AI28" s="240">
        <v>0</v>
      </c>
      <c r="AJ28" s="222">
        <v>7</v>
      </c>
      <c r="AK28" s="218">
        <v>32</v>
      </c>
      <c r="AL28" s="218">
        <v>19</v>
      </c>
      <c r="AM28" s="218">
        <v>50</v>
      </c>
      <c r="AN28" s="219">
        <v>15</v>
      </c>
      <c r="AO28" s="240">
        <v>123</v>
      </c>
      <c r="AP28" s="221">
        <v>123</v>
      </c>
      <c r="AQ28" s="222">
        <v>0</v>
      </c>
      <c r="AR28" s="219">
        <v>0</v>
      </c>
      <c r="AS28" s="240">
        <v>0</v>
      </c>
      <c r="AT28" s="220">
        <v>6</v>
      </c>
      <c r="AU28" s="218">
        <v>32</v>
      </c>
      <c r="AV28" s="218">
        <v>19</v>
      </c>
      <c r="AW28" s="218">
        <v>50</v>
      </c>
      <c r="AX28" s="219">
        <v>15</v>
      </c>
      <c r="AY28" s="240">
        <v>122</v>
      </c>
      <c r="AZ28" s="241">
        <v>122</v>
      </c>
      <c r="BA28" s="217">
        <v>0</v>
      </c>
      <c r="BB28" s="219">
        <v>0</v>
      </c>
      <c r="BC28" s="219">
        <v>0</v>
      </c>
      <c r="BD28" s="220">
        <v>1</v>
      </c>
      <c r="BE28" s="218">
        <v>0</v>
      </c>
      <c r="BF28" s="218">
        <v>0</v>
      </c>
      <c r="BG28" s="218">
        <v>0</v>
      </c>
      <c r="BH28" s="219">
        <v>0</v>
      </c>
      <c r="BI28" s="240">
        <v>1</v>
      </c>
      <c r="BJ28" s="242">
        <v>1</v>
      </c>
      <c r="BK28" s="222">
        <v>0</v>
      </c>
      <c r="BL28" s="219">
        <v>0</v>
      </c>
      <c r="BM28" s="219">
        <v>0</v>
      </c>
      <c r="BN28" s="220">
        <v>0</v>
      </c>
      <c r="BO28" s="218">
        <v>0</v>
      </c>
      <c r="BP28" s="218">
        <v>0</v>
      </c>
      <c r="BQ28" s="218">
        <v>0</v>
      </c>
      <c r="BR28" s="219">
        <v>0</v>
      </c>
      <c r="BS28" s="240">
        <v>0</v>
      </c>
      <c r="BT28" s="241">
        <v>0</v>
      </c>
      <c r="BU28" s="217">
        <v>0</v>
      </c>
      <c r="BV28" s="219">
        <v>0</v>
      </c>
      <c r="BW28" s="219">
        <v>0</v>
      </c>
      <c r="BX28" s="220">
        <v>0</v>
      </c>
      <c r="BY28" s="218">
        <v>0</v>
      </c>
      <c r="BZ28" s="218">
        <v>0</v>
      </c>
      <c r="CA28" s="218">
        <v>0</v>
      </c>
      <c r="CB28" s="219">
        <v>0</v>
      </c>
      <c r="CC28" s="240">
        <v>0</v>
      </c>
      <c r="CD28" s="242">
        <v>0</v>
      </c>
      <c r="CE28" s="222">
        <v>0</v>
      </c>
      <c r="CF28" s="219">
        <v>0</v>
      </c>
      <c r="CG28" s="219">
        <v>0</v>
      </c>
      <c r="CH28" s="220">
        <v>0</v>
      </c>
      <c r="CI28" s="218">
        <v>0</v>
      </c>
      <c r="CJ28" s="218">
        <v>0</v>
      </c>
      <c r="CK28" s="218">
        <v>0</v>
      </c>
      <c r="CL28" s="219">
        <v>0</v>
      </c>
      <c r="CM28" s="240">
        <v>0</v>
      </c>
      <c r="CN28" s="242">
        <v>0</v>
      </c>
      <c r="CO28" s="222">
        <v>0</v>
      </c>
      <c r="CP28" s="219">
        <v>0</v>
      </c>
      <c r="CQ28" s="219">
        <v>0</v>
      </c>
      <c r="CR28" s="220">
        <v>0</v>
      </c>
      <c r="CS28" s="218">
        <v>0</v>
      </c>
      <c r="CT28" s="218">
        <v>0</v>
      </c>
      <c r="CU28" s="218">
        <v>0</v>
      </c>
      <c r="CV28" s="219">
        <v>2</v>
      </c>
      <c r="CW28" s="240">
        <v>2</v>
      </c>
      <c r="CX28" s="241">
        <v>2</v>
      </c>
      <c r="CY28" s="217">
        <v>0</v>
      </c>
      <c r="CZ28" s="219">
        <v>0</v>
      </c>
      <c r="DA28" s="219">
        <v>0</v>
      </c>
      <c r="DB28" s="220">
        <v>0</v>
      </c>
      <c r="DC28" s="218">
        <v>0</v>
      </c>
      <c r="DD28" s="218">
        <v>0</v>
      </c>
      <c r="DE28" s="218">
        <v>0</v>
      </c>
      <c r="DF28" s="219">
        <v>2</v>
      </c>
      <c r="DG28" s="240">
        <v>2</v>
      </c>
      <c r="DH28" s="242">
        <v>2</v>
      </c>
      <c r="DI28" s="222">
        <v>0</v>
      </c>
      <c r="DJ28" s="219">
        <v>0</v>
      </c>
      <c r="DK28" s="219">
        <v>0</v>
      </c>
      <c r="DL28" s="220">
        <v>0</v>
      </c>
      <c r="DM28" s="218">
        <v>0</v>
      </c>
      <c r="DN28" s="218">
        <v>0</v>
      </c>
      <c r="DO28" s="218">
        <v>0</v>
      </c>
      <c r="DP28" s="219">
        <v>0</v>
      </c>
      <c r="DQ28" s="240">
        <v>0</v>
      </c>
      <c r="DR28" s="242">
        <v>0</v>
      </c>
      <c r="DS28" s="222">
        <v>0</v>
      </c>
      <c r="DT28" s="219">
        <v>0</v>
      </c>
      <c r="DU28" s="219">
        <v>0</v>
      </c>
      <c r="DV28" s="220">
        <v>8</v>
      </c>
      <c r="DW28" s="218">
        <v>36</v>
      </c>
      <c r="DX28" s="218">
        <v>83</v>
      </c>
      <c r="DY28" s="218">
        <v>127</v>
      </c>
      <c r="DZ28" s="219">
        <v>64</v>
      </c>
      <c r="EA28" s="240">
        <v>318</v>
      </c>
      <c r="EB28" s="242">
        <v>318</v>
      </c>
      <c r="EC28" s="239"/>
    </row>
    <row r="29" spans="2:133" ht="21" customHeight="1" x14ac:dyDescent="0.2">
      <c r="B29" s="106" t="s">
        <v>26</v>
      </c>
      <c r="C29" s="217">
        <v>0</v>
      </c>
      <c r="D29" s="219">
        <v>0</v>
      </c>
      <c r="E29" s="219">
        <v>0</v>
      </c>
      <c r="F29" s="220">
        <v>2</v>
      </c>
      <c r="G29" s="218">
        <v>4</v>
      </c>
      <c r="H29" s="218">
        <v>34</v>
      </c>
      <c r="I29" s="218">
        <v>63</v>
      </c>
      <c r="J29" s="219">
        <v>48</v>
      </c>
      <c r="K29" s="240">
        <v>151</v>
      </c>
      <c r="L29" s="241">
        <v>151</v>
      </c>
      <c r="M29" s="217">
        <v>0</v>
      </c>
      <c r="N29" s="219">
        <v>0</v>
      </c>
      <c r="O29" s="240">
        <v>0</v>
      </c>
      <c r="P29" s="220">
        <v>2</v>
      </c>
      <c r="Q29" s="218">
        <v>4</v>
      </c>
      <c r="R29" s="218">
        <v>34</v>
      </c>
      <c r="S29" s="218">
        <v>61</v>
      </c>
      <c r="T29" s="219">
        <v>48</v>
      </c>
      <c r="U29" s="240">
        <v>149</v>
      </c>
      <c r="V29" s="242">
        <v>149</v>
      </c>
      <c r="W29" s="222">
        <v>0</v>
      </c>
      <c r="X29" s="219">
        <v>0</v>
      </c>
      <c r="Y29" s="240">
        <v>0</v>
      </c>
      <c r="Z29" s="222">
        <v>0</v>
      </c>
      <c r="AA29" s="218">
        <v>0</v>
      </c>
      <c r="AB29" s="218">
        <v>0</v>
      </c>
      <c r="AC29" s="218">
        <v>2</v>
      </c>
      <c r="AD29" s="219">
        <v>0</v>
      </c>
      <c r="AE29" s="240">
        <v>2</v>
      </c>
      <c r="AF29" s="221">
        <v>2</v>
      </c>
      <c r="AG29" s="222">
        <v>0</v>
      </c>
      <c r="AH29" s="219">
        <v>0</v>
      </c>
      <c r="AI29" s="240">
        <v>0</v>
      </c>
      <c r="AJ29" s="222">
        <v>3</v>
      </c>
      <c r="AK29" s="218">
        <v>13</v>
      </c>
      <c r="AL29" s="218">
        <v>28</v>
      </c>
      <c r="AM29" s="218">
        <v>20</v>
      </c>
      <c r="AN29" s="219">
        <v>10</v>
      </c>
      <c r="AO29" s="240">
        <v>74</v>
      </c>
      <c r="AP29" s="221">
        <v>74</v>
      </c>
      <c r="AQ29" s="222">
        <v>0</v>
      </c>
      <c r="AR29" s="219">
        <v>0</v>
      </c>
      <c r="AS29" s="240">
        <v>0</v>
      </c>
      <c r="AT29" s="220">
        <v>3</v>
      </c>
      <c r="AU29" s="218">
        <v>11</v>
      </c>
      <c r="AV29" s="218">
        <v>28</v>
      </c>
      <c r="AW29" s="218">
        <v>19</v>
      </c>
      <c r="AX29" s="219">
        <v>10</v>
      </c>
      <c r="AY29" s="240">
        <v>71</v>
      </c>
      <c r="AZ29" s="241">
        <v>71</v>
      </c>
      <c r="BA29" s="217">
        <v>0</v>
      </c>
      <c r="BB29" s="219">
        <v>0</v>
      </c>
      <c r="BC29" s="219">
        <v>0</v>
      </c>
      <c r="BD29" s="220">
        <v>0</v>
      </c>
      <c r="BE29" s="218">
        <v>2</v>
      </c>
      <c r="BF29" s="218">
        <v>0</v>
      </c>
      <c r="BG29" s="218">
        <v>1</v>
      </c>
      <c r="BH29" s="219">
        <v>0</v>
      </c>
      <c r="BI29" s="240">
        <v>3</v>
      </c>
      <c r="BJ29" s="242">
        <v>3</v>
      </c>
      <c r="BK29" s="222">
        <v>0</v>
      </c>
      <c r="BL29" s="219">
        <v>0</v>
      </c>
      <c r="BM29" s="219">
        <v>0</v>
      </c>
      <c r="BN29" s="220">
        <v>0</v>
      </c>
      <c r="BO29" s="218">
        <v>0</v>
      </c>
      <c r="BP29" s="218">
        <v>0</v>
      </c>
      <c r="BQ29" s="218">
        <v>0</v>
      </c>
      <c r="BR29" s="219">
        <v>0</v>
      </c>
      <c r="BS29" s="240">
        <v>0</v>
      </c>
      <c r="BT29" s="241">
        <v>0</v>
      </c>
      <c r="BU29" s="217">
        <v>0</v>
      </c>
      <c r="BV29" s="219">
        <v>0</v>
      </c>
      <c r="BW29" s="219">
        <v>0</v>
      </c>
      <c r="BX29" s="220">
        <v>0</v>
      </c>
      <c r="BY29" s="218">
        <v>0</v>
      </c>
      <c r="BZ29" s="218">
        <v>0</v>
      </c>
      <c r="CA29" s="218">
        <v>0</v>
      </c>
      <c r="CB29" s="219">
        <v>0</v>
      </c>
      <c r="CC29" s="240">
        <v>0</v>
      </c>
      <c r="CD29" s="242">
        <v>0</v>
      </c>
      <c r="CE29" s="222">
        <v>0</v>
      </c>
      <c r="CF29" s="219">
        <v>0</v>
      </c>
      <c r="CG29" s="219">
        <v>0</v>
      </c>
      <c r="CH29" s="220">
        <v>0</v>
      </c>
      <c r="CI29" s="218">
        <v>0</v>
      </c>
      <c r="CJ29" s="218">
        <v>0</v>
      </c>
      <c r="CK29" s="218">
        <v>0</v>
      </c>
      <c r="CL29" s="219">
        <v>0</v>
      </c>
      <c r="CM29" s="240">
        <v>0</v>
      </c>
      <c r="CN29" s="242">
        <v>0</v>
      </c>
      <c r="CO29" s="222">
        <v>0</v>
      </c>
      <c r="CP29" s="219">
        <v>0</v>
      </c>
      <c r="CQ29" s="219">
        <v>0</v>
      </c>
      <c r="CR29" s="220">
        <v>0</v>
      </c>
      <c r="CS29" s="218">
        <v>0</v>
      </c>
      <c r="CT29" s="218">
        <v>1</v>
      </c>
      <c r="CU29" s="218">
        <v>0</v>
      </c>
      <c r="CV29" s="219">
        <v>4</v>
      </c>
      <c r="CW29" s="240">
        <v>5</v>
      </c>
      <c r="CX29" s="241">
        <v>5</v>
      </c>
      <c r="CY29" s="217">
        <v>0</v>
      </c>
      <c r="CZ29" s="219">
        <v>0</v>
      </c>
      <c r="DA29" s="219">
        <v>0</v>
      </c>
      <c r="DB29" s="220">
        <v>0</v>
      </c>
      <c r="DC29" s="218">
        <v>0</v>
      </c>
      <c r="DD29" s="218">
        <v>1</v>
      </c>
      <c r="DE29" s="218">
        <v>0</v>
      </c>
      <c r="DF29" s="219">
        <v>4</v>
      </c>
      <c r="DG29" s="240">
        <v>5</v>
      </c>
      <c r="DH29" s="242">
        <v>5</v>
      </c>
      <c r="DI29" s="222">
        <v>0</v>
      </c>
      <c r="DJ29" s="219">
        <v>0</v>
      </c>
      <c r="DK29" s="219">
        <v>0</v>
      </c>
      <c r="DL29" s="220">
        <v>0</v>
      </c>
      <c r="DM29" s="218">
        <v>0</v>
      </c>
      <c r="DN29" s="218">
        <v>0</v>
      </c>
      <c r="DO29" s="218">
        <v>0</v>
      </c>
      <c r="DP29" s="219">
        <v>0</v>
      </c>
      <c r="DQ29" s="240">
        <v>0</v>
      </c>
      <c r="DR29" s="242">
        <v>0</v>
      </c>
      <c r="DS29" s="222">
        <v>0</v>
      </c>
      <c r="DT29" s="219">
        <v>0</v>
      </c>
      <c r="DU29" s="219">
        <v>0</v>
      </c>
      <c r="DV29" s="220">
        <v>5</v>
      </c>
      <c r="DW29" s="218">
        <v>17</v>
      </c>
      <c r="DX29" s="218">
        <v>63</v>
      </c>
      <c r="DY29" s="218">
        <v>82</v>
      </c>
      <c r="DZ29" s="219">
        <v>62</v>
      </c>
      <c r="EA29" s="240">
        <v>229</v>
      </c>
      <c r="EB29" s="242">
        <v>229</v>
      </c>
      <c r="EC29" s="239"/>
    </row>
    <row r="30" spans="2:133" ht="21" customHeight="1" x14ac:dyDescent="0.2">
      <c r="B30" s="106" t="s">
        <v>27</v>
      </c>
      <c r="C30" s="217">
        <v>0</v>
      </c>
      <c r="D30" s="219">
        <v>0</v>
      </c>
      <c r="E30" s="219">
        <v>0</v>
      </c>
      <c r="F30" s="220">
        <v>2</v>
      </c>
      <c r="G30" s="218">
        <v>2</v>
      </c>
      <c r="H30" s="218">
        <v>27</v>
      </c>
      <c r="I30" s="218">
        <v>57</v>
      </c>
      <c r="J30" s="219">
        <v>37</v>
      </c>
      <c r="K30" s="240">
        <v>125</v>
      </c>
      <c r="L30" s="241">
        <v>125</v>
      </c>
      <c r="M30" s="217">
        <v>0</v>
      </c>
      <c r="N30" s="219">
        <v>0</v>
      </c>
      <c r="O30" s="240">
        <v>0</v>
      </c>
      <c r="P30" s="220">
        <v>2</v>
      </c>
      <c r="Q30" s="218">
        <v>2</v>
      </c>
      <c r="R30" s="218">
        <v>26</v>
      </c>
      <c r="S30" s="218">
        <v>56</v>
      </c>
      <c r="T30" s="219">
        <v>37</v>
      </c>
      <c r="U30" s="240">
        <v>123</v>
      </c>
      <c r="V30" s="242">
        <v>123</v>
      </c>
      <c r="W30" s="222">
        <v>0</v>
      </c>
      <c r="X30" s="219">
        <v>0</v>
      </c>
      <c r="Y30" s="240">
        <v>0</v>
      </c>
      <c r="Z30" s="222">
        <v>0</v>
      </c>
      <c r="AA30" s="218">
        <v>0</v>
      </c>
      <c r="AB30" s="218">
        <v>1</v>
      </c>
      <c r="AC30" s="218">
        <v>1</v>
      </c>
      <c r="AD30" s="219">
        <v>0</v>
      </c>
      <c r="AE30" s="240">
        <v>2</v>
      </c>
      <c r="AF30" s="221">
        <v>2</v>
      </c>
      <c r="AG30" s="222">
        <v>0</v>
      </c>
      <c r="AH30" s="219">
        <v>0</v>
      </c>
      <c r="AI30" s="240">
        <v>0</v>
      </c>
      <c r="AJ30" s="222">
        <v>7</v>
      </c>
      <c r="AK30" s="218">
        <v>14</v>
      </c>
      <c r="AL30" s="218">
        <v>18</v>
      </c>
      <c r="AM30" s="218">
        <v>22</v>
      </c>
      <c r="AN30" s="219">
        <v>10</v>
      </c>
      <c r="AO30" s="240">
        <v>71</v>
      </c>
      <c r="AP30" s="221">
        <v>71</v>
      </c>
      <c r="AQ30" s="222">
        <v>0</v>
      </c>
      <c r="AR30" s="219">
        <v>0</v>
      </c>
      <c r="AS30" s="240">
        <v>0</v>
      </c>
      <c r="AT30" s="220">
        <v>6</v>
      </c>
      <c r="AU30" s="218">
        <v>13</v>
      </c>
      <c r="AV30" s="218">
        <v>18</v>
      </c>
      <c r="AW30" s="218">
        <v>22</v>
      </c>
      <c r="AX30" s="219">
        <v>10</v>
      </c>
      <c r="AY30" s="240">
        <v>69</v>
      </c>
      <c r="AZ30" s="241">
        <v>69</v>
      </c>
      <c r="BA30" s="217">
        <v>0</v>
      </c>
      <c r="BB30" s="219">
        <v>0</v>
      </c>
      <c r="BC30" s="219">
        <v>0</v>
      </c>
      <c r="BD30" s="220">
        <v>1</v>
      </c>
      <c r="BE30" s="218">
        <v>1</v>
      </c>
      <c r="BF30" s="218">
        <v>0</v>
      </c>
      <c r="BG30" s="218">
        <v>0</v>
      </c>
      <c r="BH30" s="219">
        <v>0</v>
      </c>
      <c r="BI30" s="240">
        <v>2</v>
      </c>
      <c r="BJ30" s="242">
        <v>2</v>
      </c>
      <c r="BK30" s="222">
        <v>0</v>
      </c>
      <c r="BL30" s="219">
        <v>0</v>
      </c>
      <c r="BM30" s="219">
        <v>0</v>
      </c>
      <c r="BN30" s="220">
        <v>0</v>
      </c>
      <c r="BO30" s="218">
        <v>0</v>
      </c>
      <c r="BP30" s="218">
        <v>0</v>
      </c>
      <c r="BQ30" s="218">
        <v>0</v>
      </c>
      <c r="BR30" s="219">
        <v>0</v>
      </c>
      <c r="BS30" s="240">
        <v>0</v>
      </c>
      <c r="BT30" s="241">
        <v>0</v>
      </c>
      <c r="BU30" s="217">
        <v>0</v>
      </c>
      <c r="BV30" s="219">
        <v>0</v>
      </c>
      <c r="BW30" s="219">
        <v>0</v>
      </c>
      <c r="BX30" s="220">
        <v>0</v>
      </c>
      <c r="BY30" s="218">
        <v>0</v>
      </c>
      <c r="BZ30" s="218">
        <v>0</v>
      </c>
      <c r="CA30" s="218">
        <v>0</v>
      </c>
      <c r="CB30" s="219">
        <v>0</v>
      </c>
      <c r="CC30" s="240">
        <v>0</v>
      </c>
      <c r="CD30" s="242">
        <v>0</v>
      </c>
      <c r="CE30" s="222">
        <v>0</v>
      </c>
      <c r="CF30" s="219">
        <v>0</v>
      </c>
      <c r="CG30" s="219">
        <v>0</v>
      </c>
      <c r="CH30" s="220">
        <v>0</v>
      </c>
      <c r="CI30" s="218">
        <v>0</v>
      </c>
      <c r="CJ30" s="218">
        <v>0</v>
      </c>
      <c r="CK30" s="218">
        <v>0</v>
      </c>
      <c r="CL30" s="219">
        <v>0</v>
      </c>
      <c r="CM30" s="240">
        <v>0</v>
      </c>
      <c r="CN30" s="242">
        <v>0</v>
      </c>
      <c r="CO30" s="222">
        <v>0</v>
      </c>
      <c r="CP30" s="219">
        <v>0</v>
      </c>
      <c r="CQ30" s="219">
        <v>0</v>
      </c>
      <c r="CR30" s="220">
        <v>0</v>
      </c>
      <c r="CS30" s="218">
        <v>0</v>
      </c>
      <c r="CT30" s="218">
        <v>0</v>
      </c>
      <c r="CU30" s="218">
        <v>1</v>
      </c>
      <c r="CV30" s="219">
        <v>3</v>
      </c>
      <c r="CW30" s="240">
        <v>4</v>
      </c>
      <c r="CX30" s="241">
        <v>4</v>
      </c>
      <c r="CY30" s="217">
        <v>0</v>
      </c>
      <c r="CZ30" s="219">
        <v>0</v>
      </c>
      <c r="DA30" s="219">
        <v>0</v>
      </c>
      <c r="DB30" s="220">
        <v>0</v>
      </c>
      <c r="DC30" s="218">
        <v>0</v>
      </c>
      <c r="DD30" s="218">
        <v>0</v>
      </c>
      <c r="DE30" s="218">
        <v>0</v>
      </c>
      <c r="DF30" s="219">
        <v>3</v>
      </c>
      <c r="DG30" s="240">
        <v>3</v>
      </c>
      <c r="DH30" s="242">
        <v>3</v>
      </c>
      <c r="DI30" s="222">
        <v>0</v>
      </c>
      <c r="DJ30" s="219">
        <v>0</v>
      </c>
      <c r="DK30" s="219">
        <v>0</v>
      </c>
      <c r="DL30" s="220">
        <v>0</v>
      </c>
      <c r="DM30" s="218">
        <v>0</v>
      </c>
      <c r="DN30" s="218">
        <v>0</v>
      </c>
      <c r="DO30" s="218">
        <v>1</v>
      </c>
      <c r="DP30" s="219">
        <v>0</v>
      </c>
      <c r="DQ30" s="240">
        <v>1</v>
      </c>
      <c r="DR30" s="242">
        <v>1</v>
      </c>
      <c r="DS30" s="222">
        <v>0</v>
      </c>
      <c r="DT30" s="219">
        <v>0</v>
      </c>
      <c r="DU30" s="219">
        <v>0</v>
      </c>
      <c r="DV30" s="220">
        <v>9</v>
      </c>
      <c r="DW30" s="218">
        <v>16</v>
      </c>
      <c r="DX30" s="218">
        <v>45</v>
      </c>
      <c r="DY30" s="218">
        <v>80</v>
      </c>
      <c r="DZ30" s="219">
        <v>50</v>
      </c>
      <c r="EA30" s="240">
        <v>200</v>
      </c>
      <c r="EB30" s="242">
        <v>200</v>
      </c>
      <c r="EC30" s="239"/>
    </row>
    <row r="31" spans="2:133" ht="21" customHeight="1" x14ac:dyDescent="0.2">
      <c r="B31" s="106" t="s">
        <v>28</v>
      </c>
      <c r="C31" s="217">
        <v>0</v>
      </c>
      <c r="D31" s="219">
        <v>0</v>
      </c>
      <c r="E31" s="219">
        <v>0</v>
      </c>
      <c r="F31" s="220">
        <v>0</v>
      </c>
      <c r="G31" s="218">
        <v>1</v>
      </c>
      <c r="H31" s="218">
        <v>14</v>
      </c>
      <c r="I31" s="218">
        <v>21</v>
      </c>
      <c r="J31" s="219">
        <v>16</v>
      </c>
      <c r="K31" s="240">
        <v>52</v>
      </c>
      <c r="L31" s="241">
        <v>52</v>
      </c>
      <c r="M31" s="217">
        <v>0</v>
      </c>
      <c r="N31" s="219">
        <v>0</v>
      </c>
      <c r="O31" s="240">
        <v>0</v>
      </c>
      <c r="P31" s="220">
        <v>0</v>
      </c>
      <c r="Q31" s="218">
        <v>1</v>
      </c>
      <c r="R31" s="218">
        <v>14</v>
      </c>
      <c r="S31" s="218">
        <v>21</v>
      </c>
      <c r="T31" s="219">
        <v>15</v>
      </c>
      <c r="U31" s="240">
        <v>51</v>
      </c>
      <c r="V31" s="242">
        <v>51</v>
      </c>
      <c r="W31" s="222">
        <v>0</v>
      </c>
      <c r="X31" s="219">
        <v>0</v>
      </c>
      <c r="Y31" s="240">
        <v>0</v>
      </c>
      <c r="Z31" s="222">
        <v>0</v>
      </c>
      <c r="AA31" s="218">
        <v>0</v>
      </c>
      <c r="AB31" s="218">
        <v>0</v>
      </c>
      <c r="AC31" s="218">
        <v>0</v>
      </c>
      <c r="AD31" s="219">
        <v>1</v>
      </c>
      <c r="AE31" s="240">
        <v>1</v>
      </c>
      <c r="AF31" s="221">
        <v>1</v>
      </c>
      <c r="AG31" s="222">
        <v>0</v>
      </c>
      <c r="AH31" s="219">
        <v>0</v>
      </c>
      <c r="AI31" s="240">
        <v>0</v>
      </c>
      <c r="AJ31" s="222">
        <v>4</v>
      </c>
      <c r="AK31" s="218">
        <v>6</v>
      </c>
      <c r="AL31" s="218">
        <v>10</v>
      </c>
      <c r="AM31" s="218">
        <v>7</v>
      </c>
      <c r="AN31" s="219">
        <v>4</v>
      </c>
      <c r="AO31" s="240">
        <v>31</v>
      </c>
      <c r="AP31" s="221">
        <v>31</v>
      </c>
      <c r="AQ31" s="222">
        <v>0</v>
      </c>
      <c r="AR31" s="219">
        <v>0</v>
      </c>
      <c r="AS31" s="240">
        <v>0</v>
      </c>
      <c r="AT31" s="220">
        <v>4</v>
      </c>
      <c r="AU31" s="218">
        <v>6</v>
      </c>
      <c r="AV31" s="218">
        <v>10</v>
      </c>
      <c r="AW31" s="218">
        <v>7</v>
      </c>
      <c r="AX31" s="219">
        <v>3</v>
      </c>
      <c r="AY31" s="240">
        <v>30</v>
      </c>
      <c r="AZ31" s="241">
        <v>30</v>
      </c>
      <c r="BA31" s="217">
        <v>0</v>
      </c>
      <c r="BB31" s="219">
        <v>0</v>
      </c>
      <c r="BC31" s="219">
        <v>0</v>
      </c>
      <c r="BD31" s="220">
        <v>0</v>
      </c>
      <c r="BE31" s="218">
        <v>0</v>
      </c>
      <c r="BF31" s="218">
        <v>0</v>
      </c>
      <c r="BG31" s="218">
        <v>0</v>
      </c>
      <c r="BH31" s="219">
        <v>1</v>
      </c>
      <c r="BI31" s="240">
        <v>1</v>
      </c>
      <c r="BJ31" s="242">
        <v>1</v>
      </c>
      <c r="BK31" s="222">
        <v>0</v>
      </c>
      <c r="BL31" s="219">
        <v>0</v>
      </c>
      <c r="BM31" s="219">
        <v>0</v>
      </c>
      <c r="BN31" s="220">
        <v>0</v>
      </c>
      <c r="BO31" s="218">
        <v>0</v>
      </c>
      <c r="BP31" s="218">
        <v>0</v>
      </c>
      <c r="BQ31" s="218">
        <v>0</v>
      </c>
      <c r="BR31" s="219">
        <v>0</v>
      </c>
      <c r="BS31" s="240">
        <v>0</v>
      </c>
      <c r="BT31" s="241">
        <v>0</v>
      </c>
      <c r="BU31" s="217">
        <v>0</v>
      </c>
      <c r="BV31" s="219">
        <v>0</v>
      </c>
      <c r="BW31" s="219">
        <v>0</v>
      </c>
      <c r="BX31" s="220">
        <v>0</v>
      </c>
      <c r="BY31" s="218">
        <v>0</v>
      </c>
      <c r="BZ31" s="218">
        <v>0</v>
      </c>
      <c r="CA31" s="218">
        <v>0</v>
      </c>
      <c r="CB31" s="219">
        <v>0</v>
      </c>
      <c r="CC31" s="240">
        <v>0</v>
      </c>
      <c r="CD31" s="242">
        <v>0</v>
      </c>
      <c r="CE31" s="222">
        <v>0</v>
      </c>
      <c r="CF31" s="219">
        <v>0</v>
      </c>
      <c r="CG31" s="219">
        <v>0</v>
      </c>
      <c r="CH31" s="220">
        <v>0</v>
      </c>
      <c r="CI31" s="218">
        <v>0</v>
      </c>
      <c r="CJ31" s="218">
        <v>0</v>
      </c>
      <c r="CK31" s="218">
        <v>0</v>
      </c>
      <c r="CL31" s="219">
        <v>0</v>
      </c>
      <c r="CM31" s="240">
        <v>0</v>
      </c>
      <c r="CN31" s="242">
        <v>0</v>
      </c>
      <c r="CO31" s="222">
        <v>0</v>
      </c>
      <c r="CP31" s="219">
        <v>0</v>
      </c>
      <c r="CQ31" s="219">
        <v>0</v>
      </c>
      <c r="CR31" s="220">
        <v>0</v>
      </c>
      <c r="CS31" s="218">
        <v>0</v>
      </c>
      <c r="CT31" s="218">
        <v>0</v>
      </c>
      <c r="CU31" s="218">
        <v>1</v>
      </c>
      <c r="CV31" s="219">
        <v>0</v>
      </c>
      <c r="CW31" s="240">
        <v>1</v>
      </c>
      <c r="CX31" s="241">
        <v>1</v>
      </c>
      <c r="CY31" s="217">
        <v>0</v>
      </c>
      <c r="CZ31" s="219">
        <v>0</v>
      </c>
      <c r="DA31" s="219">
        <v>0</v>
      </c>
      <c r="DB31" s="220">
        <v>0</v>
      </c>
      <c r="DC31" s="218">
        <v>0</v>
      </c>
      <c r="DD31" s="218">
        <v>0</v>
      </c>
      <c r="DE31" s="218">
        <v>1</v>
      </c>
      <c r="DF31" s="219">
        <v>0</v>
      </c>
      <c r="DG31" s="240">
        <v>1</v>
      </c>
      <c r="DH31" s="242">
        <v>1</v>
      </c>
      <c r="DI31" s="222">
        <v>0</v>
      </c>
      <c r="DJ31" s="219">
        <v>0</v>
      </c>
      <c r="DK31" s="219">
        <v>0</v>
      </c>
      <c r="DL31" s="220">
        <v>0</v>
      </c>
      <c r="DM31" s="218">
        <v>0</v>
      </c>
      <c r="DN31" s="218">
        <v>0</v>
      </c>
      <c r="DO31" s="218">
        <v>0</v>
      </c>
      <c r="DP31" s="219">
        <v>0</v>
      </c>
      <c r="DQ31" s="240">
        <v>0</v>
      </c>
      <c r="DR31" s="242">
        <v>0</v>
      </c>
      <c r="DS31" s="222">
        <v>0</v>
      </c>
      <c r="DT31" s="219">
        <v>0</v>
      </c>
      <c r="DU31" s="219">
        <v>0</v>
      </c>
      <c r="DV31" s="220">
        <v>4</v>
      </c>
      <c r="DW31" s="218">
        <v>7</v>
      </c>
      <c r="DX31" s="218">
        <v>24</v>
      </c>
      <c r="DY31" s="218">
        <v>29</v>
      </c>
      <c r="DZ31" s="219">
        <v>20</v>
      </c>
      <c r="EA31" s="240">
        <v>84</v>
      </c>
      <c r="EB31" s="242">
        <v>84</v>
      </c>
      <c r="EC31" s="239"/>
    </row>
    <row r="32" spans="2:133" ht="21" customHeight="1" x14ac:dyDescent="0.2">
      <c r="B32" s="106" t="s">
        <v>29</v>
      </c>
      <c r="C32" s="217">
        <v>0</v>
      </c>
      <c r="D32" s="219">
        <v>0</v>
      </c>
      <c r="E32" s="219">
        <v>0</v>
      </c>
      <c r="F32" s="220">
        <v>0</v>
      </c>
      <c r="G32" s="218">
        <v>2</v>
      </c>
      <c r="H32" s="218">
        <v>9</v>
      </c>
      <c r="I32" s="218">
        <v>22</v>
      </c>
      <c r="J32" s="219">
        <v>20</v>
      </c>
      <c r="K32" s="240">
        <v>53</v>
      </c>
      <c r="L32" s="241">
        <v>53</v>
      </c>
      <c r="M32" s="217">
        <v>0</v>
      </c>
      <c r="N32" s="219">
        <v>0</v>
      </c>
      <c r="O32" s="240">
        <v>0</v>
      </c>
      <c r="P32" s="220">
        <v>0</v>
      </c>
      <c r="Q32" s="218">
        <v>2</v>
      </c>
      <c r="R32" s="218">
        <v>9</v>
      </c>
      <c r="S32" s="218">
        <v>22</v>
      </c>
      <c r="T32" s="219">
        <v>20</v>
      </c>
      <c r="U32" s="240">
        <v>53</v>
      </c>
      <c r="V32" s="242">
        <v>53</v>
      </c>
      <c r="W32" s="222">
        <v>0</v>
      </c>
      <c r="X32" s="219">
        <v>0</v>
      </c>
      <c r="Y32" s="240">
        <v>0</v>
      </c>
      <c r="Z32" s="222">
        <v>0</v>
      </c>
      <c r="AA32" s="218">
        <v>0</v>
      </c>
      <c r="AB32" s="218">
        <v>0</v>
      </c>
      <c r="AC32" s="218">
        <v>0</v>
      </c>
      <c r="AD32" s="219">
        <v>0</v>
      </c>
      <c r="AE32" s="240">
        <v>0</v>
      </c>
      <c r="AF32" s="221">
        <v>0</v>
      </c>
      <c r="AG32" s="222">
        <v>0</v>
      </c>
      <c r="AH32" s="219">
        <v>0</v>
      </c>
      <c r="AI32" s="240">
        <v>0</v>
      </c>
      <c r="AJ32" s="222">
        <v>5</v>
      </c>
      <c r="AK32" s="218">
        <v>5</v>
      </c>
      <c r="AL32" s="218">
        <v>11</v>
      </c>
      <c r="AM32" s="218">
        <v>13</v>
      </c>
      <c r="AN32" s="219">
        <v>9</v>
      </c>
      <c r="AO32" s="240">
        <v>43</v>
      </c>
      <c r="AP32" s="221">
        <v>43</v>
      </c>
      <c r="AQ32" s="222">
        <v>0</v>
      </c>
      <c r="AR32" s="219">
        <v>0</v>
      </c>
      <c r="AS32" s="240">
        <v>0</v>
      </c>
      <c r="AT32" s="220">
        <v>5</v>
      </c>
      <c r="AU32" s="218">
        <v>5</v>
      </c>
      <c r="AV32" s="218">
        <v>11</v>
      </c>
      <c r="AW32" s="218">
        <v>13</v>
      </c>
      <c r="AX32" s="219">
        <v>8</v>
      </c>
      <c r="AY32" s="240">
        <v>42</v>
      </c>
      <c r="AZ32" s="241">
        <v>42</v>
      </c>
      <c r="BA32" s="217">
        <v>0</v>
      </c>
      <c r="BB32" s="219">
        <v>0</v>
      </c>
      <c r="BC32" s="219">
        <v>0</v>
      </c>
      <c r="BD32" s="220">
        <v>0</v>
      </c>
      <c r="BE32" s="218">
        <v>0</v>
      </c>
      <c r="BF32" s="218">
        <v>0</v>
      </c>
      <c r="BG32" s="218">
        <v>0</v>
      </c>
      <c r="BH32" s="219">
        <v>1</v>
      </c>
      <c r="BI32" s="240">
        <v>1</v>
      </c>
      <c r="BJ32" s="242">
        <v>1</v>
      </c>
      <c r="BK32" s="222">
        <v>0</v>
      </c>
      <c r="BL32" s="219">
        <v>0</v>
      </c>
      <c r="BM32" s="219">
        <v>0</v>
      </c>
      <c r="BN32" s="220">
        <v>0</v>
      </c>
      <c r="BO32" s="218">
        <v>0</v>
      </c>
      <c r="BP32" s="218">
        <v>0</v>
      </c>
      <c r="BQ32" s="218">
        <v>0</v>
      </c>
      <c r="BR32" s="219">
        <v>0</v>
      </c>
      <c r="BS32" s="240">
        <v>0</v>
      </c>
      <c r="BT32" s="241">
        <v>0</v>
      </c>
      <c r="BU32" s="217">
        <v>0</v>
      </c>
      <c r="BV32" s="219">
        <v>0</v>
      </c>
      <c r="BW32" s="219">
        <v>0</v>
      </c>
      <c r="BX32" s="220">
        <v>0</v>
      </c>
      <c r="BY32" s="218">
        <v>0</v>
      </c>
      <c r="BZ32" s="218">
        <v>0</v>
      </c>
      <c r="CA32" s="218">
        <v>0</v>
      </c>
      <c r="CB32" s="219">
        <v>0</v>
      </c>
      <c r="CC32" s="240">
        <v>0</v>
      </c>
      <c r="CD32" s="242">
        <v>0</v>
      </c>
      <c r="CE32" s="222">
        <v>0</v>
      </c>
      <c r="CF32" s="219">
        <v>0</v>
      </c>
      <c r="CG32" s="219">
        <v>0</v>
      </c>
      <c r="CH32" s="220">
        <v>0</v>
      </c>
      <c r="CI32" s="218">
        <v>0</v>
      </c>
      <c r="CJ32" s="218">
        <v>0</v>
      </c>
      <c r="CK32" s="218">
        <v>0</v>
      </c>
      <c r="CL32" s="219">
        <v>0</v>
      </c>
      <c r="CM32" s="240">
        <v>0</v>
      </c>
      <c r="CN32" s="242">
        <v>0</v>
      </c>
      <c r="CO32" s="222">
        <v>0</v>
      </c>
      <c r="CP32" s="219">
        <v>0</v>
      </c>
      <c r="CQ32" s="219">
        <v>0</v>
      </c>
      <c r="CR32" s="220">
        <v>0</v>
      </c>
      <c r="CS32" s="218">
        <v>0</v>
      </c>
      <c r="CT32" s="218">
        <v>0</v>
      </c>
      <c r="CU32" s="218">
        <v>0</v>
      </c>
      <c r="CV32" s="219">
        <v>0</v>
      </c>
      <c r="CW32" s="240">
        <v>0</v>
      </c>
      <c r="CX32" s="241">
        <v>0</v>
      </c>
      <c r="CY32" s="217">
        <v>0</v>
      </c>
      <c r="CZ32" s="219">
        <v>0</v>
      </c>
      <c r="DA32" s="219">
        <v>0</v>
      </c>
      <c r="DB32" s="220">
        <v>0</v>
      </c>
      <c r="DC32" s="218">
        <v>0</v>
      </c>
      <c r="DD32" s="218">
        <v>0</v>
      </c>
      <c r="DE32" s="218">
        <v>0</v>
      </c>
      <c r="DF32" s="219">
        <v>0</v>
      </c>
      <c r="DG32" s="240">
        <v>0</v>
      </c>
      <c r="DH32" s="242">
        <v>0</v>
      </c>
      <c r="DI32" s="222">
        <v>0</v>
      </c>
      <c r="DJ32" s="219">
        <v>0</v>
      </c>
      <c r="DK32" s="219">
        <v>0</v>
      </c>
      <c r="DL32" s="220">
        <v>0</v>
      </c>
      <c r="DM32" s="218">
        <v>0</v>
      </c>
      <c r="DN32" s="218">
        <v>0</v>
      </c>
      <c r="DO32" s="218">
        <v>0</v>
      </c>
      <c r="DP32" s="219">
        <v>0</v>
      </c>
      <c r="DQ32" s="240">
        <v>0</v>
      </c>
      <c r="DR32" s="242">
        <v>0</v>
      </c>
      <c r="DS32" s="222">
        <v>0</v>
      </c>
      <c r="DT32" s="219">
        <v>0</v>
      </c>
      <c r="DU32" s="219">
        <v>0</v>
      </c>
      <c r="DV32" s="220">
        <v>5</v>
      </c>
      <c r="DW32" s="218">
        <v>7</v>
      </c>
      <c r="DX32" s="218">
        <v>20</v>
      </c>
      <c r="DY32" s="218">
        <v>35</v>
      </c>
      <c r="DZ32" s="219">
        <v>29</v>
      </c>
      <c r="EA32" s="240">
        <v>96</v>
      </c>
      <c r="EB32" s="242">
        <v>96</v>
      </c>
      <c r="EC32" s="239"/>
    </row>
    <row r="33" spans="2:133" ht="21" customHeight="1" x14ac:dyDescent="0.2">
      <c r="B33" s="106" t="s">
        <v>30</v>
      </c>
      <c r="C33" s="217">
        <v>0</v>
      </c>
      <c r="D33" s="219">
        <v>0</v>
      </c>
      <c r="E33" s="219">
        <v>0</v>
      </c>
      <c r="F33" s="220">
        <v>0</v>
      </c>
      <c r="G33" s="218">
        <v>4</v>
      </c>
      <c r="H33" s="218">
        <v>20</v>
      </c>
      <c r="I33" s="218">
        <v>34</v>
      </c>
      <c r="J33" s="219">
        <v>21</v>
      </c>
      <c r="K33" s="240">
        <v>79</v>
      </c>
      <c r="L33" s="241">
        <v>79</v>
      </c>
      <c r="M33" s="217">
        <v>0</v>
      </c>
      <c r="N33" s="219">
        <v>0</v>
      </c>
      <c r="O33" s="240">
        <v>0</v>
      </c>
      <c r="P33" s="220">
        <v>0</v>
      </c>
      <c r="Q33" s="218">
        <v>4</v>
      </c>
      <c r="R33" s="218">
        <v>20</v>
      </c>
      <c r="S33" s="218">
        <v>34</v>
      </c>
      <c r="T33" s="219">
        <v>21</v>
      </c>
      <c r="U33" s="240">
        <v>79</v>
      </c>
      <c r="V33" s="242">
        <v>79</v>
      </c>
      <c r="W33" s="222">
        <v>0</v>
      </c>
      <c r="X33" s="219">
        <v>0</v>
      </c>
      <c r="Y33" s="240">
        <v>0</v>
      </c>
      <c r="Z33" s="222">
        <v>0</v>
      </c>
      <c r="AA33" s="218">
        <v>0</v>
      </c>
      <c r="AB33" s="218">
        <v>0</v>
      </c>
      <c r="AC33" s="218">
        <v>0</v>
      </c>
      <c r="AD33" s="219">
        <v>0</v>
      </c>
      <c r="AE33" s="240">
        <v>0</v>
      </c>
      <c r="AF33" s="221">
        <v>0</v>
      </c>
      <c r="AG33" s="222">
        <v>0</v>
      </c>
      <c r="AH33" s="219">
        <v>0</v>
      </c>
      <c r="AI33" s="240">
        <v>0</v>
      </c>
      <c r="AJ33" s="222">
        <v>11</v>
      </c>
      <c r="AK33" s="218">
        <v>7</v>
      </c>
      <c r="AL33" s="218">
        <v>8</v>
      </c>
      <c r="AM33" s="218">
        <v>17</v>
      </c>
      <c r="AN33" s="219">
        <v>5</v>
      </c>
      <c r="AO33" s="240">
        <v>48</v>
      </c>
      <c r="AP33" s="221">
        <v>48</v>
      </c>
      <c r="AQ33" s="222">
        <v>0</v>
      </c>
      <c r="AR33" s="219">
        <v>0</v>
      </c>
      <c r="AS33" s="240">
        <v>0</v>
      </c>
      <c r="AT33" s="220">
        <v>11</v>
      </c>
      <c r="AU33" s="218">
        <v>7</v>
      </c>
      <c r="AV33" s="218">
        <v>8</v>
      </c>
      <c r="AW33" s="218">
        <v>17</v>
      </c>
      <c r="AX33" s="219">
        <v>5</v>
      </c>
      <c r="AY33" s="240">
        <v>48</v>
      </c>
      <c r="AZ33" s="241">
        <v>48</v>
      </c>
      <c r="BA33" s="217">
        <v>0</v>
      </c>
      <c r="BB33" s="219">
        <v>0</v>
      </c>
      <c r="BC33" s="219">
        <v>0</v>
      </c>
      <c r="BD33" s="220">
        <v>0</v>
      </c>
      <c r="BE33" s="218">
        <v>0</v>
      </c>
      <c r="BF33" s="218">
        <v>0</v>
      </c>
      <c r="BG33" s="218">
        <v>0</v>
      </c>
      <c r="BH33" s="219">
        <v>0</v>
      </c>
      <c r="BI33" s="240">
        <v>0</v>
      </c>
      <c r="BJ33" s="242">
        <v>0</v>
      </c>
      <c r="BK33" s="222">
        <v>0</v>
      </c>
      <c r="BL33" s="219">
        <v>0</v>
      </c>
      <c r="BM33" s="219">
        <v>0</v>
      </c>
      <c r="BN33" s="220">
        <v>0</v>
      </c>
      <c r="BO33" s="218">
        <v>0</v>
      </c>
      <c r="BP33" s="218">
        <v>0</v>
      </c>
      <c r="BQ33" s="218">
        <v>0</v>
      </c>
      <c r="BR33" s="219">
        <v>0</v>
      </c>
      <c r="BS33" s="240">
        <v>0</v>
      </c>
      <c r="BT33" s="241">
        <v>0</v>
      </c>
      <c r="BU33" s="217">
        <v>0</v>
      </c>
      <c r="BV33" s="219">
        <v>0</v>
      </c>
      <c r="BW33" s="219">
        <v>0</v>
      </c>
      <c r="BX33" s="220">
        <v>0</v>
      </c>
      <c r="BY33" s="218">
        <v>0</v>
      </c>
      <c r="BZ33" s="218">
        <v>0</v>
      </c>
      <c r="CA33" s="218">
        <v>0</v>
      </c>
      <c r="CB33" s="219">
        <v>0</v>
      </c>
      <c r="CC33" s="240">
        <v>0</v>
      </c>
      <c r="CD33" s="242">
        <v>0</v>
      </c>
      <c r="CE33" s="222">
        <v>0</v>
      </c>
      <c r="CF33" s="219">
        <v>0</v>
      </c>
      <c r="CG33" s="219">
        <v>0</v>
      </c>
      <c r="CH33" s="220">
        <v>0</v>
      </c>
      <c r="CI33" s="218">
        <v>0</v>
      </c>
      <c r="CJ33" s="218">
        <v>0</v>
      </c>
      <c r="CK33" s="218">
        <v>0</v>
      </c>
      <c r="CL33" s="219">
        <v>0</v>
      </c>
      <c r="CM33" s="240">
        <v>0</v>
      </c>
      <c r="CN33" s="242">
        <v>0</v>
      </c>
      <c r="CO33" s="222">
        <v>0</v>
      </c>
      <c r="CP33" s="219">
        <v>0</v>
      </c>
      <c r="CQ33" s="219">
        <v>0</v>
      </c>
      <c r="CR33" s="220">
        <v>0</v>
      </c>
      <c r="CS33" s="218">
        <v>0</v>
      </c>
      <c r="CT33" s="218">
        <v>0</v>
      </c>
      <c r="CU33" s="218">
        <v>0</v>
      </c>
      <c r="CV33" s="219">
        <v>2</v>
      </c>
      <c r="CW33" s="240">
        <v>2</v>
      </c>
      <c r="CX33" s="241">
        <v>2</v>
      </c>
      <c r="CY33" s="217">
        <v>0</v>
      </c>
      <c r="CZ33" s="219">
        <v>0</v>
      </c>
      <c r="DA33" s="219">
        <v>0</v>
      </c>
      <c r="DB33" s="220">
        <v>0</v>
      </c>
      <c r="DC33" s="218">
        <v>0</v>
      </c>
      <c r="DD33" s="218">
        <v>0</v>
      </c>
      <c r="DE33" s="218">
        <v>0</v>
      </c>
      <c r="DF33" s="219">
        <v>2</v>
      </c>
      <c r="DG33" s="240">
        <v>2</v>
      </c>
      <c r="DH33" s="242">
        <v>2</v>
      </c>
      <c r="DI33" s="222">
        <v>0</v>
      </c>
      <c r="DJ33" s="219">
        <v>0</v>
      </c>
      <c r="DK33" s="219">
        <v>0</v>
      </c>
      <c r="DL33" s="220">
        <v>0</v>
      </c>
      <c r="DM33" s="218">
        <v>0</v>
      </c>
      <c r="DN33" s="218">
        <v>0</v>
      </c>
      <c r="DO33" s="218">
        <v>0</v>
      </c>
      <c r="DP33" s="219">
        <v>0</v>
      </c>
      <c r="DQ33" s="240">
        <v>0</v>
      </c>
      <c r="DR33" s="242">
        <v>0</v>
      </c>
      <c r="DS33" s="222">
        <v>0</v>
      </c>
      <c r="DT33" s="219">
        <v>0</v>
      </c>
      <c r="DU33" s="219">
        <v>0</v>
      </c>
      <c r="DV33" s="220">
        <v>11</v>
      </c>
      <c r="DW33" s="218">
        <v>11</v>
      </c>
      <c r="DX33" s="218">
        <v>28</v>
      </c>
      <c r="DY33" s="218">
        <v>51</v>
      </c>
      <c r="DZ33" s="219">
        <v>28</v>
      </c>
      <c r="EA33" s="240">
        <v>129</v>
      </c>
      <c r="EB33" s="242">
        <v>129</v>
      </c>
      <c r="EC33" s="239"/>
    </row>
    <row r="34" spans="2:133" ht="21" customHeight="1" x14ac:dyDescent="0.2">
      <c r="B34" s="106" t="s">
        <v>31</v>
      </c>
      <c r="C34" s="217">
        <v>0</v>
      </c>
      <c r="D34" s="219">
        <v>0</v>
      </c>
      <c r="E34" s="219">
        <v>0</v>
      </c>
      <c r="F34" s="220">
        <v>2</v>
      </c>
      <c r="G34" s="218">
        <v>3</v>
      </c>
      <c r="H34" s="218">
        <v>32</v>
      </c>
      <c r="I34" s="218">
        <v>24</v>
      </c>
      <c r="J34" s="219">
        <v>24</v>
      </c>
      <c r="K34" s="240">
        <v>85</v>
      </c>
      <c r="L34" s="241">
        <v>85</v>
      </c>
      <c r="M34" s="217">
        <v>0</v>
      </c>
      <c r="N34" s="219">
        <v>0</v>
      </c>
      <c r="O34" s="240">
        <v>0</v>
      </c>
      <c r="P34" s="220">
        <v>2</v>
      </c>
      <c r="Q34" s="218">
        <v>3</v>
      </c>
      <c r="R34" s="218">
        <v>32</v>
      </c>
      <c r="S34" s="218">
        <v>24</v>
      </c>
      <c r="T34" s="219">
        <v>24</v>
      </c>
      <c r="U34" s="240">
        <v>85</v>
      </c>
      <c r="V34" s="242">
        <v>85</v>
      </c>
      <c r="W34" s="222">
        <v>0</v>
      </c>
      <c r="X34" s="219">
        <v>0</v>
      </c>
      <c r="Y34" s="240">
        <v>0</v>
      </c>
      <c r="Z34" s="222">
        <v>0</v>
      </c>
      <c r="AA34" s="218">
        <v>0</v>
      </c>
      <c r="AB34" s="218">
        <v>0</v>
      </c>
      <c r="AC34" s="218">
        <v>0</v>
      </c>
      <c r="AD34" s="219">
        <v>0</v>
      </c>
      <c r="AE34" s="240">
        <v>0</v>
      </c>
      <c r="AF34" s="221">
        <v>0</v>
      </c>
      <c r="AG34" s="222">
        <v>0</v>
      </c>
      <c r="AH34" s="219">
        <v>0</v>
      </c>
      <c r="AI34" s="240">
        <v>0</v>
      </c>
      <c r="AJ34" s="222">
        <v>4</v>
      </c>
      <c r="AK34" s="218">
        <v>9</v>
      </c>
      <c r="AL34" s="218">
        <v>14</v>
      </c>
      <c r="AM34" s="218">
        <v>11</v>
      </c>
      <c r="AN34" s="219">
        <v>5</v>
      </c>
      <c r="AO34" s="240">
        <v>43</v>
      </c>
      <c r="AP34" s="221">
        <v>43</v>
      </c>
      <c r="AQ34" s="222">
        <v>0</v>
      </c>
      <c r="AR34" s="219">
        <v>0</v>
      </c>
      <c r="AS34" s="240">
        <v>0</v>
      </c>
      <c r="AT34" s="220">
        <v>4</v>
      </c>
      <c r="AU34" s="218">
        <v>9</v>
      </c>
      <c r="AV34" s="218">
        <v>14</v>
      </c>
      <c r="AW34" s="218">
        <v>11</v>
      </c>
      <c r="AX34" s="219">
        <v>3</v>
      </c>
      <c r="AY34" s="240">
        <v>41</v>
      </c>
      <c r="AZ34" s="241">
        <v>41</v>
      </c>
      <c r="BA34" s="217">
        <v>0</v>
      </c>
      <c r="BB34" s="219">
        <v>0</v>
      </c>
      <c r="BC34" s="219">
        <v>0</v>
      </c>
      <c r="BD34" s="220">
        <v>0</v>
      </c>
      <c r="BE34" s="218">
        <v>0</v>
      </c>
      <c r="BF34" s="218">
        <v>0</v>
      </c>
      <c r="BG34" s="218">
        <v>0</v>
      </c>
      <c r="BH34" s="219">
        <v>2</v>
      </c>
      <c r="BI34" s="240">
        <v>2</v>
      </c>
      <c r="BJ34" s="242">
        <v>2</v>
      </c>
      <c r="BK34" s="222">
        <v>0</v>
      </c>
      <c r="BL34" s="219">
        <v>0</v>
      </c>
      <c r="BM34" s="219">
        <v>0</v>
      </c>
      <c r="BN34" s="220">
        <v>0</v>
      </c>
      <c r="BO34" s="218">
        <v>0</v>
      </c>
      <c r="BP34" s="218">
        <v>0</v>
      </c>
      <c r="BQ34" s="218">
        <v>0</v>
      </c>
      <c r="BR34" s="219">
        <v>0</v>
      </c>
      <c r="BS34" s="240">
        <v>0</v>
      </c>
      <c r="BT34" s="241">
        <v>0</v>
      </c>
      <c r="BU34" s="217">
        <v>0</v>
      </c>
      <c r="BV34" s="219">
        <v>0</v>
      </c>
      <c r="BW34" s="219">
        <v>0</v>
      </c>
      <c r="BX34" s="220">
        <v>0</v>
      </c>
      <c r="BY34" s="218">
        <v>0</v>
      </c>
      <c r="BZ34" s="218">
        <v>0</v>
      </c>
      <c r="CA34" s="218">
        <v>0</v>
      </c>
      <c r="CB34" s="219">
        <v>0</v>
      </c>
      <c r="CC34" s="240">
        <v>0</v>
      </c>
      <c r="CD34" s="242">
        <v>0</v>
      </c>
      <c r="CE34" s="222">
        <v>0</v>
      </c>
      <c r="CF34" s="219">
        <v>0</v>
      </c>
      <c r="CG34" s="219">
        <v>0</v>
      </c>
      <c r="CH34" s="220">
        <v>0</v>
      </c>
      <c r="CI34" s="218">
        <v>0</v>
      </c>
      <c r="CJ34" s="218">
        <v>0</v>
      </c>
      <c r="CK34" s="218">
        <v>0</v>
      </c>
      <c r="CL34" s="219">
        <v>0</v>
      </c>
      <c r="CM34" s="240">
        <v>0</v>
      </c>
      <c r="CN34" s="242">
        <v>0</v>
      </c>
      <c r="CO34" s="222">
        <v>0</v>
      </c>
      <c r="CP34" s="219">
        <v>0</v>
      </c>
      <c r="CQ34" s="219">
        <v>0</v>
      </c>
      <c r="CR34" s="220">
        <v>1</v>
      </c>
      <c r="CS34" s="218">
        <v>0</v>
      </c>
      <c r="CT34" s="218">
        <v>0</v>
      </c>
      <c r="CU34" s="218">
        <v>2</v>
      </c>
      <c r="CV34" s="219">
        <v>2</v>
      </c>
      <c r="CW34" s="240">
        <v>5</v>
      </c>
      <c r="CX34" s="241">
        <v>5</v>
      </c>
      <c r="CY34" s="217">
        <v>0</v>
      </c>
      <c r="CZ34" s="219">
        <v>0</v>
      </c>
      <c r="DA34" s="219">
        <v>0</v>
      </c>
      <c r="DB34" s="220">
        <v>1</v>
      </c>
      <c r="DC34" s="218">
        <v>0</v>
      </c>
      <c r="DD34" s="218">
        <v>0</v>
      </c>
      <c r="DE34" s="218">
        <v>2</v>
      </c>
      <c r="DF34" s="219">
        <v>2</v>
      </c>
      <c r="DG34" s="240">
        <v>5</v>
      </c>
      <c r="DH34" s="242">
        <v>5</v>
      </c>
      <c r="DI34" s="222">
        <v>0</v>
      </c>
      <c r="DJ34" s="219">
        <v>0</v>
      </c>
      <c r="DK34" s="219">
        <v>0</v>
      </c>
      <c r="DL34" s="220">
        <v>0</v>
      </c>
      <c r="DM34" s="218">
        <v>0</v>
      </c>
      <c r="DN34" s="218">
        <v>0</v>
      </c>
      <c r="DO34" s="218">
        <v>0</v>
      </c>
      <c r="DP34" s="219">
        <v>0</v>
      </c>
      <c r="DQ34" s="240">
        <v>0</v>
      </c>
      <c r="DR34" s="242">
        <v>0</v>
      </c>
      <c r="DS34" s="222">
        <v>0</v>
      </c>
      <c r="DT34" s="219">
        <v>0</v>
      </c>
      <c r="DU34" s="219">
        <v>0</v>
      </c>
      <c r="DV34" s="220">
        <v>7</v>
      </c>
      <c r="DW34" s="218">
        <v>12</v>
      </c>
      <c r="DX34" s="218">
        <v>46</v>
      </c>
      <c r="DY34" s="218">
        <v>37</v>
      </c>
      <c r="DZ34" s="219">
        <v>31</v>
      </c>
      <c r="EA34" s="240">
        <v>133</v>
      </c>
      <c r="EB34" s="242">
        <v>133</v>
      </c>
      <c r="EC34" s="239"/>
    </row>
    <row r="35" spans="2:133" ht="21" customHeight="1" x14ac:dyDescent="0.2">
      <c r="B35" s="106" t="s">
        <v>32</v>
      </c>
      <c r="C35" s="217">
        <v>0</v>
      </c>
      <c r="D35" s="219">
        <v>0</v>
      </c>
      <c r="E35" s="219">
        <v>0</v>
      </c>
      <c r="F35" s="220">
        <v>2</v>
      </c>
      <c r="G35" s="218">
        <v>0</v>
      </c>
      <c r="H35" s="218">
        <v>11</v>
      </c>
      <c r="I35" s="218">
        <v>27</v>
      </c>
      <c r="J35" s="219">
        <v>21</v>
      </c>
      <c r="K35" s="240">
        <v>61</v>
      </c>
      <c r="L35" s="241">
        <v>61</v>
      </c>
      <c r="M35" s="217">
        <v>0</v>
      </c>
      <c r="N35" s="219">
        <v>0</v>
      </c>
      <c r="O35" s="240">
        <v>0</v>
      </c>
      <c r="P35" s="220">
        <v>2</v>
      </c>
      <c r="Q35" s="218">
        <v>0</v>
      </c>
      <c r="R35" s="218">
        <v>11</v>
      </c>
      <c r="S35" s="218">
        <v>27</v>
      </c>
      <c r="T35" s="219">
        <v>21</v>
      </c>
      <c r="U35" s="240">
        <v>61</v>
      </c>
      <c r="V35" s="242">
        <v>61</v>
      </c>
      <c r="W35" s="222">
        <v>0</v>
      </c>
      <c r="X35" s="219">
        <v>0</v>
      </c>
      <c r="Y35" s="240">
        <v>0</v>
      </c>
      <c r="Z35" s="222">
        <v>0</v>
      </c>
      <c r="AA35" s="218">
        <v>0</v>
      </c>
      <c r="AB35" s="218">
        <v>0</v>
      </c>
      <c r="AC35" s="218">
        <v>0</v>
      </c>
      <c r="AD35" s="219">
        <v>0</v>
      </c>
      <c r="AE35" s="240">
        <v>0</v>
      </c>
      <c r="AF35" s="221">
        <v>0</v>
      </c>
      <c r="AG35" s="222">
        <v>0</v>
      </c>
      <c r="AH35" s="219">
        <v>0</v>
      </c>
      <c r="AI35" s="240">
        <v>0</v>
      </c>
      <c r="AJ35" s="222">
        <v>7</v>
      </c>
      <c r="AK35" s="218">
        <v>6</v>
      </c>
      <c r="AL35" s="218">
        <v>8</v>
      </c>
      <c r="AM35" s="218">
        <v>16</v>
      </c>
      <c r="AN35" s="219">
        <v>3</v>
      </c>
      <c r="AO35" s="240">
        <v>40</v>
      </c>
      <c r="AP35" s="221">
        <v>40</v>
      </c>
      <c r="AQ35" s="222">
        <v>0</v>
      </c>
      <c r="AR35" s="219">
        <v>0</v>
      </c>
      <c r="AS35" s="240">
        <v>0</v>
      </c>
      <c r="AT35" s="220">
        <v>7</v>
      </c>
      <c r="AU35" s="218">
        <v>6</v>
      </c>
      <c r="AV35" s="218">
        <v>8</v>
      </c>
      <c r="AW35" s="218">
        <v>16</v>
      </c>
      <c r="AX35" s="219">
        <v>3</v>
      </c>
      <c r="AY35" s="240">
        <v>40</v>
      </c>
      <c r="AZ35" s="241">
        <v>40</v>
      </c>
      <c r="BA35" s="217">
        <v>0</v>
      </c>
      <c r="BB35" s="219">
        <v>0</v>
      </c>
      <c r="BC35" s="219">
        <v>0</v>
      </c>
      <c r="BD35" s="220">
        <v>0</v>
      </c>
      <c r="BE35" s="218">
        <v>0</v>
      </c>
      <c r="BF35" s="218">
        <v>0</v>
      </c>
      <c r="BG35" s="218">
        <v>0</v>
      </c>
      <c r="BH35" s="219">
        <v>0</v>
      </c>
      <c r="BI35" s="240">
        <v>0</v>
      </c>
      <c r="BJ35" s="242">
        <v>0</v>
      </c>
      <c r="BK35" s="222">
        <v>0</v>
      </c>
      <c r="BL35" s="219">
        <v>0</v>
      </c>
      <c r="BM35" s="219">
        <v>0</v>
      </c>
      <c r="BN35" s="220">
        <v>0</v>
      </c>
      <c r="BO35" s="218">
        <v>0</v>
      </c>
      <c r="BP35" s="218">
        <v>0</v>
      </c>
      <c r="BQ35" s="218">
        <v>0</v>
      </c>
      <c r="BR35" s="219">
        <v>0</v>
      </c>
      <c r="BS35" s="240">
        <v>0</v>
      </c>
      <c r="BT35" s="241">
        <v>0</v>
      </c>
      <c r="BU35" s="217">
        <v>0</v>
      </c>
      <c r="BV35" s="219">
        <v>0</v>
      </c>
      <c r="BW35" s="219">
        <v>0</v>
      </c>
      <c r="BX35" s="220">
        <v>0</v>
      </c>
      <c r="BY35" s="218">
        <v>0</v>
      </c>
      <c r="BZ35" s="218">
        <v>0</v>
      </c>
      <c r="CA35" s="218">
        <v>0</v>
      </c>
      <c r="CB35" s="219">
        <v>0</v>
      </c>
      <c r="CC35" s="240">
        <v>0</v>
      </c>
      <c r="CD35" s="242">
        <v>0</v>
      </c>
      <c r="CE35" s="222">
        <v>0</v>
      </c>
      <c r="CF35" s="219">
        <v>0</v>
      </c>
      <c r="CG35" s="219">
        <v>0</v>
      </c>
      <c r="CH35" s="220">
        <v>0</v>
      </c>
      <c r="CI35" s="218">
        <v>0</v>
      </c>
      <c r="CJ35" s="218">
        <v>0</v>
      </c>
      <c r="CK35" s="218">
        <v>0</v>
      </c>
      <c r="CL35" s="219">
        <v>0</v>
      </c>
      <c r="CM35" s="240">
        <v>0</v>
      </c>
      <c r="CN35" s="242">
        <v>0</v>
      </c>
      <c r="CO35" s="222">
        <v>0</v>
      </c>
      <c r="CP35" s="219">
        <v>0</v>
      </c>
      <c r="CQ35" s="219">
        <v>0</v>
      </c>
      <c r="CR35" s="220">
        <v>2</v>
      </c>
      <c r="CS35" s="218">
        <v>0</v>
      </c>
      <c r="CT35" s="218">
        <v>1</v>
      </c>
      <c r="CU35" s="218">
        <v>0</v>
      </c>
      <c r="CV35" s="219">
        <v>3</v>
      </c>
      <c r="CW35" s="240">
        <v>6</v>
      </c>
      <c r="CX35" s="241">
        <v>6</v>
      </c>
      <c r="CY35" s="217">
        <v>0</v>
      </c>
      <c r="CZ35" s="219">
        <v>0</v>
      </c>
      <c r="DA35" s="219">
        <v>0</v>
      </c>
      <c r="DB35" s="220">
        <v>2</v>
      </c>
      <c r="DC35" s="218">
        <v>0</v>
      </c>
      <c r="DD35" s="218">
        <v>1</v>
      </c>
      <c r="DE35" s="218">
        <v>0</v>
      </c>
      <c r="DF35" s="219">
        <v>3</v>
      </c>
      <c r="DG35" s="240">
        <v>6</v>
      </c>
      <c r="DH35" s="242">
        <v>6</v>
      </c>
      <c r="DI35" s="222">
        <v>0</v>
      </c>
      <c r="DJ35" s="219">
        <v>0</v>
      </c>
      <c r="DK35" s="219">
        <v>0</v>
      </c>
      <c r="DL35" s="220">
        <v>0</v>
      </c>
      <c r="DM35" s="218">
        <v>0</v>
      </c>
      <c r="DN35" s="218">
        <v>0</v>
      </c>
      <c r="DO35" s="218">
        <v>0</v>
      </c>
      <c r="DP35" s="219">
        <v>0</v>
      </c>
      <c r="DQ35" s="240">
        <v>0</v>
      </c>
      <c r="DR35" s="242">
        <v>0</v>
      </c>
      <c r="DS35" s="222">
        <v>0</v>
      </c>
      <c r="DT35" s="219">
        <v>0</v>
      </c>
      <c r="DU35" s="219">
        <v>0</v>
      </c>
      <c r="DV35" s="220">
        <v>11</v>
      </c>
      <c r="DW35" s="218">
        <v>6</v>
      </c>
      <c r="DX35" s="218">
        <v>20</v>
      </c>
      <c r="DY35" s="218">
        <v>43</v>
      </c>
      <c r="DZ35" s="219">
        <v>26</v>
      </c>
      <c r="EA35" s="240">
        <v>106</v>
      </c>
      <c r="EB35" s="242">
        <v>106</v>
      </c>
      <c r="EC35" s="239"/>
    </row>
    <row r="36" spans="2:133" ht="21" customHeight="1" x14ac:dyDescent="0.2">
      <c r="B36" s="106" t="s">
        <v>33</v>
      </c>
      <c r="C36" s="217">
        <v>0</v>
      </c>
      <c r="D36" s="219">
        <v>0</v>
      </c>
      <c r="E36" s="219">
        <v>0</v>
      </c>
      <c r="F36" s="220">
        <v>1</v>
      </c>
      <c r="G36" s="218">
        <v>5</v>
      </c>
      <c r="H36" s="218">
        <v>32</v>
      </c>
      <c r="I36" s="218">
        <v>33</v>
      </c>
      <c r="J36" s="219">
        <v>18</v>
      </c>
      <c r="K36" s="240">
        <v>89</v>
      </c>
      <c r="L36" s="241">
        <v>89</v>
      </c>
      <c r="M36" s="217">
        <v>0</v>
      </c>
      <c r="N36" s="219">
        <v>0</v>
      </c>
      <c r="O36" s="240">
        <v>0</v>
      </c>
      <c r="P36" s="220">
        <v>1</v>
      </c>
      <c r="Q36" s="218">
        <v>5</v>
      </c>
      <c r="R36" s="218">
        <v>32</v>
      </c>
      <c r="S36" s="218">
        <v>33</v>
      </c>
      <c r="T36" s="219">
        <v>18</v>
      </c>
      <c r="U36" s="240">
        <v>89</v>
      </c>
      <c r="V36" s="242">
        <v>89</v>
      </c>
      <c r="W36" s="222">
        <v>0</v>
      </c>
      <c r="X36" s="219">
        <v>0</v>
      </c>
      <c r="Y36" s="240">
        <v>0</v>
      </c>
      <c r="Z36" s="222">
        <v>0</v>
      </c>
      <c r="AA36" s="218">
        <v>0</v>
      </c>
      <c r="AB36" s="218">
        <v>0</v>
      </c>
      <c r="AC36" s="218">
        <v>0</v>
      </c>
      <c r="AD36" s="219">
        <v>0</v>
      </c>
      <c r="AE36" s="240">
        <v>0</v>
      </c>
      <c r="AF36" s="221">
        <v>0</v>
      </c>
      <c r="AG36" s="222">
        <v>0</v>
      </c>
      <c r="AH36" s="219">
        <v>0</v>
      </c>
      <c r="AI36" s="240">
        <v>0</v>
      </c>
      <c r="AJ36" s="222">
        <v>8</v>
      </c>
      <c r="AK36" s="218">
        <v>12</v>
      </c>
      <c r="AL36" s="218">
        <v>13</v>
      </c>
      <c r="AM36" s="218">
        <v>13</v>
      </c>
      <c r="AN36" s="219">
        <v>8</v>
      </c>
      <c r="AO36" s="240">
        <v>54</v>
      </c>
      <c r="AP36" s="221">
        <v>54</v>
      </c>
      <c r="AQ36" s="222">
        <v>0</v>
      </c>
      <c r="AR36" s="219">
        <v>0</v>
      </c>
      <c r="AS36" s="240">
        <v>0</v>
      </c>
      <c r="AT36" s="220">
        <v>8</v>
      </c>
      <c r="AU36" s="218">
        <v>12</v>
      </c>
      <c r="AV36" s="218">
        <v>13</v>
      </c>
      <c r="AW36" s="218">
        <v>13</v>
      </c>
      <c r="AX36" s="219">
        <v>8</v>
      </c>
      <c r="AY36" s="240">
        <v>54</v>
      </c>
      <c r="AZ36" s="241">
        <v>54</v>
      </c>
      <c r="BA36" s="217">
        <v>0</v>
      </c>
      <c r="BB36" s="219">
        <v>0</v>
      </c>
      <c r="BC36" s="219">
        <v>0</v>
      </c>
      <c r="BD36" s="220">
        <v>0</v>
      </c>
      <c r="BE36" s="218">
        <v>0</v>
      </c>
      <c r="BF36" s="218">
        <v>0</v>
      </c>
      <c r="BG36" s="218">
        <v>0</v>
      </c>
      <c r="BH36" s="219">
        <v>0</v>
      </c>
      <c r="BI36" s="240">
        <v>0</v>
      </c>
      <c r="BJ36" s="242">
        <v>0</v>
      </c>
      <c r="BK36" s="222">
        <v>0</v>
      </c>
      <c r="BL36" s="219">
        <v>0</v>
      </c>
      <c r="BM36" s="219">
        <v>0</v>
      </c>
      <c r="BN36" s="220">
        <v>0</v>
      </c>
      <c r="BO36" s="218">
        <v>0</v>
      </c>
      <c r="BP36" s="218">
        <v>0</v>
      </c>
      <c r="BQ36" s="218">
        <v>0</v>
      </c>
      <c r="BR36" s="219">
        <v>0</v>
      </c>
      <c r="BS36" s="240">
        <v>0</v>
      </c>
      <c r="BT36" s="241">
        <v>0</v>
      </c>
      <c r="BU36" s="217">
        <v>0</v>
      </c>
      <c r="BV36" s="219">
        <v>0</v>
      </c>
      <c r="BW36" s="219">
        <v>0</v>
      </c>
      <c r="BX36" s="220">
        <v>0</v>
      </c>
      <c r="BY36" s="218">
        <v>0</v>
      </c>
      <c r="BZ36" s="218">
        <v>0</v>
      </c>
      <c r="CA36" s="218">
        <v>0</v>
      </c>
      <c r="CB36" s="219">
        <v>0</v>
      </c>
      <c r="CC36" s="240">
        <v>0</v>
      </c>
      <c r="CD36" s="242">
        <v>0</v>
      </c>
      <c r="CE36" s="222">
        <v>0</v>
      </c>
      <c r="CF36" s="219">
        <v>0</v>
      </c>
      <c r="CG36" s="219">
        <v>0</v>
      </c>
      <c r="CH36" s="220">
        <v>0</v>
      </c>
      <c r="CI36" s="218">
        <v>0</v>
      </c>
      <c r="CJ36" s="218">
        <v>0</v>
      </c>
      <c r="CK36" s="218">
        <v>0</v>
      </c>
      <c r="CL36" s="219">
        <v>0</v>
      </c>
      <c r="CM36" s="240">
        <v>0</v>
      </c>
      <c r="CN36" s="242">
        <v>0</v>
      </c>
      <c r="CO36" s="222">
        <v>0</v>
      </c>
      <c r="CP36" s="219">
        <v>0</v>
      </c>
      <c r="CQ36" s="219">
        <v>0</v>
      </c>
      <c r="CR36" s="220">
        <v>3</v>
      </c>
      <c r="CS36" s="218">
        <v>4</v>
      </c>
      <c r="CT36" s="218">
        <v>10</v>
      </c>
      <c r="CU36" s="218">
        <v>7</v>
      </c>
      <c r="CV36" s="219">
        <v>11</v>
      </c>
      <c r="CW36" s="240">
        <v>35</v>
      </c>
      <c r="CX36" s="241">
        <v>35</v>
      </c>
      <c r="CY36" s="217">
        <v>0</v>
      </c>
      <c r="CZ36" s="219">
        <v>0</v>
      </c>
      <c r="DA36" s="219">
        <v>0</v>
      </c>
      <c r="DB36" s="220">
        <v>3</v>
      </c>
      <c r="DC36" s="218">
        <v>4</v>
      </c>
      <c r="DD36" s="218">
        <v>10</v>
      </c>
      <c r="DE36" s="218">
        <v>7</v>
      </c>
      <c r="DF36" s="219">
        <v>11</v>
      </c>
      <c r="DG36" s="240">
        <v>35</v>
      </c>
      <c r="DH36" s="242">
        <v>35</v>
      </c>
      <c r="DI36" s="222">
        <v>0</v>
      </c>
      <c r="DJ36" s="219">
        <v>0</v>
      </c>
      <c r="DK36" s="219">
        <v>0</v>
      </c>
      <c r="DL36" s="220">
        <v>0</v>
      </c>
      <c r="DM36" s="218">
        <v>0</v>
      </c>
      <c r="DN36" s="218">
        <v>0</v>
      </c>
      <c r="DO36" s="218">
        <v>0</v>
      </c>
      <c r="DP36" s="219">
        <v>0</v>
      </c>
      <c r="DQ36" s="240">
        <v>0</v>
      </c>
      <c r="DR36" s="242">
        <v>0</v>
      </c>
      <c r="DS36" s="222">
        <v>0</v>
      </c>
      <c r="DT36" s="219">
        <v>0</v>
      </c>
      <c r="DU36" s="219">
        <v>0</v>
      </c>
      <c r="DV36" s="220">
        <v>12</v>
      </c>
      <c r="DW36" s="218">
        <v>21</v>
      </c>
      <c r="DX36" s="218">
        <v>55</v>
      </c>
      <c r="DY36" s="218">
        <v>53</v>
      </c>
      <c r="DZ36" s="219">
        <v>37</v>
      </c>
      <c r="EA36" s="240">
        <v>178</v>
      </c>
      <c r="EB36" s="242">
        <v>178</v>
      </c>
      <c r="EC36" s="239"/>
    </row>
    <row r="37" spans="2:133" ht="21" customHeight="1" x14ac:dyDescent="0.2">
      <c r="B37" s="106" t="s">
        <v>34</v>
      </c>
      <c r="C37" s="217">
        <v>0</v>
      </c>
      <c r="D37" s="219">
        <v>0</v>
      </c>
      <c r="E37" s="219">
        <v>0</v>
      </c>
      <c r="F37" s="220">
        <v>0</v>
      </c>
      <c r="G37" s="218">
        <v>0</v>
      </c>
      <c r="H37" s="218">
        <v>8</v>
      </c>
      <c r="I37" s="218">
        <v>26</v>
      </c>
      <c r="J37" s="219">
        <v>11</v>
      </c>
      <c r="K37" s="240">
        <v>45</v>
      </c>
      <c r="L37" s="241">
        <v>45</v>
      </c>
      <c r="M37" s="217">
        <v>0</v>
      </c>
      <c r="N37" s="219">
        <v>0</v>
      </c>
      <c r="O37" s="240">
        <v>0</v>
      </c>
      <c r="P37" s="220">
        <v>0</v>
      </c>
      <c r="Q37" s="218">
        <v>0</v>
      </c>
      <c r="R37" s="218">
        <v>8</v>
      </c>
      <c r="S37" s="218">
        <v>26</v>
      </c>
      <c r="T37" s="219">
        <v>11</v>
      </c>
      <c r="U37" s="240">
        <v>45</v>
      </c>
      <c r="V37" s="242">
        <v>45</v>
      </c>
      <c r="W37" s="222">
        <v>0</v>
      </c>
      <c r="X37" s="219">
        <v>0</v>
      </c>
      <c r="Y37" s="240">
        <v>0</v>
      </c>
      <c r="Z37" s="222">
        <v>0</v>
      </c>
      <c r="AA37" s="218">
        <v>0</v>
      </c>
      <c r="AB37" s="218">
        <v>0</v>
      </c>
      <c r="AC37" s="218">
        <v>0</v>
      </c>
      <c r="AD37" s="219">
        <v>0</v>
      </c>
      <c r="AE37" s="240">
        <v>0</v>
      </c>
      <c r="AF37" s="221">
        <v>0</v>
      </c>
      <c r="AG37" s="222">
        <v>0</v>
      </c>
      <c r="AH37" s="219">
        <v>0</v>
      </c>
      <c r="AI37" s="240">
        <v>0</v>
      </c>
      <c r="AJ37" s="222">
        <v>6</v>
      </c>
      <c r="AK37" s="218">
        <v>13</v>
      </c>
      <c r="AL37" s="218">
        <v>5</v>
      </c>
      <c r="AM37" s="218">
        <v>7</v>
      </c>
      <c r="AN37" s="219">
        <v>5</v>
      </c>
      <c r="AO37" s="240">
        <v>36</v>
      </c>
      <c r="AP37" s="221">
        <v>36</v>
      </c>
      <c r="AQ37" s="222">
        <v>0</v>
      </c>
      <c r="AR37" s="219">
        <v>0</v>
      </c>
      <c r="AS37" s="240">
        <v>0</v>
      </c>
      <c r="AT37" s="220">
        <v>6</v>
      </c>
      <c r="AU37" s="218">
        <v>13</v>
      </c>
      <c r="AV37" s="218">
        <v>5</v>
      </c>
      <c r="AW37" s="218">
        <v>7</v>
      </c>
      <c r="AX37" s="219">
        <v>5</v>
      </c>
      <c r="AY37" s="240">
        <v>36</v>
      </c>
      <c r="AZ37" s="241">
        <v>36</v>
      </c>
      <c r="BA37" s="217">
        <v>0</v>
      </c>
      <c r="BB37" s="219">
        <v>0</v>
      </c>
      <c r="BC37" s="219">
        <v>0</v>
      </c>
      <c r="BD37" s="220">
        <v>0</v>
      </c>
      <c r="BE37" s="218">
        <v>0</v>
      </c>
      <c r="BF37" s="218">
        <v>0</v>
      </c>
      <c r="BG37" s="218">
        <v>0</v>
      </c>
      <c r="BH37" s="219">
        <v>0</v>
      </c>
      <c r="BI37" s="240">
        <v>0</v>
      </c>
      <c r="BJ37" s="242">
        <v>0</v>
      </c>
      <c r="BK37" s="222">
        <v>0</v>
      </c>
      <c r="BL37" s="219">
        <v>0</v>
      </c>
      <c r="BM37" s="219">
        <v>0</v>
      </c>
      <c r="BN37" s="220">
        <v>0</v>
      </c>
      <c r="BO37" s="218">
        <v>0</v>
      </c>
      <c r="BP37" s="218">
        <v>0</v>
      </c>
      <c r="BQ37" s="218">
        <v>0</v>
      </c>
      <c r="BR37" s="219">
        <v>0</v>
      </c>
      <c r="BS37" s="240">
        <v>0</v>
      </c>
      <c r="BT37" s="241">
        <v>0</v>
      </c>
      <c r="BU37" s="217">
        <v>0</v>
      </c>
      <c r="BV37" s="219">
        <v>0</v>
      </c>
      <c r="BW37" s="219">
        <v>0</v>
      </c>
      <c r="BX37" s="220">
        <v>0</v>
      </c>
      <c r="BY37" s="218">
        <v>0</v>
      </c>
      <c r="BZ37" s="218">
        <v>0</v>
      </c>
      <c r="CA37" s="218">
        <v>0</v>
      </c>
      <c r="CB37" s="219">
        <v>0</v>
      </c>
      <c r="CC37" s="240">
        <v>0</v>
      </c>
      <c r="CD37" s="242">
        <v>0</v>
      </c>
      <c r="CE37" s="222">
        <v>0</v>
      </c>
      <c r="CF37" s="219">
        <v>0</v>
      </c>
      <c r="CG37" s="219">
        <v>0</v>
      </c>
      <c r="CH37" s="220">
        <v>0</v>
      </c>
      <c r="CI37" s="218">
        <v>0</v>
      </c>
      <c r="CJ37" s="218">
        <v>0</v>
      </c>
      <c r="CK37" s="218">
        <v>0</v>
      </c>
      <c r="CL37" s="219">
        <v>0</v>
      </c>
      <c r="CM37" s="240">
        <v>0</v>
      </c>
      <c r="CN37" s="242">
        <v>0</v>
      </c>
      <c r="CO37" s="222">
        <v>0</v>
      </c>
      <c r="CP37" s="219">
        <v>0</v>
      </c>
      <c r="CQ37" s="219">
        <v>0</v>
      </c>
      <c r="CR37" s="220">
        <v>0</v>
      </c>
      <c r="CS37" s="218">
        <v>0</v>
      </c>
      <c r="CT37" s="218">
        <v>0</v>
      </c>
      <c r="CU37" s="218">
        <v>1</v>
      </c>
      <c r="CV37" s="219">
        <v>2</v>
      </c>
      <c r="CW37" s="240">
        <v>3</v>
      </c>
      <c r="CX37" s="241">
        <v>3</v>
      </c>
      <c r="CY37" s="217">
        <v>0</v>
      </c>
      <c r="CZ37" s="219">
        <v>0</v>
      </c>
      <c r="DA37" s="219">
        <v>0</v>
      </c>
      <c r="DB37" s="220">
        <v>0</v>
      </c>
      <c r="DC37" s="218">
        <v>0</v>
      </c>
      <c r="DD37" s="218">
        <v>0</v>
      </c>
      <c r="DE37" s="218">
        <v>1</v>
      </c>
      <c r="DF37" s="219">
        <v>1</v>
      </c>
      <c r="DG37" s="240">
        <v>2</v>
      </c>
      <c r="DH37" s="242">
        <v>2</v>
      </c>
      <c r="DI37" s="222">
        <v>0</v>
      </c>
      <c r="DJ37" s="219">
        <v>0</v>
      </c>
      <c r="DK37" s="219">
        <v>0</v>
      </c>
      <c r="DL37" s="220">
        <v>0</v>
      </c>
      <c r="DM37" s="218">
        <v>0</v>
      </c>
      <c r="DN37" s="218">
        <v>0</v>
      </c>
      <c r="DO37" s="218">
        <v>0</v>
      </c>
      <c r="DP37" s="219">
        <v>1</v>
      </c>
      <c r="DQ37" s="240">
        <v>1</v>
      </c>
      <c r="DR37" s="242">
        <v>1</v>
      </c>
      <c r="DS37" s="222">
        <v>0</v>
      </c>
      <c r="DT37" s="219">
        <v>0</v>
      </c>
      <c r="DU37" s="219">
        <v>0</v>
      </c>
      <c r="DV37" s="220">
        <v>6</v>
      </c>
      <c r="DW37" s="218">
        <v>13</v>
      </c>
      <c r="DX37" s="218">
        <v>13</v>
      </c>
      <c r="DY37" s="218">
        <v>34</v>
      </c>
      <c r="DZ37" s="219">
        <v>18</v>
      </c>
      <c r="EA37" s="240">
        <v>84</v>
      </c>
      <c r="EB37" s="242">
        <v>84</v>
      </c>
      <c r="EC37" s="239"/>
    </row>
    <row r="38" spans="2:133" ht="21" customHeight="1" x14ac:dyDescent="0.2">
      <c r="B38" s="106" t="s">
        <v>35</v>
      </c>
      <c r="C38" s="217">
        <v>0</v>
      </c>
      <c r="D38" s="219">
        <v>0</v>
      </c>
      <c r="E38" s="219">
        <v>0</v>
      </c>
      <c r="F38" s="220">
        <v>1</v>
      </c>
      <c r="G38" s="218">
        <v>2</v>
      </c>
      <c r="H38" s="218">
        <v>24</v>
      </c>
      <c r="I38" s="218">
        <v>51</v>
      </c>
      <c r="J38" s="219">
        <v>28</v>
      </c>
      <c r="K38" s="240">
        <v>106</v>
      </c>
      <c r="L38" s="241">
        <v>106</v>
      </c>
      <c r="M38" s="217">
        <v>0</v>
      </c>
      <c r="N38" s="219">
        <v>0</v>
      </c>
      <c r="O38" s="240">
        <v>0</v>
      </c>
      <c r="P38" s="220">
        <v>1</v>
      </c>
      <c r="Q38" s="218">
        <v>2</v>
      </c>
      <c r="R38" s="218">
        <v>24</v>
      </c>
      <c r="S38" s="218">
        <v>51</v>
      </c>
      <c r="T38" s="219">
        <v>28</v>
      </c>
      <c r="U38" s="240">
        <v>106</v>
      </c>
      <c r="V38" s="242">
        <v>106</v>
      </c>
      <c r="W38" s="222">
        <v>0</v>
      </c>
      <c r="X38" s="219">
        <v>0</v>
      </c>
      <c r="Y38" s="240">
        <v>0</v>
      </c>
      <c r="Z38" s="222">
        <v>0</v>
      </c>
      <c r="AA38" s="218">
        <v>0</v>
      </c>
      <c r="AB38" s="218">
        <v>0</v>
      </c>
      <c r="AC38" s="218">
        <v>0</v>
      </c>
      <c r="AD38" s="219">
        <v>0</v>
      </c>
      <c r="AE38" s="240">
        <v>0</v>
      </c>
      <c r="AF38" s="221">
        <v>0</v>
      </c>
      <c r="AG38" s="222">
        <v>0</v>
      </c>
      <c r="AH38" s="219">
        <v>0</v>
      </c>
      <c r="AI38" s="240">
        <v>0</v>
      </c>
      <c r="AJ38" s="222">
        <v>16</v>
      </c>
      <c r="AK38" s="218">
        <v>36</v>
      </c>
      <c r="AL38" s="218">
        <v>26</v>
      </c>
      <c r="AM38" s="218">
        <v>16</v>
      </c>
      <c r="AN38" s="219">
        <v>9</v>
      </c>
      <c r="AO38" s="240">
        <v>103</v>
      </c>
      <c r="AP38" s="221">
        <v>103</v>
      </c>
      <c r="AQ38" s="222">
        <v>0</v>
      </c>
      <c r="AR38" s="219">
        <v>0</v>
      </c>
      <c r="AS38" s="240">
        <v>0</v>
      </c>
      <c r="AT38" s="220">
        <v>16</v>
      </c>
      <c r="AU38" s="218">
        <v>36</v>
      </c>
      <c r="AV38" s="218">
        <v>26</v>
      </c>
      <c r="AW38" s="218">
        <v>16</v>
      </c>
      <c r="AX38" s="219">
        <v>9</v>
      </c>
      <c r="AY38" s="240">
        <v>103</v>
      </c>
      <c r="AZ38" s="241">
        <v>103</v>
      </c>
      <c r="BA38" s="217">
        <v>0</v>
      </c>
      <c r="BB38" s="219">
        <v>0</v>
      </c>
      <c r="BC38" s="219">
        <v>0</v>
      </c>
      <c r="BD38" s="220">
        <v>0</v>
      </c>
      <c r="BE38" s="218">
        <v>0</v>
      </c>
      <c r="BF38" s="218">
        <v>0</v>
      </c>
      <c r="BG38" s="218">
        <v>0</v>
      </c>
      <c r="BH38" s="219">
        <v>0</v>
      </c>
      <c r="BI38" s="240">
        <v>0</v>
      </c>
      <c r="BJ38" s="242">
        <v>0</v>
      </c>
      <c r="BK38" s="222">
        <v>0</v>
      </c>
      <c r="BL38" s="219">
        <v>0</v>
      </c>
      <c r="BM38" s="219">
        <v>0</v>
      </c>
      <c r="BN38" s="220">
        <v>0</v>
      </c>
      <c r="BO38" s="218">
        <v>0</v>
      </c>
      <c r="BP38" s="218">
        <v>0</v>
      </c>
      <c r="BQ38" s="218">
        <v>0</v>
      </c>
      <c r="BR38" s="219">
        <v>0</v>
      </c>
      <c r="BS38" s="240">
        <v>0</v>
      </c>
      <c r="BT38" s="241">
        <v>0</v>
      </c>
      <c r="BU38" s="217">
        <v>0</v>
      </c>
      <c r="BV38" s="219">
        <v>0</v>
      </c>
      <c r="BW38" s="219">
        <v>0</v>
      </c>
      <c r="BX38" s="220">
        <v>0</v>
      </c>
      <c r="BY38" s="218">
        <v>0</v>
      </c>
      <c r="BZ38" s="218">
        <v>0</v>
      </c>
      <c r="CA38" s="218">
        <v>0</v>
      </c>
      <c r="CB38" s="219">
        <v>0</v>
      </c>
      <c r="CC38" s="240">
        <v>0</v>
      </c>
      <c r="CD38" s="242">
        <v>0</v>
      </c>
      <c r="CE38" s="222">
        <v>0</v>
      </c>
      <c r="CF38" s="219">
        <v>0</v>
      </c>
      <c r="CG38" s="219">
        <v>0</v>
      </c>
      <c r="CH38" s="220">
        <v>0</v>
      </c>
      <c r="CI38" s="218">
        <v>0</v>
      </c>
      <c r="CJ38" s="218">
        <v>0</v>
      </c>
      <c r="CK38" s="218">
        <v>0</v>
      </c>
      <c r="CL38" s="219">
        <v>0</v>
      </c>
      <c r="CM38" s="240">
        <v>0</v>
      </c>
      <c r="CN38" s="242">
        <v>0</v>
      </c>
      <c r="CO38" s="222">
        <v>0</v>
      </c>
      <c r="CP38" s="219">
        <v>0</v>
      </c>
      <c r="CQ38" s="219">
        <v>0</v>
      </c>
      <c r="CR38" s="220">
        <v>2</v>
      </c>
      <c r="CS38" s="218">
        <v>3</v>
      </c>
      <c r="CT38" s="218">
        <v>5</v>
      </c>
      <c r="CU38" s="218">
        <v>4</v>
      </c>
      <c r="CV38" s="219">
        <v>6</v>
      </c>
      <c r="CW38" s="240">
        <v>20</v>
      </c>
      <c r="CX38" s="241">
        <v>20</v>
      </c>
      <c r="CY38" s="217">
        <v>0</v>
      </c>
      <c r="CZ38" s="219">
        <v>0</v>
      </c>
      <c r="DA38" s="219">
        <v>0</v>
      </c>
      <c r="DB38" s="220">
        <v>1</v>
      </c>
      <c r="DC38" s="218">
        <v>3</v>
      </c>
      <c r="DD38" s="218">
        <v>5</v>
      </c>
      <c r="DE38" s="218">
        <v>4</v>
      </c>
      <c r="DF38" s="219">
        <v>6</v>
      </c>
      <c r="DG38" s="240">
        <v>19</v>
      </c>
      <c r="DH38" s="242">
        <v>19</v>
      </c>
      <c r="DI38" s="222">
        <v>0</v>
      </c>
      <c r="DJ38" s="219">
        <v>0</v>
      </c>
      <c r="DK38" s="219">
        <v>0</v>
      </c>
      <c r="DL38" s="220">
        <v>1</v>
      </c>
      <c r="DM38" s="218">
        <v>0</v>
      </c>
      <c r="DN38" s="218">
        <v>0</v>
      </c>
      <c r="DO38" s="218">
        <v>0</v>
      </c>
      <c r="DP38" s="219">
        <v>0</v>
      </c>
      <c r="DQ38" s="240">
        <v>1</v>
      </c>
      <c r="DR38" s="242">
        <v>1</v>
      </c>
      <c r="DS38" s="222">
        <v>0</v>
      </c>
      <c r="DT38" s="219">
        <v>0</v>
      </c>
      <c r="DU38" s="219">
        <v>0</v>
      </c>
      <c r="DV38" s="220">
        <v>19</v>
      </c>
      <c r="DW38" s="218">
        <v>41</v>
      </c>
      <c r="DX38" s="218">
        <v>55</v>
      </c>
      <c r="DY38" s="218">
        <v>71</v>
      </c>
      <c r="DZ38" s="219">
        <v>42</v>
      </c>
      <c r="EA38" s="240">
        <v>228</v>
      </c>
      <c r="EB38" s="242">
        <v>228</v>
      </c>
      <c r="EC38" s="239"/>
    </row>
    <row r="39" spans="2:133" ht="21" customHeight="1" x14ac:dyDescent="0.2">
      <c r="B39" s="106" t="s">
        <v>36</v>
      </c>
      <c r="C39" s="217">
        <v>0</v>
      </c>
      <c r="D39" s="219">
        <v>0</v>
      </c>
      <c r="E39" s="219">
        <v>0</v>
      </c>
      <c r="F39" s="220">
        <v>0</v>
      </c>
      <c r="G39" s="218">
        <v>5</v>
      </c>
      <c r="H39" s="218">
        <v>66</v>
      </c>
      <c r="I39" s="218">
        <v>79</v>
      </c>
      <c r="J39" s="219">
        <v>62</v>
      </c>
      <c r="K39" s="240">
        <v>212</v>
      </c>
      <c r="L39" s="241">
        <v>212</v>
      </c>
      <c r="M39" s="217">
        <v>0</v>
      </c>
      <c r="N39" s="219">
        <v>0</v>
      </c>
      <c r="O39" s="240">
        <v>0</v>
      </c>
      <c r="P39" s="220">
        <v>0</v>
      </c>
      <c r="Q39" s="218">
        <v>5</v>
      </c>
      <c r="R39" s="218">
        <v>65</v>
      </c>
      <c r="S39" s="218">
        <v>75</v>
      </c>
      <c r="T39" s="219">
        <v>61</v>
      </c>
      <c r="U39" s="240">
        <v>206</v>
      </c>
      <c r="V39" s="242">
        <v>206</v>
      </c>
      <c r="W39" s="222">
        <v>0</v>
      </c>
      <c r="X39" s="219">
        <v>0</v>
      </c>
      <c r="Y39" s="240">
        <v>0</v>
      </c>
      <c r="Z39" s="222">
        <v>0</v>
      </c>
      <c r="AA39" s="218">
        <v>0</v>
      </c>
      <c r="AB39" s="218">
        <v>1</v>
      </c>
      <c r="AC39" s="218">
        <v>4</v>
      </c>
      <c r="AD39" s="219">
        <v>1</v>
      </c>
      <c r="AE39" s="240">
        <v>6</v>
      </c>
      <c r="AF39" s="221">
        <v>6</v>
      </c>
      <c r="AG39" s="222">
        <v>0</v>
      </c>
      <c r="AH39" s="219">
        <v>0</v>
      </c>
      <c r="AI39" s="240">
        <v>0</v>
      </c>
      <c r="AJ39" s="222">
        <v>14</v>
      </c>
      <c r="AK39" s="218">
        <v>18</v>
      </c>
      <c r="AL39" s="218">
        <v>34</v>
      </c>
      <c r="AM39" s="218">
        <v>50</v>
      </c>
      <c r="AN39" s="219">
        <v>17</v>
      </c>
      <c r="AO39" s="240">
        <v>133</v>
      </c>
      <c r="AP39" s="221">
        <v>133</v>
      </c>
      <c r="AQ39" s="222">
        <v>0</v>
      </c>
      <c r="AR39" s="219">
        <v>0</v>
      </c>
      <c r="AS39" s="240">
        <v>0</v>
      </c>
      <c r="AT39" s="220">
        <v>14</v>
      </c>
      <c r="AU39" s="218">
        <v>18</v>
      </c>
      <c r="AV39" s="218">
        <v>34</v>
      </c>
      <c r="AW39" s="218">
        <v>47</v>
      </c>
      <c r="AX39" s="219">
        <v>17</v>
      </c>
      <c r="AY39" s="240">
        <v>130</v>
      </c>
      <c r="AZ39" s="241">
        <v>130</v>
      </c>
      <c r="BA39" s="217">
        <v>0</v>
      </c>
      <c r="BB39" s="219">
        <v>0</v>
      </c>
      <c r="BC39" s="219">
        <v>0</v>
      </c>
      <c r="BD39" s="220">
        <v>0</v>
      </c>
      <c r="BE39" s="218">
        <v>0</v>
      </c>
      <c r="BF39" s="218">
        <v>0</v>
      </c>
      <c r="BG39" s="218">
        <v>3</v>
      </c>
      <c r="BH39" s="219">
        <v>0</v>
      </c>
      <c r="BI39" s="240">
        <v>3</v>
      </c>
      <c r="BJ39" s="242">
        <v>3</v>
      </c>
      <c r="BK39" s="222">
        <v>0</v>
      </c>
      <c r="BL39" s="219">
        <v>0</v>
      </c>
      <c r="BM39" s="219">
        <v>0</v>
      </c>
      <c r="BN39" s="220">
        <v>0</v>
      </c>
      <c r="BO39" s="218">
        <v>0</v>
      </c>
      <c r="BP39" s="218">
        <v>0</v>
      </c>
      <c r="BQ39" s="218">
        <v>0</v>
      </c>
      <c r="BR39" s="219">
        <v>0</v>
      </c>
      <c r="BS39" s="240">
        <v>0</v>
      </c>
      <c r="BT39" s="241">
        <v>0</v>
      </c>
      <c r="BU39" s="217">
        <v>0</v>
      </c>
      <c r="BV39" s="219">
        <v>0</v>
      </c>
      <c r="BW39" s="219">
        <v>0</v>
      </c>
      <c r="BX39" s="220">
        <v>0</v>
      </c>
      <c r="BY39" s="218">
        <v>0</v>
      </c>
      <c r="BZ39" s="218">
        <v>0</v>
      </c>
      <c r="CA39" s="218">
        <v>0</v>
      </c>
      <c r="CB39" s="219">
        <v>0</v>
      </c>
      <c r="CC39" s="240">
        <v>0</v>
      </c>
      <c r="CD39" s="242">
        <v>0</v>
      </c>
      <c r="CE39" s="222">
        <v>0</v>
      </c>
      <c r="CF39" s="219">
        <v>0</v>
      </c>
      <c r="CG39" s="219">
        <v>0</v>
      </c>
      <c r="CH39" s="220">
        <v>0</v>
      </c>
      <c r="CI39" s="218">
        <v>0</v>
      </c>
      <c r="CJ39" s="218">
        <v>0</v>
      </c>
      <c r="CK39" s="218">
        <v>0</v>
      </c>
      <c r="CL39" s="219">
        <v>0</v>
      </c>
      <c r="CM39" s="240">
        <v>0</v>
      </c>
      <c r="CN39" s="242">
        <v>0</v>
      </c>
      <c r="CO39" s="222">
        <v>0</v>
      </c>
      <c r="CP39" s="219">
        <v>0</v>
      </c>
      <c r="CQ39" s="219">
        <v>0</v>
      </c>
      <c r="CR39" s="220">
        <v>0</v>
      </c>
      <c r="CS39" s="218">
        <v>0</v>
      </c>
      <c r="CT39" s="218">
        <v>0</v>
      </c>
      <c r="CU39" s="218">
        <v>5</v>
      </c>
      <c r="CV39" s="219">
        <v>6</v>
      </c>
      <c r="CW39" s="240">
        <v>11</v>
      </c>
      <c r="CX39" s="241">
        <v>11</v>
      </c>
      <c r="CY39" s="217">
        <v>0</v>
      </c>
      <c r="CZ39" s="219">
        <v>0</v>
      </c>
      <c r="DA39" s="219">
        <v>0</v>
      </c>
      <c r="DB39" s="220">
        <v>0</v>
      </c>
      <c r="DC39" s="218">
        <v>0</v>
      </c>
      <c r="DD39" s="218">
        <v>0</v>
      </c>
      <c r="DE39" s="218">
        <v>4</v>
      </c>
      <c r="DF39" s="219">
        <v>6</v>
      </c>
      <c r="DG39" s="240">
        <v>10</v>
      </c>
      <c r="DH39" s="242">
        <v>10</v>
      </c>
      <c r="DI39" s="222">
        <v>0</v>
      </c>
      <c r="DJ39" s="219">
        <v>0</v>
      </c>
      <c r="DK39" s="219">
        <v>0</v>
      </c>
      <c r="DL39" s="220">
        <v>0</v>
      </c>
      <c r="DM39" s="218">
        <v>0</v>
      </c>
      <c r="DN39" s="218">
        <v>0</v>
      </c>
      <c r="DO39" s="218">
        <v>1</v>
      </c>
      <c r="DP39" s="219">
        <v>0</v>
      </c>
      <c r="DQ39" s="240">
        <v>1</v>
      </c>
      <c r="DR39" s="242">
        <v>1</v>
      </c>
      <c r="DS39" s="222">
        <v>0</v>
      </c>
      <c r="DT39" s="219">
        <v>0</v>
      </c>
      <c r="DU39" s="219">
        <v>0</v>
      </c>
      <c r="DV39" s="220">
        <v>14</v>
      </c>
      <c r="DW39" s="218">
        <v>22</v>
      </c>
      <c r="DX39" s="218">
        <v>100</v>
      </c>
      <c r="DY39" s="218">
        <v>133</v>
      </c>
      <c r="DZ39" s="219">
        <v>84</v>
      </c>
      <c r="EA39" s="240">
        <v>353</v>
      </c>
      <c r="EB39" s="242">
        <v>353</v>
      </c>
      <c r="EC39" s="239"/>
    </row>
    <row r="40" spans="2:133" ht="21" customHeight="1" thickBot="1" x14ac:dyDescent="0.25">
      <c r="B40" s="108" t="s">
        <v>37</v>
      </c>
      <c r="C40" s="223">
        <v>0</v>
      </c>
      <c r="D40" s="225">
        <v>0</v>
      </c>
      <c r="E40" s="225">
        <v>0</v>
      </c>
      <c r="F40" s="226">
        <v>0</v>
      </c>
      <c r="G40" s="224">
        <v>0</v>
      </c>
      <c r="H40" s="224">
        <v>6</v>
      </c>
      <c r="I40" s="224">
        <v>8</v>
      </c>
      <c r="J40" s="225">
        <v>6</v>
      </c>
      <c r="K40" s="243">
        <v>20</v>
      </c>
      <c r="L40" s="244">
        <v>20</v>
      </c>
      <c r="M40" s="223">
        <v>0</v>
      </c>
      <c r="N40" s="225">
        <v>0</v>
      </c>
      <c r="O40" s="243">
        <v>0</v>
      </c>
      <c r="P40" s="226">
        <v>0</v>
      </c>
      <c r="Q40" s="224">
        <v>0</v>
      </c>
      <c r="R40" s="224">
        <v>6</v>
      </c>
      <c r="S40" s="224">
        <v>8</v>
      </c>
      <c r="T40" s="225">
        <v>6</v>
      </c>
      <c r="U40" s="243">
        <v>20</v>
      </c>
      <c r="V40" s="245">
        <v>20</v>
      </c>
      <c r="W40" s="228">
        <v>0</v>
      </c>
      <c r="X40" s="225">
        <v>0</v>
      </c>
      <c r="Y40" s="243">
        <v>0</v>
      </c>
      <c r="Z40" s="228">
        <v>0</v>
      </c>
      <c r="AA40" s="224">
        <v>0</v>
      </c>
      <c r="AB40" s="224">
        <v>0</v>
      </c>
      <c r="AC40" s="224">
        <v>0</v>
      </c>
      <c r="AD40" s="225">
        <v>0</v>
      </c>
      <c r="AE40" s="243">
        <v>0</v>
      </c>
      <c r="AF40" s="227">
        <v>0</v>
      </c>
      <c r="AG40" s="228">
        <v>0</v>
      </c>
      <c r="AH40" s="225">
        <v>0</v>
      </c>
      <c r="AI40" s="243">
        <v>0</v>
      </c>
      <c r="AJ40" s="228">
        <v>1</v>
      </c>
      <c r="AK40" s="224">
        <v>2</v>
      </c>
      <c r="AL40" s="224">
        <v>5</v>
      </c>
      <c r="AM40" s="224">
        <v>3</v>
      </c>
      <c r="AN40" s="225">
        <v>5</v>
      </c>
      <c r="AO40" s="243">
        <v>16</v>
      </c>
      <c r="AP40" s="227">
        <v>16</v>
      </c>
      <c r="AQ40" s="228">
        <v>0</v>
      </c>
      <c r="AR40" s="225">
        <v>0</v>
      </c>
      <c r="AS40" s="243">
        <v>0</v>
      </c>
      <c r="AT40" s="226">
        <v>1</v>
      </c>
      <c r="AU40" s="224">
        <v>2</v>
      </c>
      <c r="AV40" s="224">
        <v>5</v>
      </c>
      <c r="AW40" s="224">
        <v>3</v>
      </c>
      <c r="AX40" s="225">
        <v>5</v>
      </c>
      <c r="AY40" s="243">
        <v>16</v>
      </c>
      <c r="AZ40" s="244">
        <v>16</v>
      </c>
      <c r="BA40" s="223">
        <v>0</v>
      </c>
      <c r="BB40" s="225">
        <v>0</v>
      </c>
      <c r="BC40" s="225">
        <v>0</v>
      </c>
      <c r="BD40" s="226">
        <v>0</v>
      </c>
      <c r="BE40" s="224">
        <v>0</v>
      </c>
      <c r="BF40" s="224">
        <v>0</v>
      </c>
      <c r="BG40" s="224">
        <v>0</v>
      </c>
      <c r="BH40" s="225">
        <v>0</v>
      </c>
      <c r="BI40" s="243">
        <v>0</v>
      </c>
      <c r="BJ40" s="245">
        <v>0</v>
      </c>
      <c r="BK40" s="228">
        <v>0</v>
      </c>
      <c r="BL40" s="225">
        <v>0</v>
      </c>
      <c r="BM40" s="225">
        <v>0</v>
      </c>
      <c r="BN40" s="226">
        <v>0</v>
      </c>
      <c r="BO40" s="224">
        <v>0</v>
      </c>
      <c r="BP40" s="224">
        <v>0</v>
      </c>
      <c r="BQ40" s="224">
        <v>0</v>
      </c>
      <c r="BR40" s="225">
        <v>0</v>
      </c>
      <c r="BS40" s="243">
        <v>0</v>
      </c>
      <c r="BT40" s="244">
        <v>0</v>
      </c>
      <c r="BU40" s="223">
        <v>0</v>
      </c>
      <c r="BV40" s="225">
        <v>0</v>
      </c>
      <c r="BW40" s="225">
        <v>0</v>
      </c>
      <c r="BX40" s="226">
        <v>0</v>
      </c>
      <c r="BY40" s="224">
        <v>0</v>
      </c>
      <c r="BZ40" s="224">
        <v>0</v>
      </c>
      <c r="CA40" s="224">
        <v>0</v>
      </c>
      <c r="CB40" s="225">
        <v>0</v>
      </c>
      <c r="CC40" s="243">
        <v>0</v>
      </c>
      <c r="CD40" s="245">
        <v>0</v>
      </c>
      <c r="CE40" s="228">
        <v>0</v>
      </c>
      <c r="CF40" s="225">
        <v>0</v>
      </c>
      <c r="CG40" s="225">
        <v>0</v>
      </c>
      <c r="CH40" s="226">
        <v>0</v>
      </c>
      <c r="CI40" s="224">
        <v>0</v>
      </c>
      <c r="CJ40" s="224">
        <v>0</v>
      </c>
      <c r="CK40" s="224">
        <v>0</v>
      </c>
      <c r="CL40" s="225">
        <v>0</v>
      </c>
      <c r="CM40" s="243">
        <v>0</v>
      </c>
      <c r="CN40" s="245">
        <v>0</v>
      </c>
      <c r="CO40" s="228">
        <v>0</v>
      </c>
      <c r="CP40" s="225">
        <v>0</v>
      </c>
      <c r="CQ40" s="225">
        <v>0</v>
      </c>
      <c r="CR40" s="226">
        <v>0</v>
      </c>
      <c r="CS40" s="224">
        <v>0</v>
      </c>
      <c r="CT40" s="224">
        <v>0</v>
      </c>
      <c r="CU40" s="224">
        <v>0</v>
      </c>
      <c r="CV40" s="225">
        <v>1</v>
      </c>
      <c r="CW40" s="243">
        <v>1</v>
      </c>
      <c r="CX40" s="244">
        <v>1</v>
      </c>
      <c r="CY40" s="223">
        <v>0</v>
      </c>
      <c r="CZ40" s="225">
        <v>0</v>
      </c>
      <c r="DA40" s="225">
        <v>0</v>
      </c>
      <c r="DB40" s="226">
        <v>0</v>
      </c>
      <c r="DC40" s="224">
        <v>0</v>
      </c>
      <c r="DD40" s="224">
        <v>0</v>
      </c>
      <c r="DE40" s="224">
        <v>0</v>
      </c>
      <c r="DF40" s="225">
        <v>1</v>
      </c>
      <c r="DG40" s="243">
        <v>1</v>
      </c>
      <c r="DH40" s="245">
        <v>1</v>
      </c>
      <c r="DI40" s="228">
        <v>0</v>
      </c>
      <c r="DJ40" s="225">
        <v>0</v>
      </c>
      <c r="DK40" s="225">
        <v>0</v>
      </c>
      <c r="DL40" s="226">
        <v>0</v>
      </c>
      <c r="DM40" s="224">
        <v>0</v>
      </c>
      <c r="DN40" s="224">
        <v>0</v>
      </c>
      <c r="DO40" s="224">
        <v>0</v>
      </c>
      <c r="DP40" s="225">
        <v>0</v>
      </c>
      <c r="DQ40" s="243">
        <v>0</v>
      </c>
      <c r="DR40" s="245">
        <v>0</v>
      </c>
      <c r="DS40" s="228">
        <v>0</v>
      </c>
      <c r="DT40" s="225">
        <v>0</v>
      </c>
      <c r="DU40" s="225">
        <v>0</v>
      </c>
      <c r="DV40" s="226">
        <v>1</v>
      </c>
      <c r="DW40" s="224">
        <v>2</v>
      </c>
      <c r="DX40" s="224">
        <v>11</v>
      </c>
      <c r="DY40" s="224">
        <v>11</v>
      </c>
      <c r="DZ40" s="225">
        <v>12</v>
      </c>
      <c r="EA40" s="243">
        <v>37</v>
      </c>
      <c r="EB40" s="245">
        <v>37</v>
      </c>
      <c r="EC40" s="239"/>
    </row>
    <row r="41" spans="2:133" x14ac:dyDescent="0.2">
      <c r="C41" s="246"/>
      <c r="D41" s="246"/>
      <c r="E41" s="246"/>
      <c r="F41" s="246"/>
      <c r="G41" s="246"/>
      <c r="H41" s="246"/>
      <c r="I41" s="246"/>
      <c r="J41" s="246"/>
      <c r="K41" s="246"/>
      <c r="L41" s="246"/>
      <c r="M41" s="246"/>
      <c r="N41" s="246"/>
      <c r="O41" s="246"/>
      <c r="P41" s="246"/>
      <c r="Q41" s="246"/>
      <c r="R41" s="246"/>
      <c r="S41" s="246"/>
      <c r="T41" s="246"/>
      <c r="U41" s="246"/>
      <c r="V41" s="246"/>
      <c r="W41" s="246"/>
      <c r="X41" s="246"/>
      <c r="Y41" s="246"/>
      <c r="Z41" s="246"/>
      <c r="AA41" s="246"/>
      <c r="AB41" s="246"/>
      <c r="AC41" s="246"/>
      <c r="AD41" s="246"/>
      <c r="AE41" s="246"/>
      <c r="AF41" s="246"/>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39"/>
      <c r="CH41" s="239"/>
      <c r="CI41" s="239"/>
      <c r="CJ41" s="239"/>
      <c r="CK41" s="239"/>
      <c r="CL41" s="239"/>
      <c r="CM41" s="239"/>
      <c r="CN41" s="239"/>
      <c r="CO41" s="239"/>
      <c r="CP41" s="239"/>
      <c r="CQ41" s="239"/>
      <c r="CR41" s="239"/>
      <c r="CS41" s="239"/>
      <c r="CT41" s="239"/>
      <c r="CU41" s="239"/>
      <c r="CV41" s="239"/>
      <c r="CW41" s="239"/>
      <c r="CX41" s="239"/>
      <c r="CY41" s="239"/>
      <c r="CZ41" s="239"/>
      <c r="DA41" s="239"/>
      <c r="DB41" s="239"/>
      <c r="DC41" s="239"/>
      <c r="DD41" s="239"/>
      <c r="DE41" s="239"/>
      <c r="DF41" s="239"/>
      <c r="DG41" s="239"/>
      <c r="DH41" s="239"/>
      <c r="DI41" s="239"/>
      <c r="DJ41" s="239"/>
      <c r="DK41" s="239"/>
      <c r="DL41" s="239"/>
      <c r="DM41" s="239"/>
      <c r="DN41" s="239"/>
      <c r="DO41" s="239"/>
      <c r="DP41" s="239"/>
      <c r="DQ41" s="239"/>
      <c r="DR41" s="239"/>
      <c r="DS41" s="239"/>
      <c r="DT41" s="239"/>
      <c r="DU41" s="239"/>
      <c r="DV41" s="239"/>
      <c r="DW41" s="239"/>
      <c r="DX41" s="239"/>
      <c r="DY41" s="239"/>
      <c r="DZ41" s="239"/>
      <c r="EA41" s="239"/>
      <c r="EB41" s="239"/>
      <c r="EC41" s="239"/>
    </row>
    <row r="42" spans="2:133" x14ac:dyDescent="0.2">
      <c r="C42" s="246"/>
      <c r="D42" s="246"/>
      <c r="E42" s="246"/>
      <c r="F42" s="246"/>
      <c r="G42" s="246"/>
      <c r="H42" s="246"/>
      <c r="I42" s="246"/>
      <c r="J42" s="246"/>
      <c r="K42" s="246"/>
      <c r="L42" s="246"/>
      <c r="M42" s="246"/>
      <c r="N42" s="246"/>
      <c r="O42" s="246"/>
      <c r="P42" s="246"/>
      <c r="Q42" s="246"/>
      <c r="R42" s="246"/>
      <c r="S42" s="246"/>
      <c r="T42" s="246"/>
      <c r="U42" s="246"/>
      <c r="V42" s="246"/>
      <c r="W42" s="246"/>
      <c r="X42" s="246"/>
      <c r="Y42" s="246"/>
      <c r="Z42" s="246"/>
      <c r="AA42" s="246"/>
      <c r="AB42" s="246"/>
      <c r="AC42" s="246"/>
      <c r="AD42" s="246"/>
      <c r="AE42" s="246"/>
      <c r="AF42" s="246"/>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39"/>
      <c r="CH42" s="239"/>
      <c r="CI42" s="239"/>
      <c r="CJ42" s="239"/>
      <c r="CK42" s="239"/>
      <c r="CL42" s="239"/>
      <c r="CM42" s="239"/>
      <c r="CN42" s="239"/>
      <c r="CO42" s="239"/>
      <c r="CP42" s="239"/>
      <c r="CQ42" s="239"/>
      <c r="CR42" s="239"/>
      <c r="CS42" s="239"/>
      <c r="CT42" s="239"/>
      <c r="CU42" s="239"/>
      <c r="CV42" s="239"/>
      <c r="CW42" s="239"/>
      <c r="CX42" s="239"/>
      <c r="CY42" s="239"/>
      <c r="CZ42" s="239"/>
      <c r="DA42" s="239"/>
      <c r="DB42" s="239"/>
      <c r="DC42" s="239"/>
      <c r="DD42" s="239"/>
      <c r="DE42" s="239"/>
      <c r="DF42" s="239"/>
      <c r="DG42" s="239"/>
      <c r="DH42" s="239"/>
      <c r="DI42" s="239"/>
      <c r="DJ42" s="239"/>
      <c r="DK42" s="239"/>
      <c r="DL42" s="239"/>
      <c r="DM42" s="239"/>
      <c r="DN42" s="239"/>
      <c r="DO42" s="239"/>
      <c r="DP42" s="239"/>
      <c r="DQ42" s="239"/>
      <c r="DR42" s="239"/>
      <c r="DS42" s="239"/>
      <c r="DT42" s="239"/>
      <c r="DU42" s="239"/>
      <c r="DV42" s="239"/>
      <c r="DW42" s="239"/>
      <c r="DX42" s="239"/>
      <c r="DY42" s="239"/>
      <c r="DZ42" s="239"/>
      <c r="EA42" s="239"/>
      <c r="EB42" s="239"/>
      <c r="EC42" s="239"/>
    </row>
    <row r="43" spans="2:133" x14ac:dyDescent="0.2">
      <c r="C43" s="246"/>
      <c r="D43" s="246"/>
      <c r="E43" s="246"/>
      <c r="F43" s="246"/>
      <c r="G43" s="246"/>
      <c r="H43" s="246"/>
      <c r="I43" s="246"/>
      <c r="J43" s="246"/>
      <c r="K43" s="246"/>
      <c r="L43" s="246"/>
      <c r="M43" s="246"/>
      <c r="N43" s="246"/>
      <c r="O43" s="246"/>
      <c r="P43" s="246"/>
      <c r="Q43" s="246"/>
      <c r="R43" s="246"/>
      <c r="S43" s="246"/>
      <c r="T43" s="246"/>
      <c r="U43" s="246"/>
      <c r="V43" s="246"/>
      <c r="W43" s="246"/>
      <c r="X43" s="246"/>
      <c r="Y43" s="246"/>
      <c r="Z43" s="246"/>
      <c r="AA43" s="246"/>
      <c r="AB43" s="246"/>
      <c r="AC43" s="246"/>
      <c r="AD43" s="246"/>
      <c r="AE43" s="246"/>
      <c r="AF43" s="246"/>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39"/>
      <c r="CH43" s="239"/>
      <c r="CI43" s="239"/>
      <c r="CJ43" s="239"/>
      <c r="CK43" s="239"/>
      <c r="CL43" s="239"/>
      <c r="CM43" s="239"/>
      <c r="CN43" s="239"/>
      <c r="CO43" s="239"/>
      <c r="CP43" s="239"/>
      <c r="CQ43" s="239"/>
      <c r="CR43" s="239"/>
      <c r="CS43" s="239"/>
      <c r="CT43" s="239"/>
      <c r="CU43" s="239"/>
      <c r="CV43" s="239"/>
      <c r="CW43" s="239"/>
      <c r="CX43" s="239"/>
      <c r="CY43" s="239"/>
      <c r="CZ43" s="239"/>
      <c r="DA43" s="239"/>
      <c r="DB43" s="239"/>
      <c r="DC43" s="239"/>
      <c r="DD43" s="239"/>
      <c r="DE43" s="239"/>
      <c r="DF43" s="239"/>
      <c r="DG43" s="239"/>
      <c r="DH43" s="239"/>
      <c r="DI43" s="239"/>
      <c r="DJ43" s="239"/>
      <c r="DK43" s="239"/>
      <c r="DL43" s="239"/>
      <c r="DM43" s="239"/>
      <c r="DN43" s="239"/>
      <c r="DO43" s="239"/>
      <c r="DP43" s="239"/>
      <c r="DQ43" s="239"/>
      <c r="DR43" s="239"/>
      <c r="DS43" s="239"/>
      <c r="DT43" s="239"/>
      <c r="DU43" s="239"/>
      <c r="DV43" s="239"/>
      <c r="DW43" s="239"/>
      <c r="DX43" s="239"/>
      <c r="DY43" s="239"/>
      <c r="DZ43" s="239"/>
      <c r="EA43" s="239"/>
      <c r="EB43" s="239"/>
      <c r="EC43" s="239"/>
    </row>
    <row r="44" spans="2:133" x14ac:dyDescent="0.2">
      <c r="C44" s="246"/>
      <c r="D44" s="246"/>
      <c r="E44" s="246"/>
      <c r="F44" s="246"/>
      <c r="G44" s="246"/>
      <c r="H44" s="246"/>
      <c r="I44" s="246"/>
      <c r="J44" s="246"/>
      <c r="K44" s="246"/>
      <c r="L44" s="246"/>
      <c r="M44" s="246"/>
      <c r="N44" s="246"/>
      <c r="O44" s="246"/>
      <c r="P44" s="246"/>
      <c r="Q44" s="246"/>
      <c r="R44" s="246"/>
      <c r="S44" s="246"/>
      <c r="T44" s="246"/>
      <c r="U44" s="246"/>
      <c r="V44" s="246"/>
      <c r="W44" s="246"/>
      <c r="X44" s="246"/>
      <c r="Y44" s="246"/>
      <c r="Z44" s="246"/>
      <c r="AA44" s="246"/>
      <c r="AB44" s="246"/>
      <c r="AC44" s="246"/>
      <c r="AD44" s="246"/>
      <c r="AE44" s="246"/>
      <c r="AF44" s="246"/>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39"/>
      <c r="CH44" s="239"/>
      <c r="CI44" s="239"/>
      <c r="CJ44" s="239"/>
      <c r="CK44" s="239"/>
      <c r="CL44" s="239"/>
      <c r="CM44" s="239"/>
      <c r="CN44" s="239"/>
      <c r="CO44" s="239"/>
      <c r="CP44" s="239"/>
      <c r="CQ44" s="239"/>
      <c r="CR44" s="239"/>
      <c r="CS44" s="239"/>
      <c r="CT44" s="239"/>
      <c r="CU44" s="239"/>
      <c r="CV44" s="239"/>
      <c r="CW44" s="239"/>
      <c r="CX44" s="239"/>
      <c r="CY44" s="239"/>
      <c r="CZ44" s="239"/>
      <c r="DA44" s="239"/>
      <c r="DB44" s="239"/>
      <c r="DC44" s="239"/>
      <c r="DD44" s="239"/>
      <c r="DE44" s="239"/>
      <c r="DF44" s="239"/>
      <c r="DG44" s="239"/>
      <c r="DH44" s="239"/>
      <c r="DI44" s="239"/>
      <c r="DJ44" s="239"/>
      <c r="DK44" s="239"/>
      <c r="DL44" s="239"/>
      <c r="DM44" s="239"/>
      <c r="DN44" s="239"/>
      <c r="DO44" s="239"/>
      <c r="DP44" s="239"/>
      <c r="DQ44" s="239"/>
      <c r="DR44" s="239"/>
      <c r="DS44" s="239"/>
      <c r="DT44" s="239"/>
      <c r="DU44" s="239"/>
      <c r="DV44" s="239"/>
      <c r="DW44" s="239"/>
      <c r="DX44" s="239"/>
      <c r="DY44" s="239"/>
      <c r="DZ44" s="239"/>
      <c r="EA44" s="239"/>
      <c r="EB44" s="239"/>
      <c r="EC44" s="239"/>
    </row>
    <row r="45" spans="2:133" x14ac:dyDescent="0.2">
      <c r="C45" s="246"/>
      <c r="D45" s="246"/>
      <c r="E45" s="246"/>
      <c r="F45" s="246"/>
      <c r="G45" s="246"/>
      <c r="H45" s="246"/>
      <c r="I45" s="246"/>
      <c r="J45" s="246"/>
      <c r="K45" s="246"/>
      <c r="L45" s="246"/>
      <c r="M45" s="246"/>
      <c r="N45" s="246"/>
      <c r="O45" s="246"/>
      <c r="P45" s="246"/>
      <c r="Q45" s="246"/>
      <c r="R45" s="246"/>
      <c r="S45" s="246"/>
      <c r="T45" s="246"/>
      <c r="U45" s="246"/>
      <c r="V45" s="246"/>
      <c r="W45" s="246"/>
      <c r="X45" s="246"/>
      <c r="Y45" s="246"/>
      <c r="Z45" s="246"/>
      <c r="AA45" s="246"/>
      <c r="AB45" s="246"/>
      <c r="AC45" s="246"/>
      <c r="AD45" s="246"/>
      <c r="AE45" s="246"/>
      <c r="AF45" s="246"/>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39"/>
      <c r="CH45" s="239"/>
      <c r="CI45" s="239"/>
      <c r="CJ45" s="239"/>
      <c r="CK45" s="239"/>
      <c r="CL45" s="239"/>
      <c r="CM45" s="239"/>
      <c r="CN45" s="239"/>
      <c r="CO45" s="239"/>
      <c r="CP45" s="239"/>
      <c r="CQ45" s="239"/>
      <c r="CR45" s="239"/>
      <c r="CS45" s="239"/>
      <c r="CT45" s="239"/>
      <c r="CU45" s="239"/>
      <c r="CV45" s="239"/>
      <c r="CW45" s="239"/>
      <c r="CX45" s="239"/>
      <c r="CY45" s="239"/>
      <c r="CZ45" s="239"/>
      <c r="DA45" s="239"/>
      <c r="DB45" s="239"/>
      <c r="DC45" s="239"/>
      <c r="DD45" s="239"/>
      <c r="DE45" s="239"/>
      <c r="DF45" s="239"/>
      <c r="DG45" s="239"/>
      <c r="DH45" s="239"/>
      <c r="DI45" s="239"/>
      <c r="DJ45" s="239"/>
      <c r="DK45" s="239"/>
      <c r="DL45" s="239"/>
      <c r="DM45" s="239"/>
      <c r="DN45" s="239"/>
      <c r="DO45" s="239"/>
      <c r="DP45" s="239"/>
      <c r="DQ45" s="239"/>
      <c r="DR45" s="239"/>
      <c r="DS45" s="239"/>
      <c r="DT45" s="239"/>
      <c r="DU45" s="239"/>
      <c r="DV45" s="239"/>
      <c r="DW45" s="239"/>
      <c r="DX45" s="239"/>
      <c r="DY45" s="239"/>
      <c r="DZ45" s="239"/>
      <c r="EA45" s="239"/>
      <c r="EB45" s="239"/>
      <c r="EC45" s="239"/>
    </row>
    <row r="46" spans="2:133" x14ac:dyDescent="0.2">
      <c r="C46" s="70"/>
      <c r="D46" s="70"/>
      <c r="E46" s="70"/>
      <c r="F46" s="70"/>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row>
    <row r="47" spans="2:133" x14ac:dyDescent="0.2">
      <c r="C47" s="70"/>
      <c r="D47" s="70"/>
      <c r="E47" s="70"/>
      <c r="F47" s="70"/>
      <c r="G47" s="70"/>
      <c r="H47" s="70"/>
      <c r="I47" s="70"/>
      <c r="J47" s="70"/>
      <c r="K47" s="70"/>
      <c r="L47" s="70"/>
      <c r="M47" s="70"/>
      <c r="N47" s="70"/>
      <c r="O47" s="70"/>
      <c r="P47" s="70"/>
      <c r="Q47" s="70"/>
      <c r="R47" s="70"/>
      <c r="S47" s="70"/>
      <c r="T47" s="70"/>
      <c r="U47" s="70"/>
      <c r="V47" s="70"/>
      <c r="W47" s="70"/>
      <c r="X47" s="70"/>
      <c r="Y47" s="70"/>
      <c r="Z47" s="70"/>
      <c r="AA47" s="70"/>
      <c r="AB47" s="70"/>
      <c r="AC47" s="70"/>
      <c r="AD47" s="70"/>
      <c r="AE47" s="70"/>
      <c r="AF47" s="70"/>
    </row>
    <row r="48" spans="2:133" x14ac:dyDescent="0.2">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row>
    <row r="49" spans="3:32" x14ac:dyDescent="0.2">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row>
    <row r="50" spans="3:32" x14ac:dyDescent="0.2">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row>
    <row r="51" spans="3:32" x14ac:dyDescent="0.2">
      <c r="C51" s="70"/>
      <c r="D51" s="70"/>
      <c r="E51" s="70"/>
      <c r="F51" s="70"/>
      <c r="G51" s="70"/>
      <c r="H51" s="70"/>
      <c r="I51" s="70"/>
      <c r="J51" s="70"/>
      <c r="K51" s="70"/>
      <c r="L51" s="70"/>
      <c r="M51" s="70"/>
      <c r="N51" s="70"/>
      <c r="O51" s="70"/>
      <c r="P51" s="70"/>
      <c r="Q51" s="70"/>
      <c r="R51" s="70"/>
      <c r="S51" s="70"/>
      <c r="T51" s="70"/>
      <c r="U51" s="70"/>
      <c r="V51" s="70"/>
      <c r="W51" s="70"/>
      <c r="X51" s="70"/>
      <c r="Y51" s="70"/>
      <c r="Z51" s="70"/>
      <c r="AA51" s="70"/>
      <c r="AB51" s="70"/>
      <c r="AC51" s="70"/>
      <c r="AD51" s="70"/>
      <c r="AE51" s="70"/>
      <c r="AF51" s="70"/>
    </row>
    <row r="52" spans="3:32" x14ac:dyDescent="0.2">
      <c r="C52" s="70"/>
      <c r="D52" s="70"/>
      <c r="E52" s="70"/>
      <c r="F52" s="70"/>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row>
    <row r="53" spans="3:32" x14ac:dyDescent="0.2">
      <c r="C53" s="70"/>
      <c r="D53" s="70"/>
      <c r="E53" s="70"/>
      <c r="F53" s="70"/>
      <c r="G53" s="70"/>
      <c r="H53" s="70"/>
      <c r="I53" s="70"/>
      <c r="J53" s="70"/>
      <c r="K53" s="70"/>
      <c r="L53" s="70"/>
      <c r="M53" s="70"/>
      <c r="N53" s="70"/>
      <c r="O53" s="70"/>
      <c r="P53" s="70"/>
      <c r="Q53" s="70"/>
      <c r="R53" s="70"/>
      <c r="S53" s="70"/>
      <c r="T53" s="70"/>
      <c r="U53" s="70"/>
      <c r="V53" s="70"/>
      <c r="W53" s="70"/>
      <c r="X53" s="70"/>
      <c r="Y53" s="70"/>
      <c r="Z53" s="70"/>
      <c r="AA53" s="70"/>
      <c r="AB53" s="70"/>
      <c r="AC53" s="70"/>
      <c r="AD53" s="70"/>
      <c r="AE53" s="70"/>
      <c r="AF53" s="70"/>
    </row>
    <row r="54" spans="3:32" x14ac:dyDescent="0.2">
      <c r="C54" s="70"/>
      <c r="D54" s="70"/>
      <c r="E54" s="70"/>
      <c r="F54" s="70"/>
      <c r="G54" s="70"/>
      <c r="H54" s="70"/>
      <c r="I54" s="70"/>
      <c r="J54" s="70"/>
      <c r="K54" s="70"/>
      <c r="L54" s="70"/>
      <c r="M54" s="70"/>
      <c r="N54" s="70"/>
      <c r="O54" s="70"/>
      <c r="P54" s="70"/>
      <c r="Q54" s="70"/>
      <c r="R54" s="70"/>
      <c r="S54" s="70"/>
      <c r="T54" s="70"/>
      <c r="U54" s="70"/>
      <c r="V54" s="70"/>
      <c r="W54" s="70"/>
      <c r="X54" s="70"/>
      <c r="Y54" s="70"/>
      <c r="Z54" s="70"/>
      <c r="AA54" s="70"/>
      <c r="AB54" s="70"/>
      <c r="AC54" s="70"/>
      <c r="AD54" s="70"/>
      <c r="AE54" s="70"/>
      <c r="AF54" s="70"/>
    </row>
    <row r="55" spans="3:32" x14ac:dyDescent="0.2">
      <c r="C55" s="70"/>
      <c r="D55" s="70"/>
      <c r="E55" s="70"/>
      <c r="F55" s="70"/>
      <c r="G55" s="70"/>
      <c r="H55" s="70"/>
      <c r="I55" s="70"/>
      <c r="J55" s="70"/>
      <c r="K55" s="70"/>
      <c r="L55" s="70"/>
      <c r="M55" s="70"/>
      <c r="N55" s="70"/>
      <c r="O55" s="70"/>
      <c r="P55" s="70"/>
      <c r="Q55" s="70"/>
      <c r="R55" s="70"/>
      <c r="S55" s="70"/>
      <c r="T55" s="70"/>
      <c r="U55" s="70"/>
      <c r="V55" s="70"/>
      <c r="W55" s="70"/>
      <c r="X55" s="70"/>
      <c r="Y55" s="70"/>
      <c r="Z55" s="70"/>
      <c r="AA55" s="70"/>
      <c r="AB55" s="70"/>
      <c r="AC55" s="70"/>
      <c r="AD55" s="70"/>
      <c r="AE55" s="70"/>
      <c r="AF55" s="70"/>
    </row>
    <row r="56" spans="3:32" x14ac:dyDescent="0.2">
      <c r="C56" s="70"/>
      <c r="D56" s="70"/>
      <c r="E56" s="70"/>
      <c r="F56" s="70"/>
      <c r="G56" s="70"/>
      <c r="H56" s="70"/>
      <c r="I56" s="70"/>
      <c r="J56" s="70"/>
      <c r="K56" s="70"/>
      <c r="L56" s="70"/>
      <c r="M56" s="70"/>
      <c r="N56" s="70"/>
      <c r="O56" s="70"/>
      <c r="P56" s="70"/>
      <c r="Q56" s="70"/>
      <c r="R56" s="70"/>
      <c r="S56" s="70"/>
      <c r="T56" s="70"/>
      <c r="U56" s="70"/>
      <c r="V56" s="70"/>
      <c r="W56" s="70"/>
      <c r="X56" s="70"/>
      <c r="Y56" s="70"/>
      <c r="Z56" s="70"/>
      <c r="AA56" s="70"/>
      <c r="AB56" s="70"/>
      <c r="AC56" s="70"/>
      <c r="AD56" s="70"/>
      <c r="AE56" s="70"/>
      <c r="AF56" s="70"/>
    </row>
    <row r="57" spans="3:32" x14ac:dyDescent="0.2">
      <c r="C57" s="70"/>
      <c r="D57" s="70"/>
      <c r="E57" s="70"/>
      <c r="F57" s="70"/>
      <c r="G57" s="70"/>
      <c r="H57" s="70"/>
      <c r="I57" s="70"/>
      <c r="J57" s="70"/>
      <c r="K57" s="70"/>
      <c r="L57" s="70"/>
      <c r="M57" s="70"/>
      <c r="N57" s="70"/>
      <c r="O57" s="70"/>
      <c r="P57" s="70"/>
      <c r="Q57" s="70"/>
      <c r="R57" s="70"/>
      <c r="S57" s="70"/>
      <c r="T57" s="70"/>
      <c r="U57" s="70"/>
      <c r="V57" s="70"/>
      <c r="W57" s="70"/>
      <c r="X57" s="70"/>
      <c r="Y57" s="70"/>
      <c r="Z57" s="70"/>
      <c r="AA57" s="70"/>
      <c r="AB57" s="70"/>
      <c r="AC57" s="70"/>
      <c r="AD57" s="70"/>
      <c r="AE57" s="70"/>
      <c r="AF57" s="70"/>
    </row>
    <row r="58" spans="3:32" x14ac:dyDescent="0.2">
      <c r="C58" s="70"/>
      <c r="D58" s="70"/>
      <c r="E58" s="70"/>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row>
    <row r="59" spans="3:32" x14ac:dyDescent="0.2">
      <c r="C59" s="70"/>
      <c r="D59" s="70"/>
      <c r="E59" s="70"/>
      <c r="F59" s="70"/>
      <c r="G59" s="70"/>
      <c r="H59" s="70"/>
      <c r="I59" s="70"/>
      <c r="J59" s="70"/>
      <c r="K59" s="70"/>
      <c r="L59" s="70"/>
      <c r="M59" s="70"/>
      <c r="N59" s="70"/>
      <c r="O59" s="70"/>
      <c r="P59" s="70"/>
      <c r="Q59" s="70"/>
      <c r="R59" s="70"/>
      <c r="S59" s="70"/>
      <c r="T59" s="70"/>
      <c r="U59" s="70"/>
      <c r="V59" s="70"/>
      <c r="W59" s="70"/>
      <c r="X59" s="70"/>
      <c r="Y59" s="70"/>
      <c r="Z59" s="70"/>
      <c r="AA59" s="70"/>
      <c r="AB59" s="70"/>
      <c r="AC59" s="70"/>
      <c r="AD59" s="70"/>
      <c r="AE59" s="70"/>
      <c r="AF59" s="70"/>
    </row>
    <row r="60" spans="3:32" x14ac:dyDescent="0.2">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row>
    <row r="61" spans="3:32" x14ac:dyDescent="0.2">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row>
    <row r="62" spans="3:32" x14ac:dyDescent="0.2">
      <c r="C62" s="70"/>
      <c r="D62" s="70"/>
      <c r="E62" s="70"/>
      <c r="F62" s="70"/>
      <c r="G62" s="70"/>
      <c r="H62" s="70"/>
      <c r="I62" s="70"/>
      <c r="J62" s="70"/>
      <c r="K62" s="70"/>
      <c r="L62" s="70"/>
      <c r="M62" s="70"/>
      <c r="N62" s="70"/>
      <c r="O62" s="70"/>
      <c r="P62" s="70"/>
      <c r="Q62" s="70"/>
      <c r="R62" s="70"/>
      <c r="S62" s="70"/>
      <c r="T62" s="70"/>
      <c r="U62" s="70"/>
      <c r="V62" s="70"/>
      <c r="W62" s="70"/>
      <c r="X62" s="70"/>
      <c r="Y62" s="70"/>
      <c r="Z62" s="70"/>
      <c r="AA62" s="70"/>
      <c r="AB62" s="70"/>
      <c r="AC62" s="70"/>
      <c r="AD62" s="70"/>
      <c r="AE62" s="70"/>
      <c r="AF62" s="70"/>
    </row>
    <row r="63" spans="3:32" x14ac:dyDescent="0.2">
      <c r="C63" s="70"/>
      <c r="D63" s="70"/>
      <c r="E63" s="70"/>
      <c r="F63" s="70"/>
      <c r="G63" s="70"/>
      <c r="H63" s="70"/>
      <c r="I63" s="70"/>
      <c r="J63" s="70"/>
      <c r="K63" s="70"/>
      <c r="L63" s="70"/>
      <c r="M63" s="70"/>
      <c r="N63" s="70"/>
      <c r="O63" s="70"/>
      <c r="P63" s="70"/>
      <c r="Q63" s="70"/>
      <c r="R63" s="70"/>
      <c r="S63" s="70"/>
      <c r="T63" s="70"/>
      <c r="U63" s="70"/>
      <c r="V63" s="70"/>
      <c r="W63" s="70"/>
      <c r="X63" s="70"/>
      <c r="Y63" s="70"/>
      <c r="Z63" s="70"/>
      <c r="AA63" s="70"/>
      <c r="AB63" s="70"/>
      <c r="AC63" s="70"/>
      <c r="AD63" s="70"/>
      <c r="AE63" s="70"/>
      <c r="AF63" s="70"/>
    </row>
    <row r="64" spans="3:32" x14ac:dyDescent="0.2">
      <c r="C64" s="70"/>
      <c r="D64" s="70"/>
      <c r="E64" s="70"/>
      <c r="F64" s="70"/>
      <c r="G64" s="70"/>
      <c r="H64" s="70"/>
      <c r="I64" s="70"/>
      <c r="J64" s="70"/>
      <c r="K64" s="70"/>
      <c r="L64" s="70"/>
      <c r="M64" s="70"/>
      <c r="N64" s="70"/>
      <c r="O64" s="70"/>
      <c r="P64" s="70"/>
      <c r="Q64" s="70"/>
      <c r="R64" s="70"/>
      <c r="S64" s="70"/>
      <c r="T64" s="70"/>
      <c r="U64" s="70"/>
      <c r="V64" s="70"/>
      <c r="W64" s="70"/>
      <c r="X64" s="70"/>
      <c r="Y64" s="70"/>
      <c r="Z64" s="70"/>
      <c r="AA64" s="70"/>
      <c r="AB64" s="70"/>
      <c r="AC64" s="70"/>
      <c r="AD64" s="70"/>
      <c r="AE64" s="70"/>
      <c r="AF64" s="70"/>
    </row>
    <row r="65" spans="3:32" x14ac:dyDescent="0.2">
      <c r="C65" s="70"/>
      <c r="D65" s="70"/>
      <c r="E65" s="70"/>
      <c r="F65" s="70"/>
      <c r="G65" s="70"/>
      <c r="H65" s="70"/>
      <c r="I65" s="70"/>
      <c r="J65" s="70"/>
      <c r="K65" s="70"/>
      <c r="L65" s="70"/>
      <c r="M65" s="70"/>
      <c r="N65" s="70"/>
      <c r="O65" s="70"/>
      <c r="P65" s="70"/>
      <c r="Q65" s="70"/>
      <c r="R65" s="70"/>
      <c r="S65" s="70"/>
      <c r="T65" s="70"/>
      <c r="U65" s="70"/>
      <c r="V65" s="70"/>
      <c r="W65" s="70"/>
      <c r="X65" s="70"/>
      <c r="Y65" s="70"/>
      <c r="Z65" s="70"/>
      <c r="AA65" s="70"/>
      <c r="AB65" s="70"/>
      <c r="AC65" s="70"/>
      <c r="AD65" s="70"/>
      <c r="AE65" s="70"/>
      <c r="AF65" s="70"/>
    </row>
    <row r="66" spans="3:32" x14ac:dyDescent="0.2">
      <c r="C66" s="70"/>
      <c r="D66" s="70"/>
      <c r="E66" s="70"/>
      <c r="F66" s="70"/>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row>
    <row r="67" spans="3:32" x14ac:dyDescent="0.2">
      <c r="C67" s="70"/>
      <c r="D67" s="70"/>
      <c r="E67" s="70"/>
      <c r="F67" s="70"/>
      <c r="G67" s="70"/>
      <c r="H67" s="70"/>
      <c r="I67" s="70"/>
      <c r="J67" s="70"/>
      <c r="K67" s="70"/>
      <c r="L67" s="70"/>
      <c r="M67" s="70"/>
      <c r="N67" s="70"/>
      <c r="O67" s="70"/>
      <c r="P67" s="70"/>
      <c r="Q67" s="70"/>
      <c r="R67" s="70"/>
      <c r="S67" s="70"/>
      <c r="T67" s="70"/>
      <c r="U67" s="70"/>
      <c r="V67" s="70"/>
      <c r="W67" s="70"/>
      <c r="X67" s="70"/>
      <c r="Y67" s="70"/>
      <c r="Z67" s="70"/>
      <c r="AA67" s="70"/>
      <c r="AB67" s="70"/>
      <c r="AC67" s="70"/>
      <c r="AD67" s="70"/>
      <c r="AE67" s="70"/>
      <c r="AF67" s="70"/>
    </row>
    <row r="68" spans="3:32" x14ac:dyDescent="0.2">
      <c r="C68" s="70"/>
      <c r="D68" s="70"/>
      <c r="E68" s="70"/>
      <c r="F68" s="70"/>
      <c r="G68" s="70"/>
      <c r="H68" s="70"/>
      <c r="I68" s="70"/>
      <c r="J68" s="70"/>
      <c r="K68" s="70"/>
      <c r="L68" s="70"/>
      <c r="M68" s="70"/>
      <c r="N68" s="70"/>
      <c r="O68" s="70"/>
      <c r="P68" s="70"/>
      <c r="Q68" s="70"/>
      <c r="R68" s="70"/>
      <c r="S68" s="70"/>
      <c r="T68" s="70"/>
      <c r="U68" s="70"/>
      <c r="V68" s="70"/>
      <c r="W68" s="70"/>
      <c r="X68" s="70"/>
      <c r="Y68" s="70"/>
      <c r="Z68" s="70"/>
      <c r="AA68" s="70"/>
      <c r="AB68" s="70"/>
      <c r="AC68" s="70"/>
      <c r="AD68" s="70"/>
      <c r="AE68" s="70"/>
      <c r="AF68" s="70"/>
    </row>
    <row r="69" spans="3:32" x14ac:dyDescent="0.2">
      <c r="C69" s="70"/>
      <c r="D69" s="70"/>
      <c r="E69" s="70"/>
      <c r="F69" s="70"/>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row>
    <row r="70" spans="3:32" x14ac:dyDescent="0.2">
      <c r="C70" s="70"/>
      <c r="D70" s="70"/>
      <c r="E70" s="70"/>
      <c r="F70" s="70"/>
      <c r="G70" s="70"/>
      <c r="H70" s="70"/>
      <c r="I70" s="70"/>
      <c r="J70" s="70"/>
      <c r="K70" s="70"/>
      <c r="L70" s="70"/>
      <c r="M70" s="70"/>
      <c r="N70" s="70"/>
      <c r="O70" s="70"/>
      <c r="P70" s="70"/>
      <c r="Q70" s="70"/>
      <c r="R70" s="70"/>
      <c r="S70" s="70"/>
      <c r="T70" s="70"/>
      <c r="U70" s="70"/>
      <c r="V70" s="70"/>
      <c r="W70" s="70"/>
      <c r="X70" s="70"/>
      <c r="Y70" s="70"/>
      <c r="Z70" s="70"/>
      <c r="AA70" s="70"/>
      <c r="AB70" s="70"/>
      <c r="AC70" s="70"/>
      <c r="AD70" s="70"/>
      <c r="AE70" s="70"/>
      <c r="AF70" s="70"/>
    </row>
    <row r="71" spans="3:32" x14ac:dyDescent="0.2">
      <c r="C71" s="70"/>
      <c r="D71" s="70"/>
      <c r="E71" s="70"/>
      <c r="F71" s="70"/>
      <c r="G71" s="70"/>
      <c r="H71" s="70"/>
      <c r="I71" s="70"/>
      <c r="J71" s="70"/>
      <c r="K71" s="70"/>
      <c r="L71" s="70"/>
      <c r="M71" s="70"/>
      <c r="N71" s="70"/>
      <c r="O71" s="70"/>
      <c r="P71" s="70"/>
      <c r="Q71" s="70"/>
      <c r="R71" s="70"/>
      <c r="S71" s="70"/>
      <c r="T71" s="70"/>
      <c r="U71" s="70"/>
      <c r="V71" s="70"/>
      <c r="W71" s="70"/>
      <c r="X71" s="70"/>
      <c r="Y71" s="70"/>
      <c r="Z71" s="70"/>
      <c r="AA71" s="70"/>
      <c r="AB71" s="70"/>
      <c r="AC71" s="70"/>
      <c r="AD71" s="70"/>
      <c r="AE71" s="70"/>
      <c r="AF71" s="70"/>
    </row>
    <row r="72" spans="3:32" x14ac:dyDescent="0.2">
      <c r="C72" s="70"/>
      <c r="D72" s="70"/>
      <c r="E72" s="70"/>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row>
    <row r="73" spans="3:32" x14ac:dyDescent="0.2">
      <c r="C73" s="70"/>
      <c r="D73" s="70"/>
      <c r="E73" s="70"/>
      <c r="F73" s="70"/>
      <c r="G73" s="70"/>
      <c r="H73" s="70"/>
      <c r="I73" s="70"/>
      <c r="J73" s="70"/>
      <c r="K73" s="70"/>
      <c r="L73" s="70"/>
      <c r="M73" s="70"/>
      <c r="N73" s="70"/>
      <c r="O73" s="70"/>
      <c r="P73" s="70"/>
      <c r="Q73" s="70"/>
      <c r="R73" s="70"/>
      <c r="S73" s="70"/>
      <c r="T73" s="70"/>
      <c r="U73" s="70"/>
      <c r="V73" s="70"/>
      <c r="W73" s="70"/>
      <c r="X73" s="70"/>
      <c r="Y73" s="70"/>
      <c r="Z73" s="70"/>
      <c r="AA73" s="70"/>
      <c r="AB73" s="70"/>
      <c r="AC73" s="70"/>
      <c r="AD73" s="70"/>
      <c r="AE73" s="70"/>
      <c r="AF73" s="70"/>
    </row>
    <row r="74" spans="3:32" x14ac:dyDescent="0.2">
      <c r="C74" s="70"/>
      <c r="D74" s="70"/>
      <c r="E74" s="70"/>
      <c r="F74" s="70"/>
      <c r="G74" s="70"/>
      <c r="H74" s="70"/>
      <c r="I74" s="70"/>
      <c r="J74" s="70"/>
      <c r="K74" s="70"/>
      <c r="L74" s="70"/>
      <c r="M74" s="70"/>
      <c r="N74" s="70"/>
      <c r="O74" s="70"/>
      <c r="P74" s="70"/>
      <c r="Q74" s="70"/>
      <c r="R74" s="70"/>
      <c r="S74" s="70"/>
      <c r="T74" s="70"/>
      <c r="U74" s="70"/>
      <c r="V74" s="70"/>
      <c r="W74" s="70"/>
      <c r="X74" s="70"/>
      <c r="Y74" s="70"/>
      <c r="Z74" s="70"/>
      <c r="AA74" s="70"/>
      <c r="AB74" s="70"/>
      <c r="AC74" s="70"/>
      <c r="AD74" s="70"/>
      <c r="AE74" s="70"/>
      <c r="AF74" s="70"/>
    </row>
    <row r="75" spans="3:32" x14ac:dyDescent="0.2">
      <c r="C75" s="70"/>
      <c r="D75" s="70"/>
      <c r="E75" s="70"/>
      <c r="F75" s="70"/>
      <c r="G75" s="70"/>
      <c r="H75" s="70"/>
      <c r="I75" s="70"/>
      <c r="J75" s="70"/>
      <c r="K75" s="70"/>
      <c r="L75" s="70"/>
      <c r="M75" s="70"/>
      <c r="N75" s="70"/>
      <c r="O75" s="70"/>
      <c r="P75" s="70"/>
      <c r="Q75" s="70"/>
      <c r="R75" s="70"/>
      <c r="S75" s="70"/>
      <c r="T75" s="70"/>
      <c r="U75" s="70"/>
      <c r="V75" s="70"/>
      <c r="W75" s="70"/>
      <c r="X75" s="70"/>
      <c r="Y75" s="70"/>
      <c r="Z75" s="70"/>
      <c r="AA75" s="70"/>
      <c r="AB75" s="70"/>
      <c r="AC75" s="70"/>
      <c r="AD75" s="70"/>
      <c r="AE75" s="70"/>
      <c r="AF75" s="70"/>
    </row>
    <row r="76" spans="3:32" x14ac:dyDescent="0.2">
      <c r="C76" s="70"/>
      <c r="D76" s="70"/>
      <c r="E76" s="70"/>
      <c r="F76" s="70"/>
      <c r="G76" s="70"/>
      <c r="H76" s="70"/>
      <c r="I76" s="70"/>
      <c r="J76" s="70"/>
      <c r="K76" s="70"/>
      <c r="L76" s="70"/>
      <c r="M76" s="70"/>
      <c r="N76" s="70"/>
      <c r="O76" s="70"/>
      <c r="P76" s="70"/>
      <c r="Q76" s="70"/>
      <c r="R76" s="70"/>
      <c r="S76" s="70"/>
      <c r="T76" s="70"/>
      <c r="U76" s="70"/>
      <c r="V76" s="70"/>
      <c r="W76" s="70"/>
      <c r="X76" s="70"/>
      <c r="Y76" s="70"/>
      <c r="Z76" s="70"/>
      <c r="AA76" s="70"/>
      <c r="AB76" s="70"/>
      <c r="AC76" s="70"/>
      <c r="AD76" s="70"/>
      <c r="AE76" s="70"/>
      <c r="AF76" s="70"/>
    </row>
    <row r="77" spans="3:32" x14ac:dyDescent="0.2">
      <c r="C77" s="70"/>
      <c r="D77" s="70"/>
      <c r="E77" s="70"/>
      <c r="F77" s="70"/>
      <c r="G77" s="70"/>
      <c r="H77" s="70"/>
      <c r="I77" s="70"/>
      <c r="J77" s="70"/>
      <c r="K77" s="70"/>
      <c r="L77" s="70"/>
      <c r="M77" s="70"/>
      <c r="N77" s="70"/>
      <c r="O77" s="70"/>
      <c r="P77" s="70"/>
      <c r="Q77" s="70"/>
      <c r="R77" s="70"/>
      <c r="S77" s="70"/>
      <c r="T77" s="70"/>
      <c r="U77" s="70"/>
      <c r="V77" s="70"/>
      <c r="W77" s="70"/>
      <c r="X77" s="70"/>
      <c r="Y77" s="70"/>
      <c r="Z77" s="70"/>
      <c r="AA77" s="70"/>
      <c r="AB77" s="70"/>
      <c r="AC77" s="70"/>
      <c r="AD77" s="70"/>
      <c r="AE77" s="70"/>
      <c r="AF77" s="70"/>
    </row>
    <row r="78" spans="3:32" x14ac:dyDescent="0.2">
      <c r="C78" s="70"/>
      <c r="D78" s="70"/>
      <c r="E78" s="70"/>
      <c r="F78" s="70"/>
      <c r="G78" s="70"/>
      <c r="H78" s="70"/>
      <c r="I78" s="70"/>
      <c r="J78" s="70"/>
      <c r="K78" s="70"/>
      <c r="L78" s="70"/>
      <c r="M78" s="70"/>
      <c r="N78" s="70"/>
      <c r="O78" s="70"/>
      <c r="P78" s="70"/>
      <c r="Q78" s="70"/>
      <c r="R78" s="70"/>
      <c r="S78" s="70"/>
      <c r="T78" s="70"/>
      <c r="U78" s="70"/>
      <c r="V78" s="70"/>
      <c r="W78" s="70"/>
      <c r="X78" s="70"/>
      <c r="Y78" s="70"/>
      <c r="Z78" s="70"/>
      <c r="AA78" s="70"/>
      <c r="AB78" s="70"/>
      <c r="AC78" s="70"/>
      <c r="AD78" s="70"/>
      <c r="AE78" s="70"/>
      <c r="AF78" s="70"/>
    </row>
    <row r="79" spans="3:32" x14ac:dyDescent="0.2">
      <c r="C79" s="70"/>
      <c r="D79" s="70"/>
      <c r="E79" s="70"/>
      <c r="F79" s="70"/>
      <c r="G79" s="70"/>
      <c r="H79" s="70"/>
      <c r="I79" s="70"/>
      <c r="J79" s="70"/>
      <c r="K79" s="70"/>
      <c r="L79" s="70"/>
      <c r="M79" s="70"/>
      <c r="N79" s="70"/>
      <c r="O79" s="70"/>
      <c r="P79" s="70"/>
      <c r="Q79" s="70"/>
      <c r="R79" s="70"/>
      <c r="S79" s="70"/>
      <c r="T79" s="70"/>
      <c r="U79" s="70"/>
      <c r="V79" s="70"/>
      <c r="W79" s="70"/>
      <c r="X79" s="70"/>
      <c r="Y79" s="70"/>
      <c r="Z79" s="70"/>
      <c r="AA79" s="70"/>
      <c r="AB79" s="70"/>
      <c r="AC79" s="70"/>
      <c r="AD79" s="70"/>
      <c r="AE79" s="70"/>
      <c r="AF79" s="70"/>
    </row>
    <row r="80" spans="3:32" x14ac:dyDescent="0.2">
      <c r="C80" s="70"/>
      <c r="D80" s="70"/>
      <c r="E80" s="70"/>
      <c r="F80" s="70"/>
      <c r="G80" s="70"/>
      <c r="H80" s="70"/>
      <c r="I80" s="70"/>
      <c r="J80" s="70"/>
      <c r="K80" s="70"/>
      <c r="L80" s="70"/>
      <c r="M80" s="70"/>
      <c r="N80" s="70"/>
      <c r="O80" s="70"/>
      <c r="P80" s="70"/>
      <c r="Q80" s="70"/>
      <c r="R80" s="70"/>
      <c r="S80" s="70"/>
      <c r="T80" s="70"/>
      <c r="U80" s="70"/>
      <c r="V80" s="70"/>
      <c r="W80" s="70"/>
      <c r="X80" s="70"/>
      <c r="Y80" s="70"/>
      <c r="Z80" s="70"/>
      <c r="AA80" s="70"/>
      <c r="AB80" s="70"/>
      <c r="AC80" s="70"/>
      <c r="AD80" s="70"/>
      <c r="AE80" s="70"/>
      <c r="AF80" s="70"/>
    </row>
    <row r="81" spans="3:32" x14ac:dyDescent="0.2">
      <c r="C81" s="70"/>
      <c r="D81" s="70"/>
      <c r="E81" s="70"/>
      <c r="F81" s="70"/>
      <c r="G81" s="70"/>
      <c r="H81" s="70"/>
      <c r="I81" s="70"/>
      <c r="J81" s="70"/>
      <c r="K81" s="70"/>
      <c r="L81" s="70"/>
      <c r="M81" s="70"/>
      <c r="N81" s="70"/>
      <c r="O81" s="70"/>
      <c r="P81" s="70"/>
      <c r="Q81" s="70"/>
      <c r="R81" s="70"/>
      <c r="S81" s="70"/>
      <c r="T81" s="70"/>
      <c r="U81" s="70"/>
      <c r="V81" s="70"/>
      <c r="W81" s="70"/>
      <c r="X81" s="70"/>
      <c r="Y81" s="70"/>
      <c r="Z81" s="70"/>
      <c r="AA81" s="70"/>
      <c r="AB81" s="70"/>
      <c r="AC81" s="70"/>
      <c r="AD81" s="70"/>
      <c r="AE81" s="70"/>
      <c r="AF81" s="70"/>
    </row>
    <row r="82" spans="3:32" x14ac:dyDescent="0.2">
      <c r="C82" s="70"/>
      <c r="D82" s="70"/>
      <c r="E82" s="70"/>
      <c r="F82" s="70"/>
      <c r="G82" s="70"/>
      <c r="H82" s="70"/>
      <c r="I82" s="70"/>
      <c r="J82" s="70"/>
      <c r="K82" s="70"/>
      <c r="L82" s="70"/>
      <c r="M82" s="70"/>
      <c r="N82" s="70"/>
      <c r="O82" s="70"/>
      <c r="P82" s="70"/>
      <c r="Q82" s="70"/>
      <c r="R82" s="70"/>
      <c r="S82" s="70"/>
      <c r="T82" s="70"/>
      <c r="U82" s="70"/>
      <c r="V82" s="70"/>
      <c r="W82" s="70"/>
      <c r="X82" s="70"/>
      <c r="Y82" s="70"/>
      <c r="Z82" s="70"/>
      <c r="AA82" s="70"/>
      <c r="AB82" s="70"/>
      <c r="AC82" s="70"/>
      <c r="AD82" s="70"/>
      <c r="AE82" s="70"/>
      <c r="AF82" s="70"/>
    </row>
    <row r="83" spans="3:32" x14ac:dyDescent="0.2">
      <c r="C83" s="70"/>
      <c r="D83" s="70"/>
      <c r="E83" s="70"/>
      <c r="F83" s="70"/>
      <c r="G83" s="70"/>
      <c r="H83" s="70"/>
      <c r="I83" s="70"/>
      <c r="J83" s="70"/>
      <c r="K83" s="70"/>
      <c r="L83" s="70"/>
      <c r="M83" s="70"/>
      <c r="N83" s="70"/>
      <c r="O83" s="70"/>
      <c r="P83" s="70"/>
      <c r="Q83" s="70"/>
      <c r="R83" s="70"/>
      <c r="S83" s="70"/>
      <c r="T83" s="70"/>
      <c r="U83" s="70"/>
      <c r="V83" s="70"/>
      <c r="W83" s="70"/>
      <c r="X83" s="70"/>
      <c r="Y83" s="70"/>
      <c r="Z83" s="70"/>
      <c r="AA83" s="70"/>
      <c r="AB83" s="70"/>
      <c r="AC83" s="70"/>
      <c r="AD83" s="70"/>
      <c r="AE83" s="70"/>
      <c r="AF83" s="70"/>
    </row>
    <row r="84" spans="3:32" x14ac:dyDescent="0.2">
      <c r="C84" s="70"/>
      <c r="D84" s="70"/>
      <c r="E84" s="70"/>
      <c r="F84" s="70"/>
      <c r="G84" s="70"/>
      <c r="H84" s="70"/>
      <c r="I84" s="70"/>
      <c r="J84" s="70"/>
      <c r="K84" s="70"/>
      <c r="L84" s="70"/>
      <c r="M84" s="70"/>
      <c r="N84" s="70"/>
      <c r="O84" s="70"/>
      <c r="P84" s="70"/>
      <c r="Q84" s="70"/>
      <c r="R84" s="70"/>
      <c r="S84" s="70"/>
      <c r="T84" s="70"/>
      <c r="U84" s="70"/>
      <c r="V84" s="70"/>
      <c r="W84" s="70"/>
      <c r="X84" s="70"/>
      <c r="Y84" s="70"/>
      <c r="Z84" s="70"/>
      <c r="AA84" s="70"/>
      <c r="AB84" s="70"/>
      <c r="AC84" s="70"/>
      <c r="AD84" s="70"/>
      <c r="AE84" s="70"/>
      <c r="AF84" s="70"/>
    </row>
    <row r="85" spans="3:32" x14ac:dyDescent="0.2">
      <c r="C85" s="70"/>
      <c r="D85" s="70"/>
      <c r="E85" s="70"/>
      <c r="F85" s="70"/>
      <c r="G85" s="70"/>
      <c r="H85" s="70"/>
      <c r="I85" s="70"/>
      <c r="J85" s="70"/>
      <c r="K85" s="70"/>
      <c r="L85" s="70"/>
      <c r="M85" s="70"/>
      <c r="N85" s="70"/>
      <c r="O85" s="70"/>
      <c r="P85" s="70"/>
      <c r="Q85" s="70"/>
      <c r="R85" s="70"/>
      <c r="S85" s="70"/>
      <c r="T85" s="70"/>
      <c r="U85" s="70"/>
      <c r="V85" s="70"/>
      <c r="W85" s="70"/>
      <c r="X85" s="70"/>
      <c r="Y85" s="70"/>
      <c r="Z85" s="70"/>
      <c r="AA85" s="70"/>
      <c r="AB85" s="70"/>
      <c r="AC85" s="70"/>
      <c r="AD85" s="70"/>
      <c r="AE85" s="70"/>
      <c r="AF85" s="70"/>
    </row>
    <row r="86" spans="3:32" x14ac:dyDescent="0.2">
      <c r="C86" s="70"/>
      <c r="D86" s="70"/>
      <c r="E86" s="70"/>
      <c r="F86" s="70"/>
      <c r="G86" s="70"/>
      <c r="H86" s="70"/>
      <c r="I86" s="70"/>
      <c r="J86" s="70"/>
      <c r="K86" s="70"/>
      <c r="L86" s="70"/>
      <c r="M86" s="70"/>
      <c r="N86" s="70"/>
      <c r="O86" s="70"/>
      <c r="P86" s="70"/>
      <c r="Q86" s="70"/>
      <c r="R86" s="70"/>
      <c r="S86" s="70"/>
      <c r="T86" s="70"/>
      <c r="U86" s="70"/>
      <c r="V86" s="70"/>
      <c r="W86" s="70"/>
      <c r="X86" s="70"/>
      <c r="Y86" s="70"/>
      <c r="Z86" s="70"/>
      <c r="AA86" s="70"/>
      <c r="AB86" s="70"/>
      <c r="AC86" s="70"/>
      <c r="AD86" s="70"/>
      <c r="AE86" s="70"/>
      <c r="AF86" s="70"/>
    </row>
    <row r="87" spans="3:32" x14ac:dyDescent="0.2">
      <c r="C87" s="70"/>
      <c r="D87" s="70"/>
      <c r="E87" s="70"/>
      <c r="F87" s="70"/>
      <c r="G87" s="70"/>
      <c r="H87" s="70"/>
      <c r="I87" s="70"/>
      <c r="J87" s="70"/>
      <c r="K87" s="70"/>
      <c r="L87" s="70"/>
      <c r="M87" s="70"/>
      <c r="N87" s="70"/>
      <c r="O87" s="70"/>
      <c r="P87" s="70"/>
      <c r="Q87" s="70"/>
      <c r="R87" s="70"/>
      <c r="S87" s="70"/>
      <c r="T87" s="70"/>
      <c r="U87" s="70"/>
      <c r="V87" s="70"/>
      <c r="W87" s="70"/>
      <c r="X87" s="70"/>
      <c r="Y87" s="70"/>
      <c r="Z87" s="70"/>
      <c r="AA87" s="70"/>
      <c r="AB87" s="70"/>
      <c r="AC87" s="70"/>
      <c r="AD87" s="70"/>
      <c r="AE87" s="70"/>
      <c r="AF87" s="70"/>
    </row>
    <row r="88" spans="3:32" x14ac:dyDescent="0.2">
      <c r="C88" s="70"/>
      <c r="D88" s="70"/>
      <c r="E88" s="70"/>
      <c r="F88" s="70"/>
      <c r="G88" s="70"/>
      <c r="H88" s="70"/>
      <c r="I88" s="70"/>
      <c r="J88" s="70"/>
      <c r="K88" s="70"/>
      <c r="L88" s="70"/>
      <c r="M88" s="70"/>
      <c r="N88" s="70"/>
      <c r="O88" s="70"/>
      <c r="P88" s="70"/>
      <c r="Q88" s="70"/>
      <c r="R88" s="70"/>
      <c r="S88" s="70"/>
      <c r="T88" s="70"/>
      <c r="U88" s="70"/>
      <c r="V88" s="70"/>
      <c r="W88" s="70"/>
      <c r="X88" s="70"/>
      <c r="Y88" s="70"/>
      <c r="Z88" s="70"/>
      <c r="AA88" s="70"/>
      <c r="AB88" s="70"/>
      <c r="AC88" s="70"/>
      <c r="AD88" s="70"/>
      <c r="AE88" s="70"/>
      <c r="AF88" s="70"/>
    </row>
    <row r="89" spans="3:32" x14ac:dyDescent="0.2">
      <c r="C89" s="70"/>
      <c r="D89" s="70"/>
      <c r="E89" s="70"/>
      <c r="F89" s="70"/>
      <c r="G89" s="70"/>
      <c r="H89" s="70"/>
      <c r="I89" s="70"/>
      <c r="J89" s="70"/>
      <c r="K89" s="70"/>
      <c r="L89" s="70"/>
      <c r="M89" s="70"/>
      <c r="N89" s="70"/>
      <c r="O89" s="70"/>
      <c r="P89" s="70"/>
      <c r="Q89" s="70"/>
      <c r="R89" s="70"/>
      <c r="S89" s="70"/>
      <c r="T89" s="70"/>
      <c r="U89" s="70"/>
      <c r="V89" s="70"/>
      <c r="W89" s="70"/>
      <c r="X89" s="70"/>
      <c r="Y89" s="70"/>
      <c r="Z89" s="70"/>
      <c r="AA89" s="70"/>
      <c r="AB89" s="70"/>
      <c r="AC89" s="70"/>
      <c r="AD89" s="70"/>
      <c r="AE89" s="70"/>
      <c r="AF89" s="70"/>
    </row>
    <row r="90" spans="3:32" x14ac:dyDescent="0.2">
      <c r="C90" s="70"/>
      <c r="D90" s="70"/>
      <c r="E90" s="70"/>
      <c r="F90" s="70"/>
      <c r="G90" s="70"/>
      <c r="H90" s="70"/>
      <c r="I90" s="70"/>
      <c r="J90" s="70"/>
      <c r="K90" s="70"/>
      <c r="L90" s="70"/>
      <c r="M90" s="70"/>
      <c r="N90" s="70"/>
      <c r="O90" s="70"/>
      <c r="P90" s="70"/>
      <c r="Q90" s="70"/>
      <c r="R90" s="70"/>
      <c r="S90" s="70"/>
      <c r="T90" s="70"/>
      <c r="U90" s="70"/>
      <c r="V90" s="70"/>
      <c r="W90" s="70"/>
      <c r="X90" s="70"/>
      <c r="Y90" s="70"/>
      <c r="Z90" s="70"/>
      <c r="AA90" s="70"/>
      <c r="AB90" s="70"/>
      <c r="AC90" s="70"/>
      <c r="AD90" s="70"/>
      <c r="AE90" s="70"/>
      <c r="AF90" s="70"/>
    </row>
    <row r="91" spans="3:32" x14ac:dyDescent="0.2">
      <c r="C91" s="70"/>
      <c r="D91" s="70"/>
      <c r="E91" s="70"/>
      <c r="F91" s="70"/>
      <c r="G91" s="70"/>
      <c r="H91" s="70"/>
      <c r="I91" s="70"/>
      <c r="J91" s="70"/>
      <c r="K91" s="70"/>
      <c r="L91" s="70"/>
      <c r="M91" s="70"/>
      <c r="N91" s="70"/>
      <c r="O91" s="70"/>
      <c r="P91" s="70"/>
      <c r="Q91" s="70"/>
      <c r="R91" s="70"/>
      <c r="S91" s="70"/>
      <c r="T91" s="70"/>
      <c r="U91" s="70"/>
      <c r="V91" s="70"/>
      <c r="W91" s="70"/>
      <c r="X91" s="70"/>
      <c r="Y91" s="70"/>
      <c r="Z91" s="70"/>
      <c r="AA91" s="70"/>
      <c r="AB91" s="70"/>
      <c r="AC91" s="70"/>
      <c r="AD91" s="70"/>
      <c r="AE91" s="70"/>
      <c r="AF91" s="70"/>
    </row>
    <row r="92" spans="3:32" x14ac:dyDescent="0.2">
      <c r="C92" s="70"/>
      <c r="D92" s="70"/>
      <c r="E92" s="70"/>
      <c r="F92" s="70"/>
      <c r="G92" s="70"/>
      <c r="H92" s="70"/>
      <c r="I92" s="70"/>
      <c r="J92" s="70"/>
      <c r="K92" s="70"/>
      <c r="L92" s="70"/>
      <c r="M92" s="70"/>
      <c r="N92" s="70"/>
      <c r="O92" s="70"/>
      <c r="P92" s="70"/>
      <c r="Q92" s="70"/>
      <c r="R92" s="70"/>
      <c r="S92" s="70"/>
      <c r="T92" s="70"/>
      <c r="U92" s="70"/>
      <c r="V92" s="70"/>
      <c r="W92" s="70"/>
      <c r="X92" s="70"/>
      <c r="Y92" s="70"/>
      <c r="Z92" s="70"/>
      <c r="AA92" s="70"/>
      <c r="AB92" s="70"/>
      <c r="AC92" s="70"/>
      <c r="AD92" s="70"/>
      <c r="AE92" s="70"/>
      <c r="AF92" s="70"/>
    </row>
    <row r="93" spans="3:32" x14ac:dyDescent="0.2">
      <c r="C93" s="70"/>
      <c r="D93" s="70"/>
      <c r="E93" s="70"/>
      <c r="F93" s="70"/>
      <c r="G93" s="70"/>
      <c r="H93" s="70"/>
      <c r="I93" s="70"/>
      <c r="J93" s="70"/>
      <c r="K93" s="70"/>
      <c r="L93" s="70"/>
      <c r="M93" s="70"/>
      <c r="N93" s="70"/>
      <c r="O93" s="70"/>
      <c r="P93" s="70"/>
      <c r="Q93" s="70"/>
      <c r="R93" s="70"/>
      <c r="S93" s="70"/>
      <c r="T93" s="70"/>
      <c r="U93" s="70"/>
      <c r="V93" s="70"/>
      <c r="W93" s="70"/>
      <c r="X93" s="70"/>
      <c r="Y93" s="70"/>
      <c r="Z93" s="70"/>
      <c r="AA93" s="70"/>
      <c r="AB93" s="70"/>
      <c r="AC93" s="70"/>
      <c r="AD93" s="70"/>
      <c r="AE93" s="70"/>
      <c r="AF93" s="70"/>
    </row>
    <row r="94" spans="3:32" x14ac:dyDescent="0.2">
      <c r="C94" s="70"/>
      <c r="D94" s="70"/>
      <c r="E94" s="70"/>
      <c r="F94" s="70"/>
      <c r="G94" s="70"/>
      <c r="H94" s="70"/>
      <c r="I94" s="70"/>
      <c r="J94" s="70"/>
      <c r="K94" s="70"/>
      <c r="L94" s="70"/>
      <c r="M94" s="70"/>
      <c r="N94" s="70"/>
      <c r="O94" s="70"/>
      <c r="P94" s="70"/>
      <c r="Q94" s="70"/>
      <c r="R94" s="70"/>
      <c r="S94" s="70"/>
      <c r="T94" s="70"/>
      <c r="U94" s="70"/>
      <c r="V94" s="70"/>
      <c r="W94" s="70"/>
      <c r="X94" s="70"/>
      <c r="Y94" s="70"/>
      <c r="Z94" s="70"/>
      <c r="AA94" s="70"/>
      <c r="AB94" s="70"/>
      <c r="AC94" s="70"/>
      <c r="AD94" s="70"/>
      <c r="AE94" s="70"/>
      <c r="AF94" s="70"/>
    </row>
    <row r="95" spans="3:32" x14ac:dyDescent="0.2">
      <c r="C95" s="70"/>
      <c r="D95" s="70"/>
      <c r="E95" s="70"/>
      <c r="F95" s="70"/>
      <c r="G95" s="70"/>
      <c r="H95" s="70"/>
      <c r="I95" s="70"/>
      <c r="J95" s="70"/>
      <c r="K95" s="70"/>
      <c r="L95" s="70"/>
      <c r="M95" s="70"/>
      <c r="N95" s="70"/>
      <c r="O95" s="70"/>
      <c r="P95" s="70"/>
      <c r="Q95" s="70"/>
      <c r="R95" s="70"/>
      <c r="S95" s="70"/>
      <c r="T95" s="70"/>
      <c r="U95" s="70"/>
      <c r="V95" s="70"/>
      <c r="W95" s="70"/>
      <c r="X95" s="70"/>
      <c r="Y95" s="70"/>
      <c r="Z95" s="70"/>
      <c r="AA95" s="70"/>
      <c r="AB95" s="70"/>
      <c r="AC95" s="70"/>
      <c r="AD95" s="70"/>
      <c r="AE95" s="70"/>
      <c r="AF95" s="70"/>
    </row>
    <row r="96" spans="3:32" x14ac:dyDescent="0.2">
      <c r="C96" s="70"/>
      <c r="D96" s="70"/>
      <c r="E96" s="70"/>
      <c r="F96" s="70"/>
      <c r="G96" s="70"/>
      <c r="H96" s="70"/>
      <c r="I96" s="70"/>
      <c r="J96" s="70"/>
      <c r="K96" s="70"/>
      <c r="L96" s="70"/>
      <c r="M96" s="70"/>
      <c r="N96" s="70"/>
      <c r="O96" s="70"/>
      <c r="P96" s="70"/>
      <c r="Q96" s="70"/>
      <c r="R96" s="70"/>
      <c r="S96" s="70"/>
      <c r="T96" s="70"/>
      <c r="U96" s="70"/>
      <c r="V96" s="70"/>
      <c r="W96" s="70"/>
      <c r="X96" s="70"/>
      <c r="Y96" s="70"/>
      <c r="Z96" s="70"/>
      <c r="AA96" s="70"/>
      <c r="AB96" s="70"/>
      <c r="AC96" s="70"/>
      <c r="AD96" s="70"/>
      <c r="AE96" s="70"/>
      <c r="AF96" s="70"/>
    </row>
    <row r="97" spans="3:32" x14ac:dyDescent="0.2">
      <c r="C97" s="70"/>
      <c r="D97" s="70"/>
      <c r="E97" s="70"/>
      <c r="F97" s="70"/>
      <c r="G97" s="70"/>
      <c r="H97" s="70"/>
      <c r="I97" s="70"/>
      <c r="J97" s="70"/>
      <c r="K97" s="70"/>
      <c r="L97" s="70"/>
      <c r="M97" s="70"/>
      <c r="N97" s="70"/>
      <c r="O97" s="70"/>
      <c r="P97" s="70"/>
      <c r="Q97" s="70"/>
      <c r="R97" s="70"/>
      <c r="S97" s="70"/>
      <c r="T97" s="70"/>
      <c r="U97" s="70"/>
      <c r="V97" s="70"/>
      <c r="W97" s="70"/>
      <c r="X97" s="70"/>
      <c r="Y97" s="70"/>
      <c r="Z97" s="70"/>
      <c r="AA97" s="70"/>
      <c r="AB97" s="70"/>
      <c r="AC97" s="70"/>
      <c r="AD97" s="70"/>
      <c r="AE97" s="70"/>
      <c r="AF97" s="70"/>
    </row>
    <row r="98" spans="3:32" x14ac:dyDescent="0.2">
      <c r="C98" s="70"/>
      <c r="D98" s="70"/>
      <c r="E98" s="70"/>
      <c r="F98" s="70"/>
      <c r="G98" s="70"/>
      <c r="H98" s="70"/>
      <c r="I98" s="70"/>
      <c r="J98" s="70"/>
      <c r="K98" s="70"/>
      <c r="L98" s="70"/>
      <c r="M98" s="70"/>
      <c r="N98" s="70"/>
      <c r="O98" s="70"/>
      <c r="P98" s="70"/>
      <c r="Q98" s="70"/>
      <c r="R98" s="70"/>
      <c r="S98" s="70"/>
      <c r="T98" s="70"/>
      <c r="U98" s="70"/>
      <c r="V98" s="70"/>
      <c r="W98" s="70"/>
      <c r="X98" s="70"/>
      <c r="Y98" s="70"/>
      <c r="Z98" s="70"/>
      <c r="AA98" s="70"/>
      <c r="AB98" s="70"/>
      <c r="AC98" s="70"/>
      <c r="AD98" s="70"/>
      <c r="AE98" s="70"/>
      <c r="AF98" s="70"/>
    </row>
    <row r="99" spans="3:32" x14ac:dyDescent="0.2">
      <c r="C99" s="70"/>
      <c r="D99" s="70"/>
      <c r="E99" s="70"/>
      <c r="F99" s="70"/>
      <c r="G99" s="70"/>
      <c r="H99" s="70"/>
      <c r="I99" s="70"/>
      <c r="J99" s="70"/>
      <c r="K99" s="70"/>
      <c r="L99" s="70"/>
      <c r="M99" s="70"/>
      <c r="N99" s="70"/>
      <c r="O99" s="70"/>
      <c r="P99" s="70"/>
      <c r="Q99" s="70"/>
      <c r="R99" s="70"/>
      <c r="S99" s="70"/>
      <c r="T99" s="70"/>
      <c r="U99" s="70"/>
      <c r="V99" s="70"/>
      <c r="W99" s="70"/>
      <c r="X99" s="70"/>
      <c r="Y99" s="70"/>
      <c r="Z99" s="70"/>
      <c r="AA99" s="70"/>
      <c r="AB99" s="70"/>
      <c r="AC99" s="70"/>
      <c r="AD99" s="70"/>
      <c r="AE99" s="70"/>
      <c r="AF99" s="70"/>
    </row>
    <row r="100" spans="3:32" x14ac:dyDescent="0.2">
      <c r="C100" s="70"/>
      <c r="D100" s="70"/>
      <c r="E100" s="70"/>
      <c r="F100" s="70"/>
      <c r="G100" s="70"/>
      <c r="H100" s="70"/>
      <c r="I100" s="70"/>
      <c r="J100" s="70"/>
      <c r="K100" s="70"/>
      <c r="L100" s="70"/>
      <c r="M100" s="70"/>
      <c r="N100" s="70"/>
      <c r="O100" s="70"/>
      <c r="P100" s="70"/>
      <c r="Q100" s="70"/>
      <c r="R100" s="70"/>
      <c r="S100" s="70"/>
      <c r="T100" s="70"/>
      <c r="U100" s="70"/>
      <c r="V100" s="70"/>
      <c r="W100" s="70"/>
      <c r="X100" s="70"/>
      <c r="Y100" s="70"/>
      <c r="Z100" s="70"/>
      <c r="AA100" s="70"/>
      <c r="AB100" s="70"/>
      <c r="AC100" s="70"/>
      <c r="AD100" s="70"/>
      <c r="AE100" s="70"/>
      <c r="AF100" s="70"/>
    </row>
    <row r="101" spans="3:32" x14ac:dyDescent="0.2">
      <c r="C101" s="70"/>
      <c r="D101" s="70"/>
      <c r="E101" s="70"/>
      <c r="F101" s="70"/>
      <c r="G101" s="70"/>
      <c r="H101" s="70"/>
      <c r="I101" s="70"/>
      <c r="J101" s="70"/>
      <c r="K101" s="70"/>
      <c r="L101" s="70"/>
      <c r="M101" s="70"/>
      <c r="N101" s="70"/>
      <c r="O101" s="70"/>
      <c r="P101" s="70"/>
      <c r="Q101" s="70"/>
      <c r="R101" s="70"/>
      <c r="S101" s="70"/>
      <c r="T101" s="70"/>
      <c r="U101" s="70"/>
      <c r="V101" s="70"/>
      <c r="W101" s="70"/>
      <c r="X101" s="70"/>
      <c r="Y101" s="70"/>
      <c r="Z101" s="70"/>
      <c r="AA101" s="70"/>
      <c r="AB101" s="70"/>
      <c r="AC101" s="70"/>
      <c r="AD101" s="70"/>
      <c r="AE101" s="70"/>
      <c r="AF101" s="70"/>
    </row>
    <row r="102" spans="3:32" x14ac:dyDescent="0.2">
      <c r="C102" s="70"/>
      <c r="D102" s="70"/>
      <c r="E102" s="70"/>
      <c r="F102" s="70"/>
      <c r="G102" s="70"/>
      <c r="H102" s="70"/>
      <c r="I102" s="70"/>
      <c r="J102" s="70"/>
      <c r="K102" s="70"/>
      <c r="L102" s="70"/>
      <c r="M102" s="70"/>
      <c r="N102" s="70"/>
      <c r="O102" s="70"/>
      <c r="P102" s="70"/>
      <c r="Q102" s="70"/>
      <c r="R102" s="70"/>
      <c r="S102" s="70"/>
      <c r="T102" s="70"/>
      <c r="U102" s="70"/>
      <c r="V102" s="70"/>
      <c r="W102" s="70"/>
      <c r="X102" s="70"/>
      <c r="Y102" s="70"/>
      <c r="Z102" s="70"/>
      <c r="AA102" s="70"/>
      <c r="AB102" s="70"/>
      <c r="AC102" s="70"/>
      <c r="AD102" s="70"/>
      <c r="AE102" s="70"/>
      <c r="AF102" s="70"/>
    </row>
    <row r="103" spans="3:32" x14ac:dyDescent="0.2">
      <c r="C103" s="70"/>
      <c r="D103" s="70"/>
      <c r="E103" s="70"/>
      <c r="F103" s="70"/>
      <c r="G103" s="70"/>
      <c r="H103" s="70"/>
      <c r="I103" s="70"/>
      <c r="J103" s="70"/>
      <c r="K103" s="70"/>
      <c r="L103" s="70"/>
      <c r="M103" s="70"/>
      <c r="N103" s="70"/>
      <c r="O103" s="70"/>
      <c r="P103" s="70"/>
      <c r="Q103" s="70"/>
      <c r="R103" s="70"/>
      <c r="S103" s="70"/>
      <c r="T103" s="70"/>
      <c r="U103" s="70"/>
      <c r="V103" s="70"/>
      <c r="W103" s="70"/>
      <c r="X103" s="70"/>
      <c r="Y103" s="70"/>
      <c r="Z103" s="70"/>
      <c r="AA103" s="70"/>
      <c r="AB103" s="70"/>
      <c r="AC103" s="70"/>
      <c r="AD103" s="70"/>
      <c r="AE103" s="70"/>
      <c r="AF103" s="70"/>
    </row>
    <row r="104" spans="3:32" x14ac:dyDescent="0.2">
      <c r="C104" s="70"/>
      <c r="D104" s="70"/>
      <c r="E104" s="70"/>
      <c r="F104" s="70"/>
      <c r="G104" s="70"/>
      <c r="H104" s="70"/>
      <c r="I104" s="70"/>
      <c r="J104" s="70"/>
      <c r="K104" s="70"/>
      <c r="L104" s="70"/>
      <c r="M104" s="70"/>
      <c r="N104" s="70"/>
      <c r="O104" s="70"/>
      <c r="P104" s="70"/>
      <c r="Q104" s="70"/>
      <c r="R104" s="70"/>
      <c r="S104" s="70"/>
      <c r="T104" s="70"/>
      <c r="U104" s="70"/>
      <c r="V104" s="70"/>
      <c r="W104" s="70"/>
      <c r="X104" s="70"/>
      <c r="Y104" s="70"/>
      <c r="Z104" s="70"/>
      <c r="AA104" s="70"/>
      <c r="AB104" s="70"/>
      <c r="AC104" s="70"/>
      <c r="AD104" s="70"/>
      <c r="AE104" s="70"/>
      <c r="AF104" s="70"/>
    </row>
    <row r="105" spans="3:32" x14ac:dyDescent="0.2">
      <c r="C105" s="70"/>
      <c r="D105" s="70"/>
      <c r="E105" s="70"/>
      <c r="F105" s="70"/>
      <c r="G105" s="70"/>
      <c r="H105" s="70"/>
      <c r="I105" s="70"/>
      <c r="J105" s="70"/>
      <c r="K105" s="70"/>
      <c r="L105" s="70"/>
      <c r="M105" s="70"/>
      <c r="N105" s="70"/>
      <c r="O105" s="70"/>
      <c r="P105" s="70"/>
      <c r="Q105" s="70"/>
      <c r="R105" s="70"/>
      <c r="S105" s="70"/>
      <c r="T105" s="70"/>
      <c r="U105" s="70"/>
      <c r="V105" s="70"/>
      <c r="W105" s="70"/>
      <c r="X105" s="70"/>
      <c r="Y105" s="70"/>
      <c r="Z105" s="70"/>
      <c r="AA105" s="70"/>
      <c r="AB105" s="70"/>
      <c r="AC105" s="70"/>
      <c r="AD105" s="70"/>
      <c r="AE105" s="70"/>
      <c r="AF105" s="70"/>
    </row>
    <row r="106" spans="3:32" x14ac:dyDescent="0.2">
      <c r="C106" s="70"/>
      <c r="D106" s="70"/>
      <c r="E106" s="70"/>
      <c r="F106" s="70"/>
      <c r="G106" s="70"/>
      <c r="H106" s="70"/>
      <c r="I106" s="70"/>
      <c r="J106" s="70"/>
      <c r="K106" s="70"/>
      <c r="L106" s="70"/>
      <c r="M106" s="70"/>
      <c r="N106" s="70"/>
      <c r="O106" s="70"/>
      <c r="P106" s="70"/>
      <c r="Q106" s="70"/>
      <c r="R106" s="70"/>
      <c r="S106" s="70"/>
      <c r="T106" s="70"/>
      <c r="U106" s="70"/>
      <c r="V106" s="70"/>
      <c r="W106" s="70"/>
      <c r="X106" s="70"/>
      <c r="Y106" s="70"/>
      <c r="Z106" s="70"/>
      <c r="AA106" s="70"/>
      <c r="AB106" s="70"/>
      <c r="AC106" s="70"/>
      <c r="AD106" s="70"/>
      <c r="AE106" s="70"/>
      <c r="AF106" s="70"/>
    </row>
    <row r="107" spans="3:32" x14ac:dyDescent="0.2">
      <c r="C107" s="70"/>
      <c r="D107" s="70"/>
      <c r="E107" s="70"/>
      <c r="F107" s="70"/>
      <c r="G107" s="70"/>
      <c r="H107" s="70"/>
      <c r="I107" s="70"/>
      <c r="J107" s="70"/>
      <c r="K107" s="70"/>
      <c r="L107" s="70"/>
      <c r="M107" s="70"/>
      <c r="N107" s="70"/>
      <c r="O107" s="70"/>
      <c r="P107" s="70"/>
      <c r="Q107" s="70"/>
      <c r="R107" s="70"/>
      <c r="S107" s="70"/>
      <c r="T107" s="70"/>
      <c r="U107" s="70"/>
      <c r="V107" s="70"/>
      <c r="W107" s="70"/>
      <c r="X107" s="70"/>
      <c r="Y107" s="70"/>
      <c r="Z107" s="70"/>
      <c r="AA107" s="70"/>
      <c r="AB107" s="70"/>
      <c r="AC107" s="70"/>
      <c r="AD107" s="70"/>
      <c r="AE107" s="70"/>
      <c r="AF107" s="70"/>
    </row>
    <row r="108" spans="3:32" x14ac:dyDescent="0.2">
      <c r="C108" s="70"/>
      <c r="D108" s="70"/>
      <c r="E108" s="70"/>
      <c r="F108" s="70"/>
      <c r="G108" s="70"/>
      <c r="H108" s="70"/>
      <c r="I108" s="70"/>
      <c r="J108" s="70"/>
      <c r="K108" s="70"/>
      <c r="L108" s="70"/>
      <c r="M108" s="70"/>
      <c r="N108" s="70"/>
      <c r="O108" s="70"/>
      <c r="P108" s="70"/>
      <c r="Q108" s="70"/>
      <c r="R108" s="70"/>
      <c r="S108" s="70"/>
      <c r="T108" s="70"/>
      <c r="U108" s="70"/>
      <c r="V108" s="70"/>
      <c r="W108" s="70"/>
      <c r="X108" s="70"/>
      <c r="Y108" s="70"/>
      <c r="Z108" s="70"/>
      <c r="AA108" s="70"/>
      <c r="AB108" s="70"/>
      <c r="AC108" s="70"/>
      <c r="AD108" s="70"/>
      <c r="AE108" s="70"/>
      <c r="AF108" s="70"/>
    </row>
    <row r="109" spans="3:32" x14ac:dyDescent="0.2">
      <c r="C109" s="70"/>
      <c r="D109" s="70"/>
      <c r="E109" s="70"/>
      <c r="F109" s="70"/>
      <c r="G109" s="70"/>
      <c r="H109" s="70"/>
      <c r="I109" s="70"/>
      <c r="J109" s="70"/>
      <c r="K109" s="70"/>
      <c r="L109" s="70"/>
      <c r="M109" s="70"/>
      <c r="N109" s="70"/>
      <c r="O109" s="70"/>
      <c r="P109" s="70"/>
      <c r="Q109" s="70"/>
      <c r="R109" s="70"/>
      <c r="S109" s="70"/>
      <c r="T109" s="70"/>
      <c r="U109" s="70"/>
      <c r="V109" s="70"/>
      <c r="W109" s="70"/>
      <c r="X109" s="70"/>
      <c r="Y109" s="70"/>
      <c r="Z109" s="70"/>
      <c r="AA109" s="70"/>
      <c r="AB109" s="70"/>
      <c r="AC109" s="70"/>
      <c r="AD109" s="70"/>
      <c r="AE109" s="70"/>
      <c r="AF109" s="70"/>
    </row>
    <row r="110" spans="3:32" x14ac:dyDescent="0.2">
      <c r="C110" s="70"/>
      <c r="D110" s="70"/>
      <c r="E110" s="70"/>
      <c r="F110" s="70"/>
      <c r="G110" s="70"/>
      <c r="H110" s="70"/>
      <c r="I110" s="70"/>
      <c r="J110" s="70"/>
      <c r="K110" s="70"/>
      <c r="L110" s="70"/>
      <c r="M110" s="70"/>
      <c r="N110" s="70"/>
      <c r="O110" s="70"/>
      <c r="P110" s="70"/>
      <c r="Q110" s="70"/>
      <c r="R110" s="70"/>
      <c r="S110" s="70"/>
      <c r="T110" s="70"/>
      <c r="U110" s="70"/>
      <c r="V110" s="70"/>
      <c r="W110" s="70"/>
      <c r="X110" s="70"/>
      <c r="Y110" s="70"/>
      <c r="Z110" s="70"/>
      <c r="AA110" s="70"/>
      <c r="AB110" s="70"/>
      <c r="AC110" s="70"/>
      <c r="AD110" s="70"/>
      <c r="AE110" s="70"/>
      <c r="AF110" s="70"/>
    </row>
    <row r="111" spans="3:32" x14ac:dyDescent="0.2">
      <c r="C111" s="70"/>
      <c r="D111" s="70"/>
      <c r="E111" s="70"/>
      <c r="F111" s="70"/>
      <c r="G111" s="70"/>
      <c r="H111" s="70"/>
      <c r="I111" s="70"/>
      <c r="J111" s="70"/>
      <c r="K111" s="70"/>
      <c r="L111" s="70"/>
      <c r="M111" s="70"/>
      <c r="N111" s="70"/>
      <c r="O111" s="70"/>
      <c r="P111" s="70"/>
      <c r="Q111" s="70"/>
      <c r="R111" s="70"/>
      <c r="S111" s="70"/>
      <c r="T111" s="70"/>
      <c r="U111" s="70"/>
      <c r="V111" s="70"/>
      <c r="W111" s="70"/>
      <c r="X111" s="70"/>
      <c r="Y111" s="70"/>
      <c r="Z111" s="70"/>
      <c r="AA111" s="70"/>
      <c r="AB111" s="70"/>
      <c r="AC111" s="70"/>
      <c r="AD111" s="70"/>
      <c r="AE111" s="70"/>
      <c r="AF111" s="70"/>
    </row>
    <row r="112" spans="3:32" x14ac:dyDescent="0.2">
      <c r="C112" s="70"/>
      <c r="D112" s="70"/>
      <c r="E112" s="70"/>
      <c r="F112" s="70"/>
      <c r="G112" s="70"/>
      <c r="H112" s="70"/>
      <c r="I112" s="70"/>
      <c r="J112" s="70"/>
      <c r="K112" s="70"/>
      <c r="L112" s="70"/>
      <c r="M112" s="70"/>
      <c r="N112" s="70"/>
      <c r="O112" s="70"/>
      <c r="P112" s="70"/>
      <c r="Q112" s="70"/>
      <c r="R112" s="70"/>
      <c r="S112" s="70"/>
      <c r="T112" s="70"/>
      <c r="U112" s="70"/>
      <c r="V112" s="70"/>
      <c r="W112" s="70"/>
      <c r="X112" s="70"/>
      <c r="Y112" s="70"/>
      <c r="Z112" s="70"/>
      <c r="AA112" s="70"/>
      <c r="AB112" s="70"/>
      <c r="AC112" s="70"/>
      <c r="AD112" s="70"/>
      <c r="AE112" s="70"/>
      <c r="AF112" s="70"/>
    </row>
    <row r="113" spans="3:32" x14ac:dyDescent="0.2">
      <c r="C113" s="70"/>
      <c r="D113" s="70"/>
      <c r="E113" s="70"/>
      <c r="F113" s="70"/>
      <c r="G113" s="70"/>
      <c r="H113" s="70"/>
      <c r="I113" s="70"/>
      <c r="J113" s="70"/>
      <c r="K113" s="70"/>
      <c r="L113" s="70"/>
      <c r="M113" s="70"/>
      <c r="N113" s="70"/>
      <c r="O113" s="70"/>
      <c r="P113" s="70"/>
      <c r="Q113" s="70"/>
      <c r="R113" s="70"/>
      <c r="S113" s="70"/>
      <c r="T113" s="70"/>
      <c r="U113" s="70"/>
      <c r="V113" s="70"/>
      <c r="W113" s="70"/>
      <c r="X113" s="70"/>
      <c r="Y113" s="70"/>
      <c r="Z113" s="70"/>
      <c r="AA113" s="70"/>
      <c r="AB113" s="70"/>
      <c r="AC113" s="70"/>
      <c r="AD113" s="70"/>
      <c r="AE113" s="70"/>
      <c r="AF113" s="70"/>
    </row>
    <row r="114" spans="3:32" x14ac:dyDescent="0.2">
      <c r="C114" s="70"/>
      <c r="D114" s="70"/>
      <c r="E114" s="70"/>
      <c r="F114" s="70"/>
      <c r="G114" s="70"/>
      <c r="H114" s="70"/>
      <c r="I114" s="70"/>
      <c r="J114" s="70"/>
      <c r="K114" s="70"/>
      <c r="L114" s="70"/>
      <c r="M114" s="70"/>
      <c r="N114" s="70"/>
      <c r="O114" s="70"/>
      <c r="P114" s="70"/>
      <c r="Q114" s="70"/>
      <c r="R114" s="70"/>
      <c r="S114" s="70"/>
      <c r="T114" s="70"/>
      <c r="U114" s="70"/>
      <c r="V114" s="70"/>
      <c r="W114" s="70"/>
      <c r="X114" s="70"/>
      <c r="Y114" s="70"/>
      <c r="Z114" s="70"/>
      <c r="AA114" s="70"/>
      <c r="AB114" s="70"/>
      <c r="AC114" s="70"/>
      <c r="AD114" s="70"/>
      <c r="AE114" s="70"/>
      <c r="AF114" s="70"/>
    </row>
    <row r="115" spans="3:32" x14ac:dyDescent="0.2">
      <c r="C115" s="70"/>
      <c r="D115" s="70"/>
      <c r="E115" s="70"/>
      <c r="F115" s="70"/>
      <c r="G115" s="70"/>
      <c r="H115" s="70"/>
      <c r="I115" s="70"/>
      <c r="J115" s="70"/>
      <c r="K115" s="70"/>
      <c r="L115" s="70"/>
      <c r="M115" s="70"/>
      <c r="N115" s="70"/>
      <c r="O115" s="70"/>
      <c r="P115" s="70"/>
      <c r="Q115" s="70"/>
      <c r="R115" s="70"/>
      <c r="S115" s="70"/>
      <c r="T115" s="70"/>
      <c r="U115" s="70"/>
      <c r="V115" s="70"/>
      <c r="W115" s="70"/>
      <c r="X115" s="70"/>
      <c r="Y115" s="70"/>
      <c r="Z115" s="70"/>
      <c r="AA115" s="70"/>
      <c r="AB115" s="70"/>
      <c r="AC115" s="70"/>
      <c r="AD115" s="70"/>
      <c r="AE115" s="70"/>
      <c r="AF115" s="70"/>
    </row>
    <row r="116" spans="3:32" x14ac:dyDescent="0.2">
      <c r="C116" s="70"/>
      <c r="D116" s="70"/>
      <c r="E116" s="70"/>
      <c r="F116" s="70"/>
      <c r="G116" s="70"/>
      <c r="H116" s="70"/>
      <c r="I116" s="70"/>
      <c r="J116" s="70"/>
      <c r="K116" s="70"/>
      <c r="L116" s="70"/>
      <c r="M116" s="70"/>
      <c r="N116" s="70"/>
      <c r="O116" s="70"/>
      <c r="P116" s="70"/>
      <c r="Q116" s="70"/>
      <c r="R116" s="70"/>
      <c r="S116" s="70"/>
      <c r="T116" s="70"/>
      <c r="U116" s="70"/>
      <c r="V116" s="70"/>
      <c r="W116" s="70"/>
      <c r="X116" s="70"/>
      <c r="Y116" s="70"/>
      <c r="Z116" s="70"/>
      <c r="AA116" s="70"/>
      <c r="AB116" s="70"/>
      <c r="AC116" s="70"/>
      <c r="AD116" s="70"/>
      <c r="AE116" s="70"/>
      <c r="AF116" s="70"/>
    </row>
    <row r="117" spans="3:32" x14ac:dyDescent="0.2">
      <c r="C117" s="70"/>
      <c r="D117" s="70"/>
      <c r="E117" s="70"/>
      <c r="F117" s="70"/>
      <c r="G117" s="70"/>
      <c r="H117" s="70"/>
      <c r="I117" s="70"/>
      <c r="J117" s="70"/>
      <c r="K117" s="70"/>
      <c r="L117" s="70"/>
      <c r="M117" s="70"/>
      <c r="N117" s="70"/>
      <c r="O117" s="70"/>
      <c r="P117" s="70"/>
      <c r="Q117" s="70"/>
      <c r="R117" s="70"/>
      <c r="S117" s="70"/>
      <c r="T117" s="70"/>
      <c r="U117" s="70"/>
      <c r="V117" s="70"/>
      <c r="W117" s="70"/>
      <c r="X117" s="70"/>
      <c r="Y117" s="70"/>
      <c r="Z117" s="70"/>
      <c r="AA117" s="70"/>
      <c r="AB117" s="70"/>
      <c r="AC117" s="70"/>
      <c r="AD117" s="70"/>
      <c r="AE117" s="70"/>
      <c r="AF117" s="70"/>
    </row>
    <row r="118" spans="3:32" x14ac:dyDescent="0.2">
      <c r="C118" s="70"/>
      <c r="D118" s="70"/>
      <c r="E118" s="70"/>
      <c r="F118" s="70"/>
      <c r="G118" s="70"/>
      <c r="H118" s="70"/>
      <c r="I118" s="70"/>
      <c r="J118" s="70"/>
      <c r="K118" s="70"/>
      <c r="L118" s="70"/>
      <c r="M118" s="70"/>
      <c r="N118" s="70"/>
      <c r="O118" s="70"/>
      <c r="P118" s="70"/>
      <c r="Q118" s="70"/>
      <c r="R118" s="70"/>
      <c r="S118" s="70"/>
      <c r="T118" s="70"/>
      <c r="U118" s="70"/>
      <c r="V118" s="70"/>
      <c r="W118" s="70"/>
      <c r="X118" s="70"/>
      <c r="Y118" s="70"/>
      <c r="Z118" s="70"/>
      <c r="AA118" s="70"/>
      <c r="AB118" s="70"/>
      <c r="AC118" s="70"/>
      <c r="AD118" s="70"/>
      <c r="AE118" s="70"/>
      <c r="AF118" s="70"/>
    </row>
    <row r="119" spans="3:32" x14ac:dyDescent="0.2">
      <c r="C119" s="70"/>
      <c r="D119" s="70"/>
      <c r="E119" s="70"/>
      <c r="F119" s="70"/>
      <c r="G119" s="70"/>
      <c r="H119" s="70"/>
      <c r="I119" s="70"/>
      <c r="J119" s="70"/>
      <c r="K119" s="70"/>
      <c r="L119" s="70"/>
      <c r="M119" s="70"/>
      <c r="N119" s="70"/>
      <c r="O119" s="70"/>
      <c r="P119" s="70"/>
      <c r="Q119" s="70"/>
      <c r="R119" s="70"/>
      <c r="S119" s="70"/>
      <c r="T119" s="70"/>
      <c r="U119" s="70"/>
      <c r="V119" s="70"/>
      <c r="W119" s="70"/>
      <c r="X119" s="70"/>
      <c r="Y119" s="70"/>
      <c r="Z119" s="70"/>
      <c r="AA119" s="70"/>
      <c r="AB119" s="70"/>
      <c r="AC119" s="70"/>
      <c r="AD119" s="70"/>
      <c r="AE119" s="70"/>
      <c r="AF119" s="70"/>
    </row>
    <row r="120" spans="3:32" x14ac:dyDescent="0.2">
      <c r="C120" s="70"/>
      <c r="D120" s="70"/>
      <c r="E120" s="70"/>
      <c r="F120" s="70"/>
      <c r="G120" s="70"/>
      <c r="H120" s="70"/>
      <c r="I120" s="70"/>
      <c r="J120" s="70"/>
      <c r="K120" s="70"/>
      <c r="L120" s="70"/>
      <c r="M120" s="70"/>
      <c r="N120" s="70"/>
      <c r="O120" s="70"/>
      <c r="P120" s="70"/>
      <c r="Q120" s="70"/>
      <c r="R120" s="70"/>
      <c r="S120" s="70"/>
      <c r="T120" s="70"/>
      <c r="U120" s="70"/>
      <c r="V120" s="70"/>
      <c r="W120" s="70"/>
      <c r="X120" s="70"/>
      <c r="Y120" s="70"/>
      <c r="Z120" s="70"/>
      <c r="AA120" s="70"/>
      <c r="AB120" s="70"/>
      <c r="AC120" s="70"/>
      <c r="AD120" s="70"/>
      <c r="AE120" s="70"/>
      <c r="AF120" s="70"/>
    </row>
    <row r="121" spans="3:32" x14ac:dyDescent="0.2">
      <c r="C121" s="70"/>
      <c r="D121" s="70"/>
      <c r="E121" s="70"/>
      <c r="F121" s="70"/>
      <c r="G121" s="70"/>
      <c r="H121" s="70"/>
      <c r="I121" s="70"/>
      <c r="J121" s="70"/>
      <c r="K121" s="70"/>
      <c r="L121" s="70"/>
      <c r="M121" s="70"/>
      <c r="N121" s="70"/>
      <c r="O121" s="70"/>
      <c r="P121" s="70"/>
      <c r="Q121" s="70"/>
      <c r="R121" s="70"/>
      <c r="S121" s="70"/>
      <c r="T121" s="70"/>
      <c r="U121" s="70"/>
      <c r="V121" s="70"/>
      <c r="W121" s="70"/>
      <c r="X121" s="70"/>
      <c r="Y121" s="70"/>
      <c r="Z121" s="70"/>
      <c r="AA121" s="70"/>
      <c r="AB121" s="70"/>
      <c r="AC121" s="70"/>
      <c r="AD121" s="70"/>
      <c r="AE121" s="70"/>
      <c r="AF121" s="70"/>
    </row>
    <row r="122" spans="3:32" x14ac:dyDescent="0.2">
      <c r="C122" s="70"/>
      <c r="D122" s="70"/>
      <c r="E122" s="70"/>
      <c r="F122" s="70"/>
      <c r="G122" s="70"/>
      <c r="H122" s="70"/>
      <c r="I122" s="70"/>
      <c r="J122" s="70"/>
      <c r="K122" s="70"/>
      <c r="L122" s="70"/>
      <c r="M122" s="70"/>
      <c r="N122" s="70"/>
      <c r="O122" s="70"/>
      <c r="P122" s="70"/>
      <c r="Q122" s="70"/>
      <c r="R122" s="70"/>
      <c r="S122" s="70"/>
      <c r="T122" s="70"/>
      <c r="U122" s="70"/>
      <c r="V122" s="70"/>
      <c r="W122" s="70"/>
      <c r="X122" s="70"/>
      <c r="Y122" s="70"/>
      <c r="Z122" s="70"/>
      <c r="AA122" s="70"/>
      <c r="AB122" s="70"/>
      <c r="AC122" s="70"/>
      <c r="AD122" s="70"/>
      <c r="AE122" s="70"/>
      <c r="AF122" s="70"/>
    </row>
    <row r="123" spans="3:32" x14ac:dyDescent="0.2">
      <c r="C123" s="70"/>
      <c r="D123" s="70"/>
      <c r="E123" s="70"/>
      <c r="F123" s="70"/>
      <c r="G123" s="70"/>
      <c r="H123" s="70"/>
      <c r="I123" s="70"/>
      <c r="J123" s="70"/>
      <c r="K123" s="70"/>
      <c r="L123" s="70"/>
      <c r="M123" s="70"/>
      <c r="N123" s="70"/>
      <c r="O123" s="70"/>
      <c r="P123" s="70"/>
      <c r="Q123" s="70"/>
      <c r="R123" s="70"/>
      <c r="S123" s="70"/>
      <c r="T123" s="70"/>
      <c r="U123" s="70"/>
      <c r="V123" s="70"/>
      <c r="W123" s="70"/>
      <c r="X123" s="70"/>
      <c r="Y123" s="70"/>
      <c r="Z123" s="70"/>
      <c r="AA123" s="70"/>
      <c r="AB123" s="70"/>
      <c r="AC123" s="70"/>
      <c r="AD123" s="70"/>
      <c r="AE123" s="70"/>
      <c r="AF123" s="70"/>
    </row>
    <row r="124" spans="3:32" x14ac:dyDescent="0.2">
      <c r="C124" s="70"/>
      <c r="D124" s="70"/>
      <c r="E124" s="70"/>
      <c r="F124" s="70"/>
      <c r="G124" s="70"/>
      <c r="H124" s="70"/>
      <c r="I124" s="70"/>
      <c r="J124" s="70"/>
      <c r="K124" s="70"/>
      <c r="L124" s="70"/>
      <c r="M124" s="70"/>
      <c r="N124" s="70"/>
      <c r="O124" s="70"/>
      <c r="P124" s="70"/>
      <c r="Q124" s="70"/>
      <c r="R124" s="70"/>
      <c r="S124" s="70"/>
      <c r="T124" s="70"/>
      <c r="U124" s="70"/>
      <c r="V124" s="70"/>
      <c r="W124" s="70"/>
      <c r="X124" s="70"/>
      <c r="Y124" s="70"/>
      <c r="Z124" s="70"/>
      <c r="AA124" s="70"/>
      <c r="AB124" s="70"/>
      <c r="AC124" s="70"/>
      <c r="AD124" s="70"/>
      <c r="AE124" s="70"/>
      <c r="AF124" s="70"/>
    </row>
    <row r="125" spans="3:32" x14ac:dyDescent="0.2">
      <c r="C125" s="70"/>
      <c r="D125" s="70"/>
      <c r="E125" s="70"/>
      <c r="F125" s="70"/>
      <c r="G125" s="70"/>
      <c r="H125" s="70"/>
      <c r="I125" s="70"/>
      <c r="J125" s="70"/>
      <c r="K125" s="70"/>
      <c r="L125" s="70"/>
      <c r="M125" s="70"/>
      <c r="N125" s="70"/>
      <c r="O125" s="70"/>
      <c r="P125" s="70"/>
      <c r="Q125" s="70"/>
      <c r="R125" s="70"/>
      <c r="S125" s="70"/>
      <c r="T125" s="70"/>
      <c r="U125" s="70"/>
      <c r="V125" s="70"/>
      <c r="W125" s="70"/>
      <c r="X125" s="70"/>
      <c r="Y125" s="70"/>
      <c r="Z125" s="70"/>
      <c r="AA125" s="70"/>
      <c r="AB125" s="70"/>
      <c r="AC125" s="70"/>
      <c r="AD125" s="70"/>
      <c r="AE125" s="70"/>
      <c r="AF125" s="70"/>
    </row>
    <row r="126" spans="3:32" x14ac:dyDescent="0.2">
      <c r="C126" s="70"/>
      <c r="D126" s="70"/>
      <c r="E126" s="70"/>
      <c r="F126" s="70"/>
      <c r="G126" s="70"/>
      <c r="H126" s="70"/>
      <c r="I126" s="70"/>
      <c r="J126" s="70"/>
      <c r="K126" s="70"/>
      <c r="L126" s="70"/>
      <c r="M126" s="70"/>
      <c r="N126" s="70"/>
      <c r="O126" s="70"/>
      <c r="P126" s="70"/>
      <c r="Q126" s="70"/>
      <c r="R126" s="70"/>
      <c r="S126" s="70"/>
      <c r="T126" s="70"/>
      <c r="U126" s="70"/>
      <c r="V126" s="70"/>
      <c r="W126" s="70"/>
      <c r="X126" s="70"/>
      <c r="Y126" s="70"/>
      <c r="Z126" s="70"/>
      <c r="AA126" s="70"/>
      <c r="AB126" s="70"/>
      <c r="AC126" s="70"/>
      <c r="AD126" s="70"/>
      <c r="AE126" s="70"/>
      <c r="AF126" s="70"/>
    </row>
    <row r="127" spans="3:32" x14ac:dyDescent="0.2">
      <c r="C127" s="70"/>
      <c r="D127" s="70"/>
      <c r="E127" s="70"/>
      <c r="F127" s="70"/>
      <c r="G127" s="70"/>
      <c r="H127" s="70"/>
      <c r="I127" s="70"/>
      <c r="J127" s="70"/>
      <c r="K127" s="70"/>
      <c r="L127" s="70"/>
      <c r="M127" s="70"/>
      <c r="N127" s="70"/>
      <c r="O127" s="70"/>
      <c r="P127" s="70"/>
      <c r="Q127" s="70"/>
      <c r="R127" s="70"/>
      <c r="S127" s="70"/>
      <c r="T127" s="70"/>
      <c r="U127" s="70"/>
      <c r="V127" s="70"/>
      <c r="W127" s="70"/>
      <c r="X127" s="70"/>
      <c r="Y127" s="70"/>
      <c r="Z127" s="70"/>
      <c r="AA127" s="70"/>
      <c r="AB127" s="70"/>
      <c r="AC127" s="70"/>
      <c r="AD127" s="70"/>
      <c r="AE127" s="70"/>
      <c r="AF127" s="70"/>
    </row>
    <row r="128" spans="3:32" x14ac:dyDescent="0.2">
      <c r="C128" s="70"/>
      <c r="D128" s="70"/>
      <c r="E128" s="70"/>
      <c r="F128" s="70"/>
      <c r="G128" s="70"/>
      <c r="H128" s="70"/>
      <c r="I128" s="70"/>
      <c r="J128" s="70"/>
      <c r="K128" s="70"/>
      <c r="L128" s="70"/>
      <c r="M128" s="70"/>
      <c r="N128" s="70"/>
      <c r="O128" s="70"/>
      <c r="P128" s="70"/>
      <c r="Q128" s="70"/>
      <c r="R128" s="70"/>
      <c r="S128" s="70"/>
      <c r="T128" s="70"/>
      <c r="U128" s="70"/>
      <c r="V128" s="70"/>
      <c r="W128" s="70"/>
      <c r="X128" s="70"/>
      <c r="Y128" s="70"/>
      <c r="Z128" s="70"/>
      <c r="AA128" s="70"/>
      <c r="AB128" s="70"/>
      <c r="AC128" s="70"/>
      <c r="AD128" s="70"/>
      <c r="AE128" s="70"/>
      <c r="AF128" s="70"/>
    </row>
    <row r="129" spans="3:32" x14ac:dyDescent="0.2">
      <c r="C129" s="70"/>
      <c r="D129" s="70"/>
      <c r="E129" s="70"/>
      <c r="F129" s="70"/>
      <c r="G129" s="70"/>
      <c r="H129" s="70"/>
      <c r="I129" s="70"/>
      <c r="J129" s="70"/>
      <c r="K129" s="70"/>
      <c r="L129" s="70"/>
      <c r="M129" s="70"/>
      <c r="N129" s="70"/>
      <c r="O129" s="70"/>
      <c r="P129" s="70"/>
      <c r="Q129" s="70"/>
      <c r="R129" s="70"/>
      <c r="S129" s="70"/>
      <c r="T129" s="70"/>
      <c r="U129" s="70"/>
      <c r="V129" s="70"/>
      <c r="W129" s="70"/>
      <c r="X129" s="70"/>
      <c r="Y129" s="70"/>
      <c r="Z129" s="70"/>
      <c r="AA129" s="70"/>
      <c r="AB129" s="70"/>
      <c r="AC129" s="70"/>
      <c r="AD129" s="70"/>
      <c r="AE129" s="70"/>
      <c r="AF129" s="70"/>
    </row>
    <row r="130" spans="3:32" x14ac:dyDescent="0.2">
      <c r="C130" s="70"/>
      <c r="D130" s="70"/>
      <c r="E130" s="70"/>
      <c r="F130" s="70"/>
      <c r="G130" s="70"/>
      <c r="H130" s="70"/>
      <c r="I130" s="70"/>
      <c r="J130" s="70"/>
      <c r="K130" s="70"/>
      <c r="L130" s="70"/>
      <c r="M130" s="70"/>
      <c r="N130" s="70"/>
      <c r="O130" s="70"/>
      <c r="P130" s="70"/>
      <c r="Q130" s="70"/>
      <c r="R130" s="70"/>
      <c r="S130" s="70"/>
      <c r="T130" s="70"/>
      <c r="U130" s="70"/>
      <c r="V130" s="70"/>
      <c r="W130" s="70"/>
      <c r="X130" s="70"/>
      <c r="Y130" s="70"/>
      <c r="Z130" s="70"/>
      <c r="AA130" s="70"/>
      <c r="AB130" s="70"/>
      <c r="AC130" s="70"/>
      <c r="AD130" s="70"/>
      <c r="AE130" s="70"/>
      <c r="AF130" s="70"/>
    </row>
    <row r="131" spans="3:32" x14ac:dyDescent="0.2">
      <c r="C131" s="70"/>
      <c r="D131" s="70"/>
      <c r="E131" s="70"/>
      <c r="F131" s="70"/>
      <c r="G131" s="70"/>
      <c r="H131" s="70"/>
      <c r="I131" s="70"/>
      <c r="J131" s="70"/>
      <c r="K131" s="70"/>
      <c r="L131" s="70"/>
      <c r="M131" s="70"/>
      <c r="N131" s="70"/>
      <c r="O131" s="70"/>
      <c r="P131" s="70"/>
      <c r="Q131" s="70"/>
      <c r="R131" s="70"/>
      <c r="S131" s="70"/>
      <c r="T131" s="70"/>
      <c r="U131" s="70"/>
      <c r="V131" s="70"/>
      <c r="W131" s="70"/>
      <c r="X131" s="70"/>
      <c r="Y131" s="70"/>
      <c r="Z131" s="70"/>
      <c r="AA131" s="70"/>
      <c r="AB131" s="70"/>
      <c r="AC131" s="70"/>
      <c r="AD131" s="70"/>
      <c r="AE131" s="70"/>
      <c r="AF131" s="70"/>
    </row>
    <row r="132" spans="3:32" x14ac:dyDescent="0.2">
      <c r="C132" s="70"/>
      <c r="D132" s="70"/>
      <c r="E132" s="70"/>
      <c r="F132" s="70"/>
      <c r="G132" s="70"/>
      <c r="H132" s="70"/>
      <c r="I132" s="70"/>
      <c r="J132" s="70"/>
      <c r="K132" s="70"/>
      <c r="L132" s="70"/>
      <c r="M132" s="70"/>
      <c r="N132" s="70"/>
      <c r="O132" s="70"/>
      <c r="P132" s="70"/>
      <c r="Q132" s="70"/>
      <c r="R132" s="70"/>
      <c r="S132" s="70"/>
      <c r="T132" s="70"/>
      <c r="U132" s="70"/>
      <c r="V132" s="70"/>
      <c r="W132" s="70"/>
      <c r="X132" s="70"/>
      <c r="Y132" s="70"/>
      <c r="Z132" s="70"/>
      <c r="AA132" s="70"/>
      <c r="AB132" s="70"/>
      <c r="AC132" s="70"/>
      <c r="AD132" s="70"/>
      <c r="AE132" s="70"/>
      <c r="AF132" s="70"/>
    </row>
    <row r="133" spans="3:32" x14ac:dyDescent="0.2">
      <c r="C133" s="70"/>
      <c r="D133" s="70"/>
      <c r="E133" s="70"/>
      <c r="F133" s="70"/>
      <c r="G133" s="70"/>
      <c r="H133" s="70"/>
      <c r="I133" s="70"/>
      <c r="J133" s="70"/>
      <c r="K133" s="70"/>
      <c r="L133" s="70"/>
      <c r="M133" s="70"/>
      <c r="N133" s="70"/>
      <c r="O133" s="70"/>
      <c r="P133" s="70"/>
      <c r="Q133" s="70"/>
      <c r="R133" s="70"/>
      <c r="S133" s="70"/>
      <c r="T133" s="70"/>
      <c r="U133" s="70"/>
      <c r="V133" s="70"/>
      <c r="W133" s="70"/>
      <c r="X133" s="70"/>
      <c r="Y133" s="70"/>
      <c r="Z133" s="70"/>
      <c r="AA133" s="70"/>
      <c r="AB133" s="70"/>
      <c r="AC133" s="70"/>
      <c r="AD133" s="70"/>
      <c r="AE133" s="70"/>
      <c r="AF133" s="70"/>
    </row>
    <row r="134" spans="3:32" x14ac:dyDescent="0.2">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70"/>
      <c r="AA134" s="70"/>
      <c r="AB134" s="70"/>
      <c r="AC134" s="70"/>
      <c r="AD134" s="70"/>
      <c r="AE134" s="70"/>
      <c r="AF134" s="70"/>
    </row>
    <row r="135" spans="3:32" x14ac:dyDescent="0.2">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70"/>
      <c r="AB135" s="70"/>
      <c r="AC135" s="70"/>
      <c r="AD135" s="70"/>
      <c r="AE135" s="70"/>
      <c r="AF135" s="70"/>
    </row>
    <row r="136" spans="3:32" x14ac:dyDescent="0.2">
      <c r="C136" s="70"/>
      <c r="D136" s="70"/>
      <c r="E136" s="70"/>
      <c r="F136" s="70"/>
      <c r="G136" s="70"/>
      <c r="H136" s="70"/>
      <c r="I136" s="70"/>
      <c r="J136" s="70"/>
      <c r="K136" s="70"/>
      <c r="L136" s="70"/>
      <c r="M136" s="70"/>
      <c r="N136" s="70"/>
      <c r="O136" s="70"/>
      <c r="P136" s="70"/>
      <c r="Q136" s="70"/>
      <c r="R136" s="70"/>
      <c r="S136" s="70"/>
      <c r="T136" s="70"/>
      <c r="U136" s="70"/>
      <c r="V136" s="70"/>
      <c r="W136" s="70"/>
      <c r="X136" s="70"/>
      <c r="Y136" s="70"/>
      <c r="Z136" s="70"/>
      <c r="AA136" s="70"/>
      <c r="AB136" s="70"/>
      <c r="AC136" s="70"/>
      <c r="AD136" s="70"/>
      <c r="AE136" s="70"/>
      <c r="AF136" s="70"/>
    </row>
    <row r="137" spans="3:32" x14ac:dyDescent="0.2">
      <c r="C137" s="70"/>
      <c r="D137" s="70"/>
      <c r="E137" s="70"/>
      <c r="F137" s="70"/>
      <c r="G137" s="70"/>
      <c r="H137" s="70"/>
      <c r="I137" s="70"/>
      <c r="J137" s="70"/>
      <c r="K137" s="70"/>
      <c r="L137" s="70"/>
      <c r="M137" s="70"/>
      <c r="N137" s="70"/>
      <c r="O137" s="70"/>
      <c r="P137" s="70"/>
      <c r="Q137" s="70"/>
      <c r="R137" s="70"/>
      <c r="S137" s="70"/>
      <c r="T137" s="70"/>
      <c r="U137" s="70"/>
      <c r="V137" s="70"/>
      <c r="W137" s="70"/>
      <c r="X137" s="70"/>
      <c r="Y137" s="70"/>
      <c r="Z137" s="70"/>
      <c r="AA137" s="70"/>
      <c r="AB137" s="70"/>
      <c r="AC137" s="70"/>
      <c r="AD137" s="70"/>
      <c r="AE137" s="70"/>
      <c r="AF137" s="70"/>
    </row>
    <row r="138" spans="3:32" x14ac:dyDescent="0.2">
      <c r="C138" s="70"/>
      <c r="D138" s="70"/>
      <c r="E138" s="70"/>
      <c r="F138" s="70"/>
      <c r="G138" s="70"/>
      <c r="H138" s="70"/>
      <c r="I138" s="70"/>
      <c r="J138" s="70"/>
      <c r="K138" s="70"/>
      <c r="L138" s="70"/>
      <c r="M138" s="70"/>
      <c r="N138" s="70"/>
      <c r="O138" s="70"/>
      <c r="P138" s="70"/>
      <c r="Q138" s="70"/>
      <c r="R138" s="70"/>
      <c r="S138" s="70"/>
      <c r="T138" s="70"/>
      <c r="U138" s="70"/>
      <c r="V138" s="70"/>
      <c r="W138" s="70"/>
      <c r="X138" s="70"/>
      <c r="Y138" s="70"/>
      <c r="Z138" s="70"/>
      <c r="AA138" s="70"/>
      <c r="AB138" s="70"/>
      <c r="AC138" s="70"/>
      <c r="AD138" s="70"/>
      <c r="AE138" s="70"/>
      <c r="AF138" s="70"/>
    </row>
    <row r="139" spans="3:32" x14ac:dyDescent="0.2">
      <c r="C139" s="70"/>
      <c r="D139" s="70"/>
      <c r="E139" s="70"/>
      <c r="F139" s="70"/>
      <c r="G139" s="70"/>
      <c r="H139" s="70"/>
      <c r="I139" s="70"/>
      <c r="J139" s="70"/>
      <c r="K139" s="70"/>
      <c r="L139" s="70"/>
      <c r="M139" s="70"/>
      <c r="N139" s="70"/>
      <c r="O139" s="70"/>
      <c r="P139" s="70"/>
      <c r="Q139" s="70"/>
      <c r="R139" s="70"/>
      <c r="S139" s="70"/>
      <c r="T139" s="70"/>
      <c r="U139" s="70"/>
      <c r="V139" s="70"/>
      <c r="W139" s="70"/>
      <c r="X139" s="70"/>
      <c r="Y139" s="70"/>
      <c r="Z139" s="70"/>
      <c r="AA139" s="70"/>
      <c r="AB139" s="70"/>
      <c r="AC139" s="70"/>
      <c r="AD139" s="70"/>
      <c r="AE139" s="70"/>
      <c r="AF139" s="70"/>
    </row>
    <row r="140" spans="3:32" x14ac:dyDescent="0.2">
      <c r="C140" s="70"/>
      <c r="D140" s="70"/>
      <c r="E140" s="70"/>
      <c r="F140" s="70"/>
      <c r="G140" s="70"/>
      <c r="H140" s="70"/>
      <c r="I140" s="70"/>
      <c r="J140" s="70"/>
      <c r="K140" s="70"/>
      <c r="L140" s="70"/>
      <c r="M140" s="70"/>
      <c r="N140" s="70"/>
      <c r="O140" s="70"/>
      <c r="P140" s="70"/>
      <c r="Q140" s="70"/>
      <c r="R140" s="70"/>
      <c r="S140" s="70"/>
      <c r="T140" s="70"/>
      <c r="U140" s="70"/>
      <c r="V140" s="70"/>
      <c r="W140" s="70"/>
      <c r="X140" s="70"/>
      <c r="Y140" s="70"/>
      <c r="Z140" s="70"/>
      <c r="AA140" s="70"/>
      <c r="AB140" s="70"/>
      <c r="AC140" s="70"/>
      <c r="AD140" s="70"/>
      <c r="AE140" s="70"/>
      <c r="AF140" s="70"/>
    </row>
    <row r="141" spans="3:32" x14ac:dyDescent="0.2">
      <c r="C141" s="70"/>
      <c r="D141" s="70"/>
      <c r="E141" s="70"/>
      <c r="F141" s="70"/>
      <c r="G141" s="70"/>
      <c r="H141" s="70"/>
      <c r="I141" s="70"/>
      <c r="J141" s="70"/>
      <c r="K141" s="70"/>
      <c r="L141" s="70"/>
      <c r="M141" s="70"/>
      <c r="N141" s="70"/>
      <c r="O141" s="70"/>
      <c r="P141" s="70"/>
      <c r="Q141" s="70"/>
      <c r="R141" s="70"/>
      <c r="S141" s="70"/>
      <c r="T141" s="70"/>
      <c r="U141" s="70"/>
      <c r="V141" s="70"/>
      <c r="W141" s="70"/>
      <c r="X141" s="70"/>
      <c r="Y141" s="70"/>
      <c r="Z141" s="70"/>
      <c r="AA141" s="70"/>
      <c r="AB141" s="70"/>
      <c r="AC141" s="70"/>
      <c r="AD141" s="70"/>
      <c r="AE141" s="70"/>
      <c r="AF141" s="70"/>
    </row>
    <row r="142" spans="3:32" x14ac:dyDescent="0.2">
      <c r="C142" s="70"/>
      <c r="D142" s="70"/>
      <c r="E142" s="70"/>
      <c r="F142" s="70"/>
      <c r="G142" s="70"/>
      <c r="H142" s="70"/>
      <c r="I142" s="70"/>
      <c r="J142" s="70"/>
      <c r="K142" s="70"/>
      <c r="L142" s="70"/>
      <c r="M142" s="70"/>
      <c r="N142" s="70"/>
      <c r="O142" s="70"/>
      <c r="P142" s="70"/>
      <c r="Q142" s="70"/>
      <c r="R142" s="70"/>
      <c r="S142" s="70"/>
      <c r="T142" s="70"/>
      <c r="U142" s="70"/>
      <c r="V142" s="70"/>
      <c r="W142" s="70"/>
      <c r="X142" s="70"/>
      <c r="Y142" s="70"/>
      <c r="Z142" s="70"/>
      <c r="AA142" s="70"/>
      <c r="AB142" s="70"/>
      <c r="AC142" s="70"/>
      <c r="AD142" s="70"/>
      <c r="AE142" s="70"/>
      <c r="AF142" s="70"/>
    </row>
    <row r="143" spans="3:32" x14ac:dyDescent="0.2">
      <c r="C143" s="70"/>
      <c r="D143" s="70"/>
      <c r="E143" s="70"/>
      <c r="F143" s="70"/>
      <c r="G143" s="70"/>
      <c r="H143" s="70"/>
      <c r="I143" s="70"/>
      <c r="J143" s="70"/>
      <c r="K143" s="70"/>
      <c r="L143" s="70"/>
      <c r="M143" s="70"/>
      <c r="N143" s="70"/>
      <c r="O143" s="70"/>
      <c r="P143" s="70"/>
      <c r="Q143" s="70"/>
      <c r="R143" s="70"/>
      <c r="S143" s="70"/>
      <c r="T143" s="70"/>
      <c r="U143" s="70"/>
      <c r="V143" s="70"/>
      <c r="W143" s="70"/>
      <c r="X143" s="70"/>
      <c r="Y143" s="70"/>
      <c r="Z143" s="70"/>
      <c r="AA143" s="70"/>
      <c r="AB143" s="70"/>
      <c r="AC143" s="70"/>
      <c r="AD143" s="70"/>
      <c r="AE143" s="70"/>
      <c r="AF143" s="70"/>
    </row>
    <row r="144" spans="3:32" x14ac:dyDescent="0.2">
      <c r="C144" s="70"/>
      <c r="D144" s="70"/>
      <c r="E144" s="70"/>
      <c r="F144" s="70"/>
      <c r="G144" s="70"/>
      <c r="H144" s="70"/>
      <c r="I144" s="70"/>
      <c r="J144" s="70"/>
      <c r="K144" s="70"/>
      <c r="L144" s="70"/>
      <c r="M144" s="70"/>
      <c r="N144" s="70"/>
      <c r="O144" s="70"/>
      <c r="P144" s="70"/>
      <c r="Q144" s="70"/>
      <c r="R144" s="70"/>
      <c r="S144" s="70"/>
      <c r="T144" s="70"/>
      <c r="U144" s="70"/>
      <c r="V144" s="70"/>
      <c r="W144" s="70"/>
      <c r="X144" s="70"/>
      <c r="Y144" s="70"/>
      <c r="Z144" s="70"/>
      <c r="AA144" s="70"/>
      <c r="AB144" s="70"/>
      <c r="AC144" s="70"/>
      <c r="AD144" s="70"/>
      <c r="AE144" s="70"/>
      <c r="AF144" s="70"/>
    </row>
    <row r="145" spans="3:32" x14ac:dyDescent="0.2">
      <c r="C145" s="70"/>
      <c r="D145" s="70"/>
      <c r="E145" s="70"/>
      <c r="F145" s="70"/>
      <c r="G145" s="70"/>
      <c r="H145" s="70"/>
      <c r="I145" s="70"/>
      <c r="J145" s="70"/>
      <c r="K145" s="70"/>
      <c r="L145" s="70"/>
      <c r="M145" s="70"/>
      <c r="N145" s="70"/>
      <c r="O145" s="70"/>
      <c r="P145" s="70"/>
      <c r="Q145" s="70"/>
      <c r="R145" s="70"/>
      <c r="S145" s="70"/>
      <c r="T145" s="70"/>
      <c r="U145" s="70"/>
      <c r="V145" s="70"/>
      <c r="W145" s="70"/>
      <c r="X145" s="70"/>
      <c r="Y145" s="70"/>
      <c r="Z145" s="70"/>
      <c r="AA145" s="70"/>
      <c r="AB145" s="70"/>
      <c r="AC145" s="70"/>
      <c r="AD145" s="70"/>
      <c r="AE145" s="70"/>
      <c r="AF145" s="70"/>
    </row>
    <row r="146" spans="3:32" x14ac:dyDescent="0.2">
      <c r="C146" s="70"/>
      <c r="D146" s="70"/>
      <c r="E146" s="70"/>
      <c r="F146" s="70"/>
      <c r="G146" s="70"/>
      <c r="H146" s="70"/>
      <c r="I146" s="70"/>
      <c r="J146" s="70"/>
      <c r="K146" s="70"/>
      <c r="L146" s="70"/>
      <c r="M146" s="70"/>
      <c r="N146" s="70"/>
      <c r="O146" s="70"/>
      <c r="P146" s="70"/>
      <c r="Q146" s="70"/>
      <c r="R146" s="70"/>
      <c r="S146" s="70"/>
      <c r="T146" s="70"/>
      <c r="U146" s="70"/>
      <c r="V146" s="70"/>
      <c r="W146" s="70"/>
      <c r="X146" s="70"/>
      <c r="Y146" s="70"/>
      <c r="Z146" s="70"/>
      <c r="AA146" s="70"/>
      <c r="AB146" s="70"/>
      <c r="AC146" s="70"/>
      <c r="AD146" s="70"/>
      <c r="AE146" s="70"/>
      <c r="AF146" s="70"/>
    </row>
    <row r="147" spans="3:32" x14ac:dyDescent="0.2">
      <c r="C147" s="70"/>
      <c r="D147" s="70"/>
      <c r="E147" s="70"/>
      <c r="F147" s="70"/>
      <c r="G147" s="70"/>
      <c r="H147" s="70"/>
      <c r="I147" s="70"/>
      <c r="J147" s="70"/>
      <c r="K147" s="70"/>
      <c r="L147" s="70"/>
      <c r="M147" s="70"/>
      <c r="N147" s="70"/>
      <c r="O147" s="70"/>
      <c r="P147" s="70"/>
      <c r="Q147" s="70"/>
      <c r="R147" s="70"/>
      <c r="S147" s="70"/>
      <c r="T147" s="70"/>
      <c r="U147" s="70"/>
      <c r="V147" s="70"/>
      <c r="W147" s="70"/>
      <c r="X147" s="70"/>
      <c r="Y147" s="70"/>
      <c r="Z147" s="70"/>
      <c r="AA147" s="70"/>
      <c r="AB147" s="70"/>
      <c r="AC147" s="70"/>
      <c r="AD147" s="70"/>
      <c r="AE147" s="70"/>
      <c r="AF147" s="70"/>
    </row>
    <row r="148" spans="3:32" x14ac:dyDescent="0.2">
      <c r="C148" s="70"/>
      <c r="D148" s="70"/>
      <c r="E148" s="70"/>
      <c r="F148" s="70"/>
      <c r="G148" s="70"/>
      <c r="H148" s="70"/>
      <c r="I148" s="70"/>
      <c r="J148" s="70"/>
      <c r="K148" s="70"/>
      <c r="L148" s="70"/>
      <c r="M148" s="70"/>
      <c r="N148" s="70"/>
      <c r="O148" s="70"/>
      <c r="P148" s="70"/>
      <c r="Q148" s="70"/>
      <c r="R148" s="70"/>
      <c r="S148" s="70"/>
      <c r="T148" s="70"/>
      <c r="U148" s="70"/>
      <c r="V148" s="70"/>
      <c r="W148" s="70"/>
      <c r="X148" s="70"/>
      <c r="Y148" s="70"/>
      <c r="Z148" s="70"/>
      <c r="AA148" s="70"/>
      <c r="AB148" s="70"/>
      <c r="AC148" s="70"/>
      <c r="AD148" s="70"/>
      <c r="AE148" s="70"/>
      <c r="AF148" s="70"/>
    </row>
    <row r="149" spans="3:32" x14ac:dyDescent="0.2">
      <c r="C149" s="70"/>
      <c r="D149" s="70"/>
      <c r="E149" s="70"/>
      <c r="F149" s="70"/>
      <c r="G149" s="70"/>
      <c r="H149" s="70"/>
      <c r="I149" s="70"/>
      <c r="J149" s="70"/>
      <c r="K149" s="70"/>
      <c r="L149" s="70"/>
      <c r="M149" s="70"/>
      <c r="N149" s="70"/>
      <c r="O149" s="70"/>
      <c r="P149" s="70"/>
      <c r="Q149" s="70"/>
      <c r="R149" s="70"/>
      <c r="S149" s="70"/>
      <c r="T149" s="70"/>
      <c r="U149" s="70"/>
      <c r="V149" s="70"/>
      <c r="W149" s="70"/>
      <c r="X149" s="70"/>
      <c r="Y149" s="70"/>
      <c r="Z149" s="70"/>
      <c r="AA149" s="70"/>
      <c r="AB149" s="70"/>
      <c r="AC149" s="70"/>
      <c r="AD149" s="70"/>
      <c r="AE149" s="70"/>
      <c r="AF149" s="70"/>
    </row>
    <row r="150" spans="3:32" x14ac:dyDescent="0.2">
      <c r="C150" s="70"/>
      <c r="D150" s="70"/>
      <c r="E150" s="70"/>
      <c r="F150" s="70"/>
      <c r="G150" s="70"/>
      <c r="H150" s="70"/>
      <c r="I150" s="70"/>
      <c r="J150" s="70"/>
      <c r="K150" s="70"/>
      <c r="L150" s="70"/>
      <c r="M150" s="70"/>
      <c r="N150" s="70"/>
      <c r="O150" s="70"/>
      <c r="P150" s="70"/>
      <c r="Q150" s="70"/>
      <c r="R150" s="70"/>
      <c r="S150" s="70"/>
      <c r="T150" s="70"/>
      <c r="U150" s="70"/>
      <c r="V150" s="70"/>
      <c r="W150" s="70"/>
      <c r="X150" s="70"/>
      <c r="Y150" s="70"/>
      <c r="Z150" s="70"/>
      <c r="AA150" s="70"/>
      <c r="AB150" s="70"/>
      <c r="AC150" s="70"/>
      <c r="AD150" s="70"/>
      <c r="AE150" s="70"/>
      <c r="AF150" s="70"/>
    </row>
    <row r="151" spans="3:32" x14ac:dyDescent="0.2">
      <c r="C151" s="70"/>
      <c r="D151" s="70"/>
      <c r="E151" s="70"/>
      <c r="F151" s="70"/>
      <c r="G151" s="70"/>
      <c r="H151" s="70"/>
      <c r="I151" s="70"/>
      <c r="J151" s="70"/>
      <c r="K151" s="70"/>
      <c r="L151" s="70"/>
      <c r="M151" s="70"/>
      <c r="N151" s="70"/>
      <c r="O151" s="70"/>
      <c r="P151" s="70"/>
      <c r="Q151" s="70"/>
      <c r="R151" s="70"/>
      <c r="S151" s="70"/>
      <c r="T151" s="70"/>
      <c r="U151" s="70"/>
      <c r="V151" s="70"/>
      <c r="W151" s="70"/>
      <c r="X151" s="70"/>
      <c r="Y151" s="70"/>
      <c r="Z151" s="70"/>
      <c r="AA151" s="70"/>
      <c r="AB151" s="70"/>
      <c r="AC151" s="70"/>
      <c r="AD151" s="70"/>
      <c r="AE151" s="70"/>
      <c r="AF151" s="70"/>
    </row>
    <row r="152" spans="3:32" x14ac:dyDescent="0.2">
      <c r="C152" s="70"/>
      <c r="D152" s="70"/>
      <c r="E152" s="70"/>
      <c r="F152" s="70"/>
      <c r="G152" s="70"/>
      <c r="H152" s="70"/>
      <c r="I152" s="70"/>
      <c r="J152" s="70"/>
      <c r="K152" s="70"/>
      <c r="L152" s="70"/>
      <c r="M152" s="70"/>
      <c r="N152" s="70"/>
      <c r="O152" s="70"/>
      <c r="P152" s="70"/>
      <c r="Q152" s="70"/>
      <c r="R152" s="70"/>
      <c r="S152" s="70"/>
      <c r="T152" s="70"/>
      <c r="U152" s="70"/>
      <c r="V152" s="70"/>
      <c r="W152" s="70"/>
      <c r="X152" s="70"/>
      <c r="Y152" s="70"/>
      <c r="Z152" s="70"/>
      <c r="AA152" s="70"/>
      <c r="AB152" s="70"/>
      <c r="AC152" s="70"/>
      <c r="AD152" s="70"/>
      <c r="AE152" s="70"/>
      <c r="AF152" s="70"/>
    </row>
    <row r="153" spans="3:32" x14ac:dyDescent="0.2">
      <c r="C153" s="70"/>
      <c r="D153" s="70"/>
      <c r="E153" s="70"/>
      <c r="F153" s="70"/>
      <c r="G153" s="70"/>
      <c r="H153" s="70"/>
      <c r="I153" s="70"/>
      <c r="J153" s="70"/>
      <c r="K153" s="70"/>
      <c r="L153" s="70"/>
      <c r="M153" s="70"/>
      <c r="N153" s="70"/>
      <c r="O153" s="70"/>
      <c r="P153" s="70"/>
      <c r="Q153" s="70"/>
      <c r="R153" s="70"/>
      <c r="S153" s="70"/>
      <c r="T153" s="70"/>
      <c r="U153" s="70"/>
      <c r="V153" s="70"/>
      <c r="W153" s="70"/>
      <c r="X153" s="70"/>
      <c r="Y153" s="70"/>
      <c r="Z153" s="70"/>
      <c r="AA153" s="70"/>
      <c r="AB153" s="70"/>
      <c r="AC153" s="70"/>
      <c r="AD153" s="70"/>
      <c r="AE153" s="70"/>
      <c r="AF153" s="70"/>
    </row>
    <row r="154" spans="3:32" x14ac:dyDescent="0.2">
      <c r="C154" s="70"/>
      <c r="D154" s="70"/>
      <c r="E154" s="70"/>
      <c r="F154" s="70"/>
      <c r="G154" s="70"/>
      <c r="H154" s="70"/>
      <c r="I154" s="70"/>
      <c r="J154" s="70"/>
      <c r="K154" s="70"/>
      <c r="L154" s="70"/>
      <c r="M154" s="70"/>
      <c r="N154" s="70"/>
      <c r="O154" s="70"/>
      <c r="P154" s="70"/>
      <c r="Q154" s="70"/>
      <c r="R154" s="70"/>
      <c r="S154" s="70"/>
      <c r="T154" s="70"/>
      <c r="U154" s="70"/>
      <c r="V154" s="70"/>
      <c r="W154" s="70"/>
      <c r="X154" s="70"/>
      <c r="Y154" s="70"/>
      <c r="Z154" s="70"/>
      <c r="AA154" s="70"/>
      <c r="AB154" s="70"/>
      <c r="AC154" s="70"/>
      <c r="AD154" s="70"/>
      <c r="AE154" s="70"/>
      <c r="AF154" s="70"/>
    </row>
    <row r="155" spans="3:32" x14ac:dyDescent="0.2">
      <c r="C155" s="70"/>
      <c r="D155" s="70"/>
      <c r="E155" s="70"/>
      <c r="F155" s="70"/>
      <c r="G155" s="70"/>
      <c r="H155" s="70"/>
      <c r="I155" s="70"/>
      <c r="J155" s="70"/>
      <c r="K155" s="70"/>
      <c r="L155" s="70"/>
      <c r="M155" s="70"/>
      <c r="N155" s="70"/>
      <c r="O155" s="70"/>
      <c r="P155" s="70"/>
      <c r="Q155" s="70"/>
      <c r="R155" s="70"/>
      <c r="S155" s="70"/>
      <c r="T155" s="70"/>
      <c r="U155" s="70"/>
      <c r="V155" s="70"/>
      <c r="W155" s="70"/>
      <c r="X155" s="70"/>
      <c r="Y155" s="70"/>
      <c r="Z155" s="70"/>
      <c r="AA155" s="70"/>
      <c r="AB155" s="70"/>
      <c r="AC155" s="70"/>
      <c r="AD155" s="70"/>
      <c r="AE155" s="70"/>
      <c r="AF155" s="70"/>
    </row>
    <row r="156" spans="3:32" x14ac:dyDescent="0.2">
      <c r="C156" s="70"/>
      <c r="D156" s="70"/>
      <c r="E156" s="70"/>
      <c r="F156" s="70"/>
      <c r="G156" s="70"/>
      <c r="H156" s="70"/>
      <c r="I156" s="70"/>
      <c r="J156" s="70"/>
      <c r="K156" s="70"/>
      <c r="L156" s="70"/>
      <c r="M156" s="70"/>
      <c r="N156" s="70"/>
      <c r="O156" s="70"/>
      <c r="P156" s="70"/>
      <c r="Q156" s="70"/>
      <c r="R156" s="70"/>
      <c r="S156" s="70"/>
      <c r="T156" s="70"/>
      <c r="U156" s="70"/>
      <c r="V156" s="70"/>
      <c r="W156" s="70"/>
      <c r="X156" s="70"/>
      <c r="Y156" s="70"/>
      <c r="Z156" s="70"/>
      <c r="AA156" s="70"/>
      <c r="AB156" s="70"/>
      <c r="AC156" s="70"/>
      <c r="AD156" s="70"/>
      <c r="AE156" s="70"/>
      <c r="AF156" s="70"/>
    </row>
    <row r="157" spans="3:32" x14ac:dyDescent="0.2">
      <c r="C157" s="70"/>
      <c r="D157" s="70"/>
      <c r="E157" s="70"/>
      <c r="F157" s="70"/>
      <c r="G157" s="70"/>
      <c r="H157" s="70"/>
      <c r="I157" s="70"/>
      <c r="J157" s="70"/>
      <c r="K157" s="70"/>
      <c r="L157" s="70"/>
      <c r="M157" s="70"/>
      <c r="N157" s="70"/>
      <c r="O157" s="70"/>
      <c r="P157" s="70"/>
      <c r="Q157" s="70"/>
      <c r="R157" s="70"/>
      <c r="S157" s="70"/>
      <c r="T157" s="70"/>
      <c r="U157" s="70"/>
      <c r="V157" s="70"/>
      <c r="W157" s="70"/>
      <c r="X157" s="70"/>
      <c r="Y157" s="70"/>
      <c r="Z157" s="70"/>
      <c r="AA157" s="70"/>
      <c r="AB157" s="70"/>
      <c r="AC157" s="70"/>
      <c r="AD157" s="70"/>
      <c r="AE157" s="70"/>
      <c r="AF157" s="70"/>
    </row>
    <row r="158" spans="3:32" x14ac:dyDescent="0.2">
      <c r="C158" s="70"/>
      <c r="D158" s="70"/>
      <c r="E158" s="70"/>
      <c r="F158" s="70"/>
      <c r="G158" s="70"/>
      <c r="H158" s="70"/>
      <c r="I158" s="70"/>
      <c r="J158" s="70"/>
      <c r="K158" s="70"/>
      <c r="L158" s="70"/>
      <c r="M158" s="70"/>
      <c r="N158" s="70"/>
      <c r="O158" s="70"/>
      <c r="P158" s="70"/>
      <c r="Q158" s="70"/>
      <c r="R158" s="70"/>
      <c r="S158" s="70"/>
      <c r="T158" s="70"/>
      <c r="U158" s="70"/>
      <c r="V158" s="70"/>
      <c r="W158" s="70"/>
      <c r="X158" s="70"/>
      <c r="Y158" s="70"/>
      <c r="Z158" s="70"/>
      <c r="AA158" s="70"/>
      <c r="AB158" s="70"/>
      <c r="AC158" s="70"/>
      <c r="AD158" s="70"/>
      <c r="AE158" s="70"/>
      <c r="AF158" s="70"/>
    </row>
    <row r="159" spans="3:32" x14ac:dyDescent="0.2">
      <c r="C159" s="70"/>
      <c r="D159" s="70"/>
      <c r="E159" s="70"/>
      <c r="F159" s="70"/>
      <c r="G159" s="70"/>
      <c r="H159" s="70"/>
      <c r="I159" s="70"/>
      <c r="J159" s="70"/>
      <c r="K159" s="70"/>
      <c r="L159" s="70"/>
      <c r="M159" s="70"/>
      <c r="N159" s="70"/>
      <c r="O159" s="70"/>
      <c r="P159" s="70"/>
      <c r="Q159" s="70"/>
      <c r="R159" s="70"/>
      <c r="S159" s="70"/>
      <c r="T159" s="70"/>
      <c r="U159" s="70"/>
      <c r="V159" s="70"/>
      <c r="W159" s="70"/>
      <c r="X159" s="70"/>
      <c r="Y159" s="70"/>
      <c r="Z159" s="70"/>
      <c r="AA159" s="70"/>
      <c r="AB159" s="70"/>
      <c r="AC159" s="70"/>
      <c r="AD159" s="70"/>
      <c r="AE159" s="70"/>
      <c r="AF159" s="70"/>
    </row>
    <row r="160" spans="3:32" x14ac:dyDescent="0.2">
      <c r="C160" s="70"/>
      <c r="D160" s="70"/>
      <c r="E160" s="70"/>
      <c r="F160" s="70"/>
      <c r="G160" s="70"/>
      <c r="H160" s="70"/>
      <c r="I160" s="70"/>
      <c r="J160" s="70"/>
      <c r="K160" s="70"/>
      <c r="L160" s="70"/>
      <c r="M160" s="70"/>
      <c r="N160" s="70"/>
      <c r="O160" s="70"/>
      <c r="P160" s="70"/>
      <c r="Q160" s="70"/>
      <c r="R160" s="70"/>
      <c r="S160" s="70"/>
      <c r="T160" s="70"/>
      <c r="U160" s="70"/>
      <c r="V160" s="70"/>
      <c r="W160" s="70"/>
      <c r="X160" s="70"/>
      <c r="Y160" s="70"/>
      <c r="Z160" s="70"/>
      <c r="AA160" s="70"/>
      <c r="AB160" s="70"/>
      <c r="AC160" s="70"/>
      <c r="AD160" s="70"/>
      <c r="AE160" s="70"/>
      <c r="AF160" s="70"/>
    </row>
    <row r="161" spans="3:32" x14ac:dyDescent="0.2">
      <c r="C161" s="70"/>
      <c r="D161" s="70"/>
      <c r="E161" s="70"/>
      <c r="F161" s="70"/>
      <c r="G161" s="70"/>
      <c r="H161" s="70"/>
      <c r="I161" s="70"/>
      <c r="J161" s="70"/>
      <c r="K161" s="70"/>
      <c r="L161" s="70"/>
      <c r="M161" s="70"/>
      <c r="N161" s="70"/>
      <c r="O161" s="70"/>
      <c r="P161" s="70"/>
      <c r="Q161" s="70"/>
      <c r="R161" s="70"/>
      <c r="S161" s="70"/>
      <c r="T161" s="70"/>
      <c r="U161" s="70"/>
      <c r="V161" s="70"/>
      <c r="W161" s="70"/>
      <c r="X161" s="70"/>
      <c r="Y161" s="70"/>
      <c r="Z161" s="70"/>
      <c r="AA161" s="70"/>
      <c r="AB161" s="70"/>
      <c r="AC161" s="70"/>
      <c r="AD161" s="70"/>
      <c r="AE161" s="70"/>
      <c r="AF161" s="70"/>
    </row>
    <row r="162" spans="3:32" x14ac:dyDescent="0.2">
      <c r="C162" s="70"/>
      <c r="D162" s="70"/>
      <c r="E162" s="70"/>
      <c r="F162" s="70"/>
      <c r="G162" s="70"/>
      <c r="H162" s="70"/>
      <c r="I162" s="70"/>
      <c r="J162" s="70"/>
      <c r="K162" s="70"/>
      <c r="L162" s="70"/>
      <c r="M162" s="70"/>
      <c r="N162" s="70"/>
      <c r="O162" s="70"/>
      <c r="P162" s="70"/>
      <c r="Q162" s="70"/>
      <c r="R162" s="70"/>
      <c r="S162" s="70"/>
      <c r="T162" s="70"/>
      <c r="U162" s="70"/>
      <c r="V162" s="70"/>
      <c r="W162" s="70"/>
      <c r="X162" s="70"/>
      <c r="Y162" s="70"/>
      <c r="Z162" s="70"/>
      <c r="AA162" s="70"/>
      <c r="AB162" s="70"/>
      <c r="AC162" s="70"/>
      <c r="AD162" s="70"/>
      <c r="AE162" s="70"/>
      <c r="AF162" s="70"/>
    </row>
    <row r="163" spans="3:32" x14ac:dyDescent="0.2">
      <c r="C163" s="70"/>
      <c r="D163" s="70"/>
      <c r="E163" s="70"/>
      <c r="F163" s="70"/>
      <c r="G163" s="70"/>
      <c r="H163" s="70"/>
      <c r="I163" s="70"/>
      <c r="J163" s="70"/>
      <c r="K163" s="70"/>
      <c r="L163" s="70"/>
      <c r="M163" s="70"/>
      <c r="N163" s="70"/>
      <c r="O163" s="70"/>
      <c r="P163" s="70"/>
      <c r="Q163" s="70"/>
      <c r="R163" s="70"/>
      <c r="S163" s="70"/>
      <c r="T163" s="70"/>
      <c r="U163" s="70"/>
      <c r="V163" s="70"/>
      <c r="W163" s="70"/>
      <c r="X163" s="70"/>
      <c r="Y163" s="70"/>
      <c r="Z163" s="70"/>
      <c r="AA163" s="70"/>
      <c r="AB163" s="70"/>
      <c r="AC163" s="70"/>
      <c r="AD163" s="70"/>
      <c r="AE163" s="70"/>
      <c r="AF163" s="70"/>
    </row>
    <row r="164" spans="3:32" x14ac:dyDescent="0.2">
      <c r="C164" s="70"/>
      <c r="D164" s="70"/>
      <c r="E164" s="70"/>
      <c r="F164" s="70"/>
      <c r="G164" s="70"/>
      <c r="H164" s="70"/>
      <c r="I164" s="70"/>
      <c r="J164" s="70"/>
      <c r="K164" s="70"/>
      <c r="L164" s="70"/>
      <c r="M164" s="70"/>
      <c r="N164" s="70"/>
      <c r="O164" s="70"/>
      <c r="P164" s="70"/>
      <c r="Q164" s="70"/>
      <c r="R164" s="70"/>
      <c r="S164" s="70"/>
      <c r="T164" s="70"/>
      <c r="U164" s="70"/>
      <c r="V164" s="70"/>
      <c r="W164" s="70"/>
      <c r="X164" s="70"/>
      <c r="Y164" s="70"/>
      <c r="Z164" s="70"/>
      <c r="AA164" s="70"/>
      <c r="AB164" s="70"/>
      <c r="AC164" s="70"/>
      <c r="AD164" s="70"/>
      <c r="AE164" s="70"/>
      <c r="AF164" s="70"/>
    </row>
    <row r="165" spans="3:32" x14ac:dyDescent="0.2">
      <c r="C165" s="70"/>
      <c r="D165" s="70"/>
      <c r="E165" s="70"/>
      <c r="F165" s="70"/>
      <c r="G165" s="70"/>
      <c r="H165" s="70"/>
      <c r="I165" s="70"/>
      <c r="J165" s="70"/>
      <c r="K165" s="70"/>
      <c r="L165" s="70"/>
      <c r="M165" s="70"/>
      <c r="N165" s="70"/>
      <c r="O165" s="70"/>
      <c r="P165" s="70"/>
      <c r="Q165" s="70"/>
      <c r="R165" s="70"/>
      <c r="S165" s="70"/>
      <c r="T165" s="70"/>
      <c r="U165" s="70"/>
      <c r="V165" s="70"/>
      <c r="W165" s="70"/>
      <c r="X165" s="70"/>
      <c r="Y165" s="70"/>
      <c r="Z165" s="70"/>
      <c r="AA165" s="70"/>
      <c r="AB165" s="70"/>
      <c r="AC165" s="70"/>
      <c r="AD165" s="70"/>
      <c r="AE165" s="70"/>
      <c r="AF165" s="70"/>
    </row>
    <row r="166" spans="3:32" x14ac:dyDescent="0.2">
      <c r="C166" s="70"/>
      <c r="D166" s="70"/>
      <c r="E166" s="70"/>
      <c r="F166" s="70"/>
      <c r="G166" s="70"/>
      <c r="H166" s="70"/>
      <c r="I166" s="70"/>
      <c r="J166" s="70"/>
      <c r="K166" s="70"/>
      <c r="L166" s="70"/>
      <c r="M166" s="70"/>
      <c r="N166" s="70"/>
      <c r="O166" s="70"/>
      <c r="P166" s="70"/>
      <c r="Q166" s="70"/>
      <c r="R166" s="70"/>
      <c r="S166" s="70"/>
      <c r="T166" s="70"/>
      <c r="U166" s="70"/>
      <c r="V166" s="70"/>
      <c r="W166" s="70"/>
      <c r="X166" s="70"/>
      <c r="Y166" s="70"/>
      <c r="Z166" s="70"/>
      <c r="AA166" s="70"/>
      <c r="AB166" s="70"/>
      <c r="AC166" s="70"/>
      <c r="AD166" s="70"/>
      <c r="AE166" s="70"/>
      <c r="AF166" s="70"/>
    </row>
    <row r="167" spans="3:32" x14ac:dyDescent="0.2">
      <c r="C167" s="70"/>
      <c r="D167" s="70"/>
      <c r="E167" s="70"/>
      <c r="F167" s="70"/>
      <c r="G167" s="70"/>
      <c r="H167" s="70"/>
      <c r="I167" s="70"/>
      <c r="J167" s="70"/>
      <c r="K167" s="70"/>
      <c r="L167" s="70"/>
      <c r="M167" s="70"/>
      <c r="N167" s="70"/>
      <c r="O167" s="70"/>
      <c r="P167" s="70"/>
      <c r="Q167" s="70"/>
      <c r="R167" s="70"/>
      <c r="S167" s="70"/>
      <c r="T167" s="70"/>
      <c r="U167" s="70"/>
      <c r="V167" s="70"/>
      <c r="W167" s="70"/>
      <c r="X167" s="70"/>
      <c r="Y167" s="70"/>
      <c r="Z167" s="70"/>
      <c r="AA167" s="70"/>
      <c r="AB167" s="70"/>
      <c r="AC167" s="70"/>
      <c r="AD167" s="70"/>
      <c r="AE167" s="70"/>
      <c r="AF167" s="70"/>
    </row>
    <row r="168" spans="3:32" x14ac:dyDescent="0.2">
      <c r="C168" s="70"/>
      <c r="D168" s="70"/>
      <c r="E168" s="70"/>
      <c r="F168" s="70"/>
      <c r="G168" s="70"/>
      <c r="H168" s="70"/>
      <c r="I168" s="70"/>
      <c r="J168" s="70"/>
      <c r="K168" s="70"/>
      <c r="L168" s="70"/>
      <c r="M168" s="70"/>
      <c r="N168" s="70"/>
      <c r="O168" s="70"/>
      <c r="P168" s="70"/>
      <c r="Q168" s="70"/>
      <c r="R168" s="70"/>
      <c r="S168" s="70"/>
      <c r="T168" s="70"/>
      <c r="U168" s="70"/>
      <c r="V168" s="70"/>
      <c r="W168" s="70"/>
      <c r="X168" s="70"/>
      <c r="Y168" s="70"/>
      <c r="Z168" s="70"/>
      <c r="AA168" s="70"/>
      <c r="AB168" s="70"/>
      <c r="AC168" s="70"/>
      <c r="AD168" s="70"/>
      <c r="AE168" s="70"/>
      <c r="AF168" s="70"/>
    </row>
    <row r="169" spans="3:32" x14ac:dyDescent="0.2">
      <c r="C169" s="70"/>
      <c r="D169" s="70"/>
      <c r="E169" s="70"/>
      <c r="F169" s="70"/>
      <c r="G169" s="70"/>
      <c r="H169" s="70"/>
      <c r="I169" s="70"/>
      <c r="J169" s="70"/>
      <c r="K169" s="70"/>
      <c r="L169" s="70"/>
      <c r="M169" s="70"/>
      <c r="N169" s="70"/>
      <c r="O169" s="70"/>
      <c r="P169" s="70"/>
      <c r="Q169" s="70"/>
      <c r="R169" s="70"/>
      <c r="S169" s="70"/>
      <c r="T169" s="70"/>
      <c r="U169" s="70"/>
      <c r="V169" s="70"/>
      <c r="W169" s="70"/>
      <c r="X169" s="70"/>
      <c r="Y169" s="70"/>
      <c r="Z169" s="70"/>
      <c r="AA169" s="70"/>
      <c r="AB169" s="70"/>
      <c r="AC169" s="70"/>
      <c r="AD169" s="70"/>
      <c r="AE169" s="70"/>
      <c r="AF169" s="70"/>
    </row>
    <row r="170" spans="3:32" x14ac:dyDescent="0.2">
      <c r="C170" s="70"/>
      <c r="D170" s="70"/>
      <c r="E170" s="70"/>
      <c r="F170" s="70"/>
      <c r="G170" s="70"/>
      <c r="H170" s="70"/>
      <c r="I170" s="70"/>
      <c r="J170" s="70"/>
      <c r="K170" s="70"/>
      <c r="L170" s="70"/>
      <c r="M170" s="70"/>
      <c r="N170" s="70"/>
      <c r="O170" s="70"/>
      <c r="P170" s="70"/>
      <c r="Q170" s="70"/>
      <c r="R170" s="70"/>
      <c r="S170" s="70"/>
      <c r="T170" s="70"/>
      <c r="U170" s="70"/>
      <c r="V170" s="70"/>
      <c r="W170" s="70"/>
      <c r="X170" s="70"/>
      <c r="Y170" s="70"/>
      <c r="Z170" s="70"/>
      <c r="AA170" s="70"/>
      <c r="AB170" s="70"/>
      <c r="AC170" s="70"/>
      <c r="AD170" s="70"/>
      <c r="AE170" s="70"/>
      <c r="AF170" s="70"/>
    </row>
    <row r="171" spans="3:32" x14ac:dyDescent="0.2">
      <c r="C171" s="70"/>
      <c r="D171" s="70"/>
      <c r="E171" s="70"/>
      <c r="F171" s="70"/>
      <c r="G171" s="70"/>
      <c r="H171" s="70"/>
      <c r="I171" s="70"/>
      <c r="J171" s="70"/>
      <c r="K171" s="70"/>
      <c r="L171" s="70"/>
      <c r="M171" s="70"/>
      <c r="N171" s="70"/>
      <c r="O171" s="70"/>
      <c r="P171" s="70"/>
      <c r="Q171" s="70"/>
      <c r="R171" s="70"/>
      <c r="S171" s="70"/>
      <c r="T171" s="70"/>
      <c r="U171" s="70"/>
      <c r="V171" s="70"/>
      <c r="W171" s="70"/>
      <c r="X171" s="70"/>
      <c r="Y171" s="70"/>
      <c r="Z171" s="70"/>
      <c r="AA171" s="70"/>
      <c r="AB171" s="70"/>
      <c r="AC171" s="70"/>
      <c r="AD171" s="70"/>
      <c r="AE171" s="70"/>
      <c r="AF171" s="70"/>
    </row>
    <row r="172" spans="3:32" x14ac:dyDescent="0.2">
      <c r="C172" s="70"/>
      <c r="D172" s="70"/>
      <c r="E172" s="70"/>
      <c r="F172" s="70"/>
      <c r="G172" s="70"/>
      <c r="H172" s="70"/>
      <c r="I172" s="70"/>
      <c r="J172" s="70"/>
      <c r="K172" s="70"/>
      <c r="L172" s="70"/>
      <c r="M172" s="70"/>
      <c r="N172" s="70"/>
      <c r="O172" s="70"/>
      <c r="P172" s="70"/>
      <c r="Q172" s="70"/>
      <c r="R172" s="70"/>
      <c r="S172" s="70"/>
      <c r="T172" s="70"/>
      <c r="U172" s="70"/>
      <c r="V172" s="70"/>
      <c r="W172" s="70"/>
      <c r="X172" s="70"/>
      <c r="Y172" s="70"/>
      <c r="Z172" s="70"/>
      <c r="AA172" s="70"/>
      <c r="AB172" s="70"/>
      <c r="AC172" s="70"/>
      <c r="AD172" s="70"/>
      <c r="AE172" s="70"/>
      <c r="AF172" s="70"/>
    </row>
    <row r="173" spans="3:32" x14ac:dyDescent="0.2">
      <c r="C173" s="70"/>
      <c r="D173" s="70"/>
      <c r="E173" s="70"/>
      <c r="F173" s="70"/>
      <c r="G173" s="70"/>
      <c r="H173" s="70"/>
      <c r="I173" s="70"/>
      <c r="J173" s="70"/>
      <c r="K173" s="70"/>
      <c r="L173" s="70"/>
      <c r="M173" s="70"/>
      <c r="N173" s="70"/>
      <c r="O173" s="70"/>
      <c r="P173" s="70"/>
      <c r="Q173" s="70"/>
      <c r="R173" s="70"/>
      <c r="S173" s="70"/>
      <c r="T173" s="70"/>
      <c r="U173" s="70"/>
      <c r="V173" s="70"/>
      <c r="W173" s="70"/>
      <c r="X173" s="70"/>
      <c r="Y173" s="70"/>
      <c r="Z173" s="70"/>
      <c r="AA173" s="70"/>
      <c r="AB173" s="70"/>
      <c r="AC173" s="70"/>
      <c r="AD173" s="70"/>
      <c r="AE173" s="70"/>
      <c r="AF173" s="70"/>
    </row>
    <row r="174" spans="3:32" x14ac:dyDescent="0.2">
      <c r="C174" s="70"/>
      <c r="D174" s="70"/>
      <c r="E174" s="70"/>
      <c r="F174" s="70"/>
      <c r="G174" s="70"/>
      <c r="H174" s="70"/>
      <c r="I174" s="70"/>
      <c r="J174" s="70"/>
      <c r="K174" s="70"/>
      <c r="L174" s="70"/>
      <c r="M174" s="70"/>
      <c r="N174" s="70"/>
      <c r="O174" s="70"/>
      <c r="P174" s="70"/>
      <c r="Q174" s="70"/>
      <c r="R174" s="70"/>
      <c r="S174" s="70"/>
      <c r="T174" s="70"/>
      <c r="U174" s="70"/>
      <c r="V174" s="70"/>
      <c r="W174" s="70"/>
      <c r="X174" s="70"/>
      <c r="Y174" s="70"/>
      <c r="Z174" s="70"/>
      <c r="AA174" s="70"/>
      <c r="AB174" s="70"/>
      <c r="AC174" s="70"/>
      <c r="AD174" s="70"/>
      <c r="AE174" s="70"/>
      <c r="AF174" s="70"/>
    </row>
    <row r="175" spans="3:32" x14ac:dyDescent="0.2">
      <c r="C175" s="70"/>
      <c r="D175" s="70"/>
      <c r="E175" s="70"/>
      <c r="F175" s="70"/>
      <c r="G175" s="70"/>
      <c r="H175" s="70"/>
      <c r="I175" s="70"/>
      <c r="J175" s="70"/>
      <c r="K175" s="70"/>
      <c r="L175" s="70"/>
      <c r="M175" s="70"/>
      <c r="N175" s="70"/>
      <c r="O175" s="70"/>
      <c r="P175" s="70"/>
      <c r="Q175" s="70"/>
      <c r="R175" s="70"/>
      <c r="S175" s="70"/>
      <c r="T175" s="70"/>
      <c r="U175" s="70"/>
      <c r="V175" s="70"/>
      <c r="W175" s="70"/>
      <c r="X175" s="70"/>
      <c r="Y175" s="70"/>
      <c r="Z175" s="70"/>
      <c r="AA175" s="70"/>
      <c r="AB175" s="70"/>
      <c r="AC175" s="70"/>
      <c r="AD175" s="70"/>
      <c r="AE175" s="70"/>
      <c r="AF175" s="70"/>
    </row>
    <row r="176" spans="3:32" x14ac:dyDescent="0.2">
      <c r="C176" s="70"/>
      <c r="D176" s="70"/>
      <c r="E176" s="70"/>
      <c r="F176" s="70"/>
      <c r="G176" s="70"/>
      <c r="H176" s="70"/>
      <c r="I176" s="70"/>
      <c r="J176" s="70"/>
      <c r="K176" s="70"/>
      <c r="L176" s="70"/>
      <c r="M176" s="70"/>
      <c r="N176" s="70"/>
      <c r="O176" s="70"/>
      <c r="P176" s="70"/>
      <c r="Q176" s="70"/>
      <c r="R176" s="70"/>
      <c r="S176" s="70"/>
      <c r="T176" s="70"/>
      <c r="U176" s="70"/>
      <c r="V176" s="70"/>
      <c r="W176" s="70"/>
      <c r="X176" s="70"/>
      <c r="Y176" s="70"/>
      <c r="Z176" s="70"/>
      <c r="AA176" s="70"/>
      <c r="AB176" s="70"/>
      <c r="AC176" s="70"/>
      <c r="AD176" s="70"/>
      <c r="AE176" s="70"/>
      <c r="AF176" s="70"/>
    </row>
    <row r="177" spans="3:32" x14ac:dyDescent="0.2">
      <c r="C177" s="70"/>
      <c r="D177" s="70"/>
      <c r="E177" s="70"/>
      <c r="F177" s="70"/>
      <c r="G177" s="70"/>
      <c r="H177" s="70"/>
      <c r="I177" s="70"/>
      <c r="J177" s="70"/>
      <c r="K177" s="70"/>
      <c r="L177" s="70"/>
      <c r="M177" s="70"/>
      <c r="N177" s="70"/>
      <c r="O177" s="70"/>
      <c r="P177" s="70"/>
      <c r="Q177" s="70"/>
      <c r="R177" s="70"/>
      <c r="S177" s="70"/>
      <c r="T177" s="70"/>
      <c r="U177" s="70"/>
      <c r="V177" s="70"/>
      <c r="W177" s="70"/>
      <c r="X177" s="70"/>
      <c r="Y177" s="70"/>
      <c r="Z177" s="70"/>
      <c r="AA177" s="70"/>
      <c r="AB177" s="70"/>
      <c r="AC177" s="70"/>
      <c r="AD177" s="70"/>
      <c r="AE177" s="70"/>
      <c r="AF177" s="70"/>
    </row>
    <row r="178" spans="3:32" x14ac:dyDescent="0.2">
      <c r="C178" s="70"/>
      <c r="D178" s="70"/>
      <c r="E178" s="70"/>
      <c r="F178" s="70"/>
      <c r="G178" s="70"/>
      <c r="H178" s="70"/>
      <c r="I178" s="70"/>
      <c r="J178" s="70"/>
      <c r="K178" s="70"/>
      <c r="L178" s="70"/>
      <c r="M178" s="70"/>
      <c r="N178" s="70"/>
      <c r="O178" s="70"/>
      <c r="P178" s="70"/>
      <c r="Q178" s="70"/>
      <c r="R178" s="70"/>
      <c r="S178" s="70"/>
      <c r="T178" s="70"/>
      <c r="U178" s="70"/>
      <c r="V178" s="70"/>
      <c r="W178" s="70"/>
      <c r="X178" s="70"/>
      <c r="Y178" s="70"/>
      <c r="Z178" s="70"/>
      <c r="AA178" s="70"/>
      <c r="AB178" s="70"/>
      <c r="AC178" s="70"/>
      <c r="AD178" s="70"/>
      <c r="AE178" s="70"/>
      <c r="AF178" s="70"/>
    </row>
    <row r="179" spans="3:32" x14ac:dyDescent="0.2">
      <c r="C179" s="70"/>
      <c r="D179" s="70"/>
      <c r="E179" s="70"/>
      <c r="F179" s="70"/>
      <c r="G179" s="70"/>
      <c r="H179" s="70"/>
      <c r="I179" s="70"/>
      <c r="J179" s="70"/>
      <c r="K179" s="70"/>
      <c r="L179" s="70"/>
      <c r="M179" s="70"/>
      <c r="N179" s="70"/>
      <c r="O179" s="70"/>
      <c r="P179" s="70"/>
      <c r="Q179" s="70"/>
      <c r="R179" s="70"/>
      <c r="S179" s="70"/>
      <c r="T179" s="70"/>
      <c r="U179" s="70"/>
      <c r="V179" s="70"/>
      <c r="W179" s="70"/>
      <c r="X179" s="70"/>
      <c r="Y179" s="70"/>
      <c r="Z179" s="70"/>
      <c r="AA179" s="70"/>
      <c r="AB179" s="70"/>
      <c r="AC179" s="70"/>
      <c r="AD179" s="70"/>
      <c r="AE179" s="70"/>
      <c r="AF179" s="70"/>
    </row>
    <row r="180" spans="3:32" x14ac:dyDescent="0.2">
      <c r="C180" s="70"/>
      <c r="D180" s="70"/>
      <c r="E180" s="70"/>
      <c r="F180" s="70"/>
      <c r="G180" s="70"/>
      <c r="H180" s="70"/>
      <c r="I180" s="70"/>
      <c r="J180" s="70"/>
      <c r="K180" s="70"/>
      <c r="L180" s="70"/>
      <c r="M180" s="70"/>
      <c r="N180" s="70"/>
      <c r="O180" s="70"/>
      <c r="P180" s="70"/>
      <c r="Q180" s="70"/>
      <c r="R180" s="70"/>
      <c r="S180" s="70"/>
      <c r="T180" s="70"/>
      <c r="U180" s="70"/>
      <c r="V180" s="70"/>
      <c r="W180" s="70"/>
      <c r="X180" s="70"/>
      <c r="Y180" s="70"/>
      <c r="Z180" s="70"/>
      <c r="AA180" s="70"/>
      <c r="AB180" s="70"/>
      <c r="AC180" s="70"/>
      <c r="AD180" s="70"/>
      <c r="AE180" s="70"/>
      <c r="AF180" s="70"/>
    </row>
    <row r="181" spans="3:32" x14ac:dyDescent="0.2">
      <c r="C181" s="70"/>
      <c r="D181" s="70"/>
      <c r="E181" s="70"/>
      <c r="F181" s="70"/>
      <c r="G181" s="70"/>
      <c r="H181" s="70"/>
      <c r="I181" s="70"/>
      <c r="J181" s="70"/>
      <c r="K181" s="70"/>
      <c r="L181" s="70"/>
      <c r="M181" s="70"/>
      <c r="N181" s="70"/>
      <c r="O181" s="70"/>
      <c r="P181" s="70"/>
      <c r="Q181" s="70"/>
      <c r="R181" s="70"/>
      <c r="S181" s="70"/>
      <c r="T181" s="70"/>
      <c r="U181" s="70"/>
      <c r="V181" s="70"/>
      <c r="W181" s="70"/>
      <c r="X181" s="70"/>
      <c r="Y181" s="70"/>
      <c r="Z181" s="70"/>
      <c r="AA181" s="70"/>
      <c r="AB181" s="70"/>
      <c r="AC181" s="70"/>
      <c r="AD181" s="70"/>
      <c r="AE181" s="70"/>
      <c r="AF181" s="70"/>
    </row>
    <row r="182" spans="3:32" x14ac:dyDescent="0.2">
      <c r="C182" s="70"/>
      <c r="D182" s="70"/>
      <c r="E182" s="70"/>
      <c r="F182" s="70"/>
      <c r="G182" s="70"/>
      <c r="H182" s="70"/>
      <c r="I182" s="70"/>
      <c r="J182" s="70"/>
      <c r="K182" s="70"/>
      <c r="L182" s="70"/>
      <c r="M182" s="70"/>
      <c r="N182" s="70"/>
      <c r="O182" s="70"/>
      <c r="P182" s="70"/>
      <c r="Q182" s="70"/>
      <c r="R182" s="70"/>
      <c r="S182" s="70"/>
      <c r="T182" s="70"/>
      <c r="U182" s="70"/>
      <c r="V182" s="70"/>
      <c r="W182" s="70"/>
      <c r="X182" s="70"/>
      <c r="Y182" s="70"/>
      <c r="Z182" s="70"/>
      <c r="AA182" s="70"/>
      <c r="AB182" s="70"/>
      <c r="AC182" s="70"/>
      <c r="AD182" s="70"/>
      <c r="AE182" s="70"/>
      <c r="AF182" s="70"/>
    </row>
    <row r="183" spans="3:32" x14ac:dyDescent="0.2">
      <c r="C183" s="70"/>
      <c r="D183" s="70"/>
      <c r="E183" s="70"/>
      <c r="F183" s="70"/>
      <c r="G183" s="70"/>
      <c r="H183" s="70"/>
      <c r="I183" s="70"/>
      <c r="J183" s="70"/>
      <c r="K183" s="70"/>
      <c r="L183" s="70"/>
      <c r="M183" s="70"/>
      <c r="N183" s="70"/>
      <c r="O183" s="70"/>
      <c r="P183" s="70"/>
      <c r="Q183" s="70"/>
      <c r="R183" s="70"/>
      <c r="S183" s="70"/>
      <c r="T183" s="70"/>
      <c r="U183" s="70"/>
      <c r="V183" s="70"/>
      <c r="W183" s="70"/>
      <c r="X183" s="70"/>
      <c r="Y183" s="70"/>
      <c r="Z183" s="70"/>
      <c r="AA183" s="70"/>
      <c r="AB183" s="70"/>
      <c r="AC183" s="70"/>
      <c r="AD183" s="70"/>
      <c r="AE183" s="70"/>
      <c r="AF183" s="70"/>
    </row>
    <row r="184" spans="3:32" x14ac:dyDescent="0.2">
      <c r="C184" s="70"/>
      <c r="D184" s="70"/>
      <c r="E184" s="70"/>
      <c r="F184" s="70"/>
      <c r="G184" s="70"/>
      <c r="H184" s="70"/>
      <c r="I184" s="70"/>
      <c r="J184" s="70"/>
      <c r="K184" s="70"/>
      <c r="L184" s="70"/>
      <c r="M184" s="70"/>
      <c r="N184" s="70"/>
      <c r="O184" s="70"/>
      <c r="P184" s="70"/>
      <c r="Q184" s="70"/>
      <c r="R184" s="70"/>
      <c r="S184" s="70"/>
      <c r="T184" s="70"/>
      <c r="U184" s="70"/>
      <c r="V184" s="70"/>
      <c r="W184" s="70"/>
      <c r="X184" s="70"/>
      <c r="Y184" s="70"/>
      <c r="Z184" s="70"/>
      <c r="AA184" s="70"/>
      <c r="AB184" s="70"/>
      <c r="AC184" s="70"/>
      <c r="AD184" s="70"/>
      <c r="AE184" s="70"/>
      <c r="AF184" s="70"/>
    </row>
    <row r="185" spans="3:32" x14ac:dyDescent="0.2">
      <c r="C185" s="70"/>
      <c r="D185" s="70"/>
      <c r="E185" s="70"/>
      <c r="F185" s="70"/>
      <c r="G185" s="70"/>
      <c r="H185" s="70"/>
      <c r="I185" s="70"/>
      <c r="J185" s="70"/>
      <c r="K185" s="70"/>
      <c r="L185" s="70"/>
      <c r="M185" s="70"/>
      <c r="N185" s="70"/>
      <c r="O185" s="70"/>
      <c r="P185" s="70"/>
      <c r="Q185" s="70"/>
      <c r="R185" s="70"/>
      <c r="S185" s="70"/>
      <c r="T185" s="70"/>
      <c r="U185" s="70"/>
      <c r="V185" s="70"/>
      <c r="W185" s="70"/>
      <c r="X185" s="70"/>
      <c r="Y185" s="70"/>
      <c r="Z185" s="70"/>
      <c r="AA185" s="70"/>
      <c r="AB185" s="70"/>
      <c r="AC185" s="70"/>
      <c r="AD185" s="70"/>
      <c r="AE185" s="70"/>
      <c r="AF185" s="70"/>
    </row>
    <row r="186" spans="3:32" x14ac:dyDescent="0.2">
      <c r="C186" s="70"/>
      <c r="D186" s="70"/>
      <c r="E186" s="70"/>
      <c r="F186" s="70"/>
      <c r="G186" s="70"/>
      <c r="H186" s="70"/>
      <c r="I186" s="70"/>
      <c r="J186" s="70"/>
      <c r="K186" s="70"/>
      <c r="L186" s="70"/>
      <c r="M186" s="70"/>
      <c r="N186" s="70"/>
      <c r="O186" s="70"/>
      <c r="P186" s="70"/>
      <c r="Q186" s="70"/>
      <c r="R186" s="70"/>
      <c r="S186" s="70"/>
      <c r="T186" s="70"/>
      <c r="U186" s="70"/>
      <c r="V186" s="70"/>
      <c r="W186" s="70"/>
      <c r="X186" s="70"/>
      <c r="Y186" s="70"/>
      <c r="Z186" s="70"/>
      <c r="AA186" s="70"/>
      <c r="AB186" s="70"/>
      <c r="AC186" s="70"/>
      <c r="AD186" s="70"/>
      <c r="AE186" s="70"/>
      <c r="AF186" s="70"/>
    </row>
    <row r="187" spans="3:32" x14ac:dyDescent="0.2">
      <c r="C187" s="70"/>
      <c r="D187" s="70"/>
      <c r="E187" s="70"/>
      <c r="F187" s="70"/>
      <c r="G187" s="70"/>
      <c r="H187" s="70"/>
      <c r="I187" s="70"/>
      <c r="J187" s="70"/>
      <c r="K187" s="70"/>
      <c r="L187" s="70"/>
      <c r="M187" s="70"/>
      <c r="N187" s="70"/>
      <c r="O187" s="70"/>
      <c r="P187" s="70"/>
      <c r="Q187" s="70"/>
      <c r="R187" s="70"/>
      <c r="S187" s="70"/>
      <c r="T187" s="70"/>
      <c r="U187" s="70"/>
      <c r="V187" s="70"/>
      <c r="W187" s="70"/>
      <c r="X187" s="70"/>
      <c r="Y187" s="70"/>
      <c r="Z187" s="70"/>
      <c r="AA187" s="70"/>
      <c r="AB187" s="70"/>
      <c r="AC187" s="70"/>
      <c r="AD187" s="70"/>
      <c r="AE187" s="70"/>
      <c r="AF187" s="70"/>
    </row>
    <row r="188" spans="3:32" x14ac:dyDescent="0.2">
      <c r="C188" s="70"/>
      <c r="D188" s="70"/>
      <c r="E188" s="70"/>
      <c r="F188" s="70"/>
      <c r="G188" s="70"/>
      <c r="H188" s="70"/>
      <c r="I188" s="70"/>
      <c r="J188" s="70"/>
      <c r="K188" s="70"/>
      <c r="L188" s="70"/>
      <c r="M188" s="70"/>
      <c r="N188" s="70"/>
      <c r="O188" s="70"/>
      <c r="P188" s="70"/>
      <c r="Q188" s="70"/>
      <c r="R188" s="70"/>
      <c r="S188" s="70"/>
      <c r="T188" s="70"/>
      <c r="U188" s="70"/>
      <c r="V188" s="70"/>
      <c r="W188" s="70"/>
      <c r="X188" s="70"/>
      <c r="Y188" s="70"/>
      <c r="Z188" s="70"/>
      <c r="AA188" s="70"/>
      <c r="AB188" s="70"/>
      <c r="AC188" s="70"/>
      <c r="AD188" s="70"/>
      <c r="AE188" s="70"/>
      <c r="AF188" s="70"/>
    </row>
    <row r="189" spans="3:32" x14ac:dyDescent="0.2">
      <c r="C189" s="70"/>
      <c r="D189" s="70"/>
      <c r="E189" s="70"/>
      <c r="F189" s="70"/>
      <c r="G189" s="70"/>
      <c r="H189" s="70"/>
      <c r="I189" s="70"/>
      <c r="J189" s="70"/>
      <c r="K189" s="70"/>
      <c r="L189" s="70"/>
      <c r="M189" s="70"/>
      <c r="N189" s="70"/>
      <c r="O189" s="70"/>
      <c r="P189" s="70"/>
      <c r="Q189" s="70"/>
      <c r="R189" s="70"/>
      <c r="S189" s="70"/>
      <c r="T189" s="70"/>
      <c r="U189" s="70"/>
      <c r="V189" s="70"/>
      <c r="W189" s="70"/>
      <c r="X189" s="70"/>
      <c r="Y189" s="70"/>
      <c r="Z189" s="70"/>
      <c r="AA189" s="70"/>
      <c r="AB189" s="70"/>
      <c r="AC189" s="70"/>
      <c r="AD189" s="70"/>
      <c r="AE189" s="70"/>
      <c r="AF189" s="70"/>
    </row>
    <row r="190" spans="3:32" x14ac:dyDescent="0.2">
      <c r="C190" s="70"/>
      <c r="D190" s="70"/>
      <c r="E190" s="70"/>
      <c r="F190" s="70"/>
      <c r="G190" s="70"/>
      <c r="H190" s="70"/>
      <c r="I190" s="70"/>
      <c r="J190" s="70"/>
      <c r="K190" s="70"/>
      <c r="L190" s="70"/>
      <c r="M190" s="70"/>
      <c r="N190" s="70"/>
      <c r="O190" s="70"/>
      <c r="P190" s="70"/>
      <c r="Q190" s="70"/>
      <c r="R190" s="70"/>
      <c r="S190" s="70"/>
      <c r="T190" s="70"/>
      <c r="U190" s="70"/>
      <c r="V190" s="70"/>
      <c r="W190" s="70"/>
      <c r="X190" s="70"/>
      <c r="Y190" s="70"/>
      <c r="Z190" s="70"/>
      <c r="AA190" s="70"/>
      <c r="AB190" s="70"/>
      <c r="AC190" s="70"/>
      <c r="AD190" s="70"/>
      <c r="AE190" s="70"/>
      <c r="AF190" s="70"/>
    </row>
    <row r="191" spans="3:32" x14ac:dyDescent="0.2">
      <c r="C191" s="70"/>
      <c r="D191" s="70"/>
      <c r="E191" s="70"/>
      <c r="F191" s="70"/>
      <c r="G191" s="70"/>
      <c r="H191" s="70"/>
      <c r="I191" s="70"/>
      <c r="J191" s="70"/>
      <c r="K191" s="70"/>
      <c r="L191" s="70"/>
      <c r="M191" s="70"/>
      <c r="N191" s="70"/>
      <c r="O191" s="70"/>
      <c r="P191" s="70"/>
      <c r="Q191" s="70"/>
      <c r="R191" s="70"/>
      <c r="S191" s="70"/>
      <c r="T191" s="70"/>
      <c r="U191" s="70"/>
      <c r="V191" s="70"/>
      <c r="W191" s="70"/>
      <c r="X191" s="70"/>
      <c r="Y191" s="70"/>
      <c r="Z191" s="70"/>
      <c r="AA191" s="70"/>
      <c r="AB191" s="70"/>
      <c r="AC191" s="70"/>
      <c r="AD191" s="70"/>
      <c r="AE191" s="70"/>
      <c r="AF191" s="70"/>
    </row>
    <row r="192" spans="3:32" x14ac:dyDescent="0.2">
      <c r="C192" s="70"/>
      <c r="D192" s="70"/>
      <c r="E192" s="70"/>
      <c r="F192" s="70"/>
      <c r="G192" s="70"/>
      <c r="H192" s="70"/>
      <c r="I192" s="70"/>
      <c r="J192" s="70"/>
      <c r="K192" s="70"/>
      <c r="L192" s="70"/>
      <c r="M192" s="70"/>
      <c r="N192" s="70"/>
      <c r="O192" s="70"/>
      <c r="P192" s="70"/>
      <c r="Q192" s="70"/>
      <c r="R192" s="70"/>
      <c r="S192" s="70"/>
      <c r="T192" s="70"/>
      <c r="U192" s="70"/>
      <c r="V192" s="70"/>
      <c r="W192" s="70"/>
      <c r="X192" s="70"/>
      <c r="Y192" s="70"/>
      <c r="Z192" s="70"/>
      <c r="AA192" s="70"/>
      <c r="AB192" s="70"/>
      <c r="AC192" s="70"/>
      <c r="AD192" s="70"/>
      <c r="AE192" s="70"/>
      <c r="AF192" s="70"/>
    </row>
    <row r="193" spans="3:32" x14ac:dyDescent="0.2">
      <c r="C193" s="70"/>
      <c r="D193" s="70"/>
      <c r="E193" s="70"/>
      <c r="F193" s="70"/>
      <c r="G193" s="70"/>
      <c r="H193" s="70"/>
      <c r="I193" s="70"/>
      <c r="J193" s="70"/>
      <c r="K193" s="70"/>
      <c r="L193" s="70"/>
      <c r="M193" s="70"/>
      <c r="N193" s="70"/>
      <c r="O193" s="70"/>
      <c r="P193" s="70"/>
      <c r="Q193" s="70"/>
      <c r="R193" s="70"/>
      <c r="S193" s="70"/>
      <c r="T193" s="70"/>
      <c r="U193" s="70"/>
      <c r="V193" s="70"/>
      <c r="W193" s="70"/>
      <c r="X193" s="70"/>
      <c r="Y193" s="70"/>
      <c r="Z193" s="70"/>
      <c r="AA193" s="70"/>
      <c r="AB193" s="70"/>
      <c r="AC193" s="70"/>
      <c r="AD193" s="70"/>
      <c r="AE193" s="70"/>
      <c r="AF193" s="70"/>
    </row>
    <row r="194" spans="3:32" x14ac:dyDescent="0.2">
      <c r="C194" s="70"/>
      <c r="D194" s="70"/>
      <c r="E194" s="70"/>
      <c r="F194" s="70"/>
      <c r="G194" s="70"/>
      <c r="H194" s="70"/>
      <c r="I194" s="70"/>
      <c r="J194" s="70"/>
      <c r="K194" s="70"/>
      <c r="L194" s="70"/>
      <c r="M194" s="70"/>
      <c r="N194" s="70"/>
      <c r="O194" s="70"/>
      <c r="P194" s="70"/>
      <c r="Q194" s="70"/>
      <c r="R194" s="70"/>
      <c r="S194" s="70"/>
      <c r="T194" s="70"/>
      <c r="U194" s="70"/>
      <c r="V194" s="70"/>
      <c r="W194" s="70"/>
      <c r="X194" s="70"/>
      <c r="Y194" s="70"/>
      <c r="Z194" s="70"/>
      <c r="AA194" s="70"/>
      <c r="AB194" s="70"/>
      <c r="AC194" s="70"/>
      <c r="AD194" s="70"/>
      <c r="AE194" s="70"/>
      <c r="AF194" s="70"/>
    </row>
    <row r="195" spans="3:32" x14ac:dyDescent="0.2">
      <c r="C195" s="70"/>
      <c r="D195" s="70"/>
      <c r="E195" s="70"/>
      <c r="F195" s="70"/>
      <c r="G195" s="70"/>
      <c r="H195" s="70"/>
      <c r="I195" s="70"/>
      <c r="J195" s="70"/>
      <c r="K195" s="70"/>
      <c r="L195" s="70"/>
      <c r="M195" s="70"/>
      <c r="N195" s="70"/>
      <c r="O195" s="70"/>
      <c r="P195" s="70"/>
      <c r="Q195" s="70"/>
      <c r="R195" s="70"/>
      <c r="S195" s="70"/>
      <c r="T195" s="70"/>
      <c r="U195" s="70"/>
      <c r="V195" s="70"/>
      <c r="W195" s="70"/>
      <c r="X195" s="70"/>
      <c r="Y195" s="70"/>
      <c r="Z195" s="70"/>
      <c r="AA195" s="70"/>
      <c r="AB195" s="70"/>
      <c r="AC195" s="70"/>
      <c r="AD195" s="70"/>
      <c r="AE195" s="70"/>
      <c r="AF195" s="70"/>
    </row>
    <row r="196" spans="3:32" x14ac:dyDescent="0.2">
      <c r="C196" s="70"/>
      <c r="D196" s="70"/>
      <c r="E196" s="70"/>
      <c r="F196" s="70"/>
      <c r="G196" s="70"/>
      <c r="H196" s="70"/>
      <c r="I196" s="70"/>
      <c r="J196" s="70"/>
      <c r="K196" s="70"/>
      <c r="L196" s="70"/>
      <c r="M196" s="70"/>
      <c r="N196" s="70"/>
      <c r="O196" s="70"/>
      <c r="P196" s="70"/>
      <c r="Q196" s="70"/>
      <c r="R196" s="70"/>
      <c r="S196" s="70"/>
      <c r="T196" s="70"/>
      <c r="U196" s="70"/>
      <c r="V196" s="70"/>
      <c r="W196" s="70"/>
      <c r="X196" s="70"/>
      <c r="Y196" s="70"/>
      <c r="Z196" s="70"/>
      <c r="AA196" s="70"/>
      <c r="AB196" s="70"/>
      <c r="AC196" s="70"/>
      <c r="AD196" s="70"/>
      <c r="AE196" s="70"/>
      <c r="AF196" s="70"/>
    </row>
    <row r="197" spans="3:32" x14ac:dyDescent="0.2">
      <c r="C197" s="70"/>
      <c r="D197" s="70"/>
      <c r="E197" s="70"/>
      <c r="F197" s="70"/>
      <c r="G197" s="70"/>
      <c r="H197" s="70"/>
      <c r="I197" s="70"/>
      <c r="J197" s="70"/>
      <c r="K197" s="70"/>
      <c r="L197" s="70"/>
      <c r="M197" s="70"/>
      <c r="N197" s="70"/>
      <c r="O197" s="70"/>
      <c r="P197" s="70"/>
      <c r="Q197" s="70"/>
      <c r="R197" s="70"/>
      <c r="S197" s="70"/>
      <c r="T197" s="70"/>
      <c r="U197" s="70"/>
      <c r="V197" s="70"/>
      <c r="W197" s="70"/>
      <c r="X197" s="70"/>
      <c r="Y197" s="70"/>
      <c r="Z197" s="70"/>
      <c r="AA197" s="70"/>
      <c r="AB197" s="70"/>
      <c r="AC197" s="70"/>
      <c r="AD197" s="70"/>
      <c r="AE197" s="70"/>
      <c r="AF197" s="70"/>
    </row>
    <row r="198" spans="3:32" x14ac:dyDescent="0.2">
      <c r="C198" s="70"/>
      <c r="D198" s="70"/>
      <c r="E198" s="70"/>
      <c r="F198" s="70"/>
      <c r="G198" s="70"/>
      <c r="H198" s="70"/>
      <c r="I198" s="70"/>
      <c r="J198" s="70"/>
      <c r="K198" s="70"/>
      <c r="L198" s="70"/>
      <c r="M198" s="70"/>
      <c r="N198" s="70"/>
      <c r="O198" s="70"/>
      <c r="P198" s="70"/>
      <c r="Q198" s="70"/>
      <c r="R198" s="70"/>
      <c r="S198" s="70"/>
      <c r="T198" s="70"/>
      <c r="U198" s="70"/>
      <c r="V198" s="70"/>
      <c r="W198" s="70"/>
      <c r="X198" s="70"/>
      <c r="Y198" s="70"/>
      <c r="Z198" s="70"/>
      <c r="AA198" s="70"/>
      <c r="AB198" s="70"/>
      <c r="AC198" s="70"/>
      <c r="AD198" s="70"/>
      <c r="AE198" s="70"/>
      <c r="AF198" s="70"/>
    </row>
    <row r="199" spans="3:32" x14ac:dyDescent="0.2">
      <c r="C199" s="70"/>
      <c r="D199" s="70"/>
      <c r="E199" s="70"/>
      <c r="F199" s="70"/>
      <c r="G199" s="70"/>
      <c r="H199" s="70"/>
      <c r="I199" s="70"/>
      <c r="J199" s="70"/>
      <c r="K199" s="70"/>
      <c r="L199" s="70"/>
      <c r="M199" s="70"/>
      <c r="N199" s="70"/>
      <c r="O199" s="70"/>
      <c r="P199" s="70"/>
      <c r="Q199" s="70"/>
      <c r="R199" s="70"/>
      <c r="S199" s="70"/>
      <c r="T199" s="70"/>
      <c r="U199" s="70"/>
      <c r="V199" s="70"/>
      <c r="W199" s="70"/>
      <c r="X199" s="70"/>
      <c r="Y199" s="70"/>
      <c r="Z199" s="70"/>
      <c r="AA199" s="70"/>
      <c r="AB199" s="70"/>
      <c r="AC199" s="70"/>
      <c r="AD199" s="70"/>
      <c r="AE199" s="70"/>
      <c r="AF199" s="70"/>
    </row>
    <row r="200" spans="3:32" x14ac:dyDescent="0.2">
      <c r="C200" s="70"/>
      <c r="D200" s="70"/>
      <c r="E200" s="70"/>
      <c r="F200" s="70"/>
      <c r="G200" s="70"/>
      <c r="H200" s="70"/>
      <c r="I200" s="70"/>
      <c r="J200" s="70"/>
      <c r="K200" s="70"/>
      <c r="L200" s="70"/>
      <c r="M200" s="70"/>
      <c r="N200" s="70"/>
      <c r="O200" s="70"/>
      <c r="P200" s="70"/>
      <c r="Q200" s="70"/>
      <c r="R200" s="70"/>
      <c r="S200" s="70"/>
      <c r="T200" s="70"/>
      <c r="U200" s="70"/>
      <c r="V200" s="70"/>
      <c r="W200" s="70"/>
      <c r="X200" s="70"/>
      <c r="Y200" s="70"/>
      <c r="Z200" s="70"/>
      <c r="AA200" s="70"/>
      <c r="AB200" s="70"/>
      <c r="AC200" s="70"/>
      <c r="AD200" s="70"/>
      <c r="AE200" s="70"/>
      <c r="AF200" s="70"/>
    </row>
    <row r="201" spans="3:32" x14ac:dyDescent="0.2">
      <c r="C201" s="70"/>
      <c r="D201" s="70"/>
      <c r="E201" s="70"/>
      <c r="F201" s="70"/>
      <c r="G201" s="70"/>
      <c r="H201" s="70"/>
      <c r="I201" s="70"/>
      <c r="J201" s="70"/>
      <c r="K201" s="70"/>
      <c r="L201" s="70"/>
      <c r="M201" s="70"/>
      <c r="N201" s="70"/>
      <c r="O201" s="70"/>
      <c r="P201" s="70"/>
      <c r="Q201" s="70"/>
      <c r="R201" s="70"/>
      <c r="S201" s="70"/>
      <c r="T201" s="70"/>
      <c r="U201" s="70"/>
      <c r="V201" s="70"/>
      <c r="W201" s="70"/>
      <c r="X201" s="70"/>
      <c r="Y201" s="70"/>
      <c r="Z201" s="70"/>
      <c r="AA201" s="70"/>
      <c r="AB201" s="70"/>
      <c r="AC201" s="70"/>
      <c r="AD201" s="70"/>
      <c r="AE201" s="70"/>
      <c r="AF201" s="70"/>
    </row>
    <row r="202" spans="3:32" x14ac:dyDescent="0.2">
      <c r="C202" s="70"/>
      <c r="D202" s="70"/>
      <c r="E202" s="70"/>
      <c r="F202" s="70"/>
      <c r="G202" s="70"/>
      <c r="H202" s="70"/>
      <c r="I202" s="70"/>
      <c r="J202" s="70"/>
      <c r="K202" s="70"/>
      <c r="L202" s="70"/>
      <c r="M202" s="70"/>
      <c r="N202" s="70"/>
      <c r="O202" s="70"/>
      <c r="P202" s="70"/>
      <c r="Q202" s="70"/>
      <c r="R202" s="70"/>
      <c r="S202" s="70"/>
      <c r="T202" s="70"/>
      <c r="U202" s="70"/>
      <c r="V202" s="70"/>
      <c r="W202" s="70"/>
      <c r="X202" s="70"/>
      <c r="Y202" s="70"/>
      <c r="Z202" s="70"/>
      <c r="AA202" s="70"/>
      <c r="AB202" s="70"/>
      <c r="AC202" s="70"/>
      <c r="AD202" s="70"/>
      <c r="AE202" s="70"/>
      <c r="AF202" s="70"/>
    </row>
    <row r="203" spans="3:32" x14ac:dyDescent="0.2">
      <c r="C203" s="70"/>
      <c r="D203" s="70"/>
      <c r="E203" s="70"/>
      <c r="F203" s="70"/>
      <c r="G203" s="70"/>
      <c r="H203" s="70"/>
      <c r="I203" s="70"/>
      <c r="J203" s="70"/>
      <c r="K203" s="70"/>
      <c r="L203" s="70"/>
      <c r="M203" s="70"/>
      <c r="N203" s="70"/>
      <c r="O203" s="70"/>
      <c r="P203" s="70"/>
      <c r="Q203" s="70"/>
      <c r="R203" s="70"/>
      <c r="S203" s="70"/>
      <c r="T203" s="70"/>
      <c r="U203" s="70"/>
      <c r="V203" s="70"/>
      <c r="W203" s="70"/>
      <c r="X203" s="70"/>
      <c r="Y203" s="70"/>
      <c r="Z203" s="70"/>
      <c r="AA203" s="70"/>
      <c r="AB203" s="70"/>
      <c r="AC203" s="70"/>
      <c r="AD203" s="70"/>
      <c r="AE203" s="70"/>
      <c r="AF203" s="70"/>
    </row>
    <row r="204" spans="3:32" x14ac:dyDescent="0.2">
      <c r="C204" s="70"/>
      <c r="D204" s="70"/>
      <c r="E204" s="70"/>
      <c r="F204" s="70"/>
      <c r="G204" s="70"/>
      <c r="H204" s="70"/>
      <c r="I204" s="70"/>
      <c r="J204" s="70"/>
      <c r="K204" s="70"/>
      <c r="L204" s="70"/>
      <c r="M204" s="70"/>
      <c r="N204" s="70"/>
      <c r="O204" s="70"/>
      <c r="P204" s="70"/>
      <c r="Q204" s="70"/>
      <c r="R204" s="70"/>
      <c r="S204" s="70"/>
      <c r="T204" s="70"/>
      <c r="U204" s="70"/>
      <c r="V204" s="70"/>
      <c r="W204" s="70"/>
      <c r="X204" s="70"/>
      <c r="Y204" s="70"/>
      <c r="Z204" s="70"/>
      <c r="AA204" s="70"/>
      <c r="AB204" s="70"/>
      <c r="AC204" s="70"/>
      <c r="AD204" s="70"/>
      <c r="AE204" s="70"/>
      <c r="AF204" s="70"/>
    </row>
    <row r="205" spans="3:32" x14ac:dyDescent="0.2">
      <c r="C205" s="70"/>
      <c r="D205" s="70"/>
      <c r="E205" s="70"/>
      <c r="F205" s="70"/>
      <c r="G205" s="70"/>
      <c r="H205" s="70"/>
      <c r="I205" s="70"/>
      <c r="J205" s="70"/>
      <c r="K205" s="70"/>
      <c r="L205" s="70"/>
      <c r="M205" s="70"/>
      <c r="N205" s="70"/>
      <c r="O205" s="70"/>
      <c r="P205" s="70"/>
      <c r="Q205" s="70"/>
      <c r="R205" s="70"/>
      <c r="S205" s="70"/>
      <c r="T205" s="70"/>
      <c r="U205" s="70"/>
      <c r="V205" s="70"/>
      <c r="W205" s="70"/>
      <c r="X205" s="70"/>
      <c r="Y205" s="70"/>
      <c r="Z205" s="70"/>
      <c r="AA205" s="70"/>
      <c r="AB205" s="70"/>
      <c r="AC205" s="70"/>
      <c r="AD205" s="70"/>
      <c r="AE205" s="70"/>
      <c r="AF205" s="70"/>
    </row>
    <row r="206" spans="3:32" x14ac:dyDescent="0.2">
      <c r="C206" s="70"/>
      <c r="D206" s="70"/>
      <c r="E206" s="70"/>
      <c r="F206" s="70"/>
      <c r="G206" s="70"/>
      <c r="H206" s="70"/>
      <c r="I206" s="70"/>
      <c r="J206" s="70"/>
      <c r="K206" s="70"/>
      <c r="L206" s="70"/>
      <c r="M206" s="70"/>
      <c r="N206" s="70"/>
      <c r="O206" s="70"/>
      <c r="P206" s="70"/>
      <c r="Q206" s="70"/>
      <c r="R206" s="70"/>
      <c r="S206" s="70"/>
      <c r="T206" s="70"/>
      <c r="U206" s="70"/>
      <c r="V206" s="70"/>
      <c r="W206" s="70"/>
      <c r="X206" s="70"/>
      <c r="Y206" s="70"/>
      <c r="Z206" s="70"/>
      <c r="AA206" s="70"/>
      <c r="AB206" s="70"/>
      <c r="AC206" s="70"/>
      <c r="AD206" s="70"/>
      <c r="AE206" s="70"/>
      <c r="AF206" s="70"/>
    </row>
    <row r="207" spans="3:32" x14ac:dyDescent="0.2">
      <c r="C207" s="70"/>
      <c r="D207" s="70"/>
      <c r="E207" s="70"/>
      <c r="F207" s="70"/>
      <c r="G207" s="70"/>
      <c r="H207" s="70"/>
      <c r="I207" s="70"/>
      <c r="J207" s="70"/>
      <c r="K207" s="70"/>
      <c r="L207" s="70"/>
      <c r="M207" s="70"/>
      <c r="N207" s="70"/>
      <c r="O207" s="70"/>
      <c r="P207" s="70"/>
      <c r="Q207" s="70"/>
      <c r="R207" s="70"/>
      <c r="S207" s="70"/>
      <c r="T207" s="70"/>
      <c r="U207" s="70"/>
      <c r="V207" s="70"/>
      <c r="W207" s="70"/>
      <c r="X207" s="70"/>
      <c r="Y207" s="70"/>
      <c r="Z207" s="70"/>
      <c r="AA207" s="70"/>
      <c r="AB207" s="70"/>
      <c r="AC207" s="70"/>
      <c r="AD207" s="70"/>
      <c r="AE207" s="70"/>
      <c r="AF207" s="70"/>
    </row>
    <row r="208" spans="3:32" x14ac:dyDescent="0.2">
      <c r="C208" s="70"/>
      <c r="D208" s="70"/>
      <c r="E208" s="70"/>
      <c r="F208" s="70"/>
      <c r="G208" s="70"/>
      <c r="H208" s="70"/>
      <c r="I208" s="70"/>
      <c r="J208" s="70"/>
      <c r="K208" s="70"/>
      <c r="L208" s="70"/>
      <c r="M208" s="70"/>
      <c r="N208" s="70"/>
      <c r="O208" s="70"/>
      <c r="P208" s="70"/>
      <c r="Q208" s="70"/>
      <c r="R208" s="70"/>
      <c r="S208" s="70"/>
      <c r="T208" s="70"/>
      <c r="U208" s="70"/>
      <c r="V208" s="70"/>
      <c r="W208" s="70"/>
      <c r="X208" s="70"/>
      <c r="Y208" s="70"/>
      <c r="Z208" s="70"/>
      <c r="AA208" s="70"/>
      <c r="AB208" s="70"/>
      <c r="AC208" s="70"/>
      <c r="AD208" s="70"/>
      <c r="AE208" s="70"/>
      <c r="AF208" s="70"/>
    </row>
    <row r="209" spans="3:32" x14ac:dyDescent="0.2">
      <c r="C209" s="70"/>
      <c r="D209" s="70"/>
      <c r="E209" s="70"/>
      <c r="F209" s="70"/>
      <c r="G209" s="70"/>
      <c r="H209" s="70"/>
      <c r="I209" s="70"/>
      <c r="J209" s="70"/>
      <c r="K209" s="70"/>
      <c r="L209" s="70"/>
      <c r="M209" s="70"/>
      <c r="N209" s="70"/>
      <c r="O209" s="70"/>
      <c r="P209" s="70"/>
      <c r="Q209" s="70"/>
      <c r="R209" s="70"/>
      <c r="S209" s="70"/>
      <c r="T209" s="70"/>
      <c r="U209" s="70"/>
      <c r="V209" s="70"/>
      <c r="W209" s="70"/>
      <c r="X209" s="70"/>
      <c r="Y209" s="70"/>
      <c r="Z209" s="70"/>
      <c r="AA209" s="70"/>
      <c r="AB209" s="70"/>
      <c r="AC209" s="70"/>
      <c r="AD209" s="70"/>
      <c r="AE209" s="70"/>
      <c r="AF209" s="70"/>
    </row>
    <row r="210" spans="3:32" x14ac:dyDescent="0.2">
      <c r="C210" s="70"/>
      <c r="D210" s="70"/>
      <c r="E210" s="70"/>
      <c r="F210" s="70"/>
      <c r="G210" s="70"/>
      <c r="H210" s="70"/>
      <c r="I210" s="70"/>
      <c r="J210" s="70"/>
      <c r="K210" s="70"/>
      <c r="L210" s="70"/>
      <c r="M210" s="70"/>
      <c r="N210" s="70"/>
      <c r="O210" s="70"/>
      <c r="P210" s="70"/>
      <c r="Q210" s="70"/>
      <c r="R210" s="70"/>
      <c r="S210" s="70"/>
      <c r="T210" s="70"/>
      <c r="U210" s="70"/>
      <c r="V210" s="70"/>
      <c r="W210" s="70"/>
      <c r="X210" s="70"/>
      <c r="Y210" s="70"/>
      <c r="Z210" s="70"/>
      <c r="AA210" s="70"/>
      <c r="AB210" s="70"/>
      <c r="AC210" s="70"/>
      <c r="AD210" s="70"/>
      <c r="AE210" s="70"/>
      <c r="AF210" s="70"/>
    </row>
    <row r="211" spans="3:32" x14ac:dyDescent="0.2">
      <c r="C211" s="70"/>
      <c r="D211" s="70"/>
      <c r="E211" s="70"/>
      <c r="F211" s="70"/>
      <c r="G211" s="70"/>
      <c r="H211" s="70"/>
      <c r="I211" s="70"/>
      <c r="J211" s="70"/>
      <c r="K211" s="70"/>
      <c r="L211" s="70"/>
      <c r="M211" s="70"/>
      <c r="N211" s="70"/>
      <c r="O211" s="70"/>
      <c r="P211" s="70"/>
      <c r="Q211" s="70"/>
      <c r="R211" s="70"/>
      <c r="S211" s="70"/>
      <c r="T211" s="70"/>
      <c r="U211" s="70"/>
      <c r="V211" s="70"/>
      <c r="W211" s="70"/>
      <c r="X211" s="70"/>
      <c r="Y211" s="70"/>
      <c r="Z211" s="70"/>
      <c r="AA211" s="70"/>
      <c r="AB211" s="70"/>
      <c r="AC211" s="70"/>
      <c r="AD211" s="70"/>
      <c r="AE211" s="70"/>
      <c r="AF211" s="70"/>
    </row>
    <row r="212" spans="3:32" x14ac:dyDescent="0.2">
      <c r="C212" s="70"/>
      <c r="D212" s="70"/>
      <c r="E212" s="70"/>
      <c r="F212" s="70"/>
      <c r="G212" s="70"/>
      <c r="H212" s="70"/>
      <c r="I212" s="70"/>
      <c r="J212" s="70"/>
      <c r="K212" s="70"/>
      <c r="L212" s="70"/>
      <c r="M212" s="70"/>
      <c r="N212" s="70"/>
      <c r="O212" s="70"/>
      <c r="P212" s="70"/>
      <c r="Q212" s="70"/>
      <c r="R212" s="70"/>
      <c r="S212" s="70"/>
      <c r="T212" s="70"/>
      <c r="U212" s="70"/>
      <c r="V212" s="70"/>
      <c r="W212" s="70"/>
      <c r="X212" s="70"/>
      <c r="Y212" s="70"/>
      <c r="Z212" s="70"/>
      <c r="AA212" s="70"/>
      <c r="AB212" s="70"/>
      <c r="AC212" s="70"/>
      <c r="AD212" s="70"/>
      <c r="AE212" s="70"/>
      <c r="AF212" s="70"/>
    </row>
    <row r="213" spans="3:32" x14ac:dyDescent="0.2">
      <c r="C213" s="70"/>
      <c r="D213" s="70"/>
      <c r="E213" s="70"/>
      <c r="F213" s="70"/>
      <c r="G213" s="70"/>
      <c r="H213" s="70"/>
      <c r="I213" s="70"/>
      <c r="J213" s="70"/>
      <c r="K213" s="70"/>
      <c r="L213" s="70"/>
      <c r="M213" s="70"/>
      <c r="N213" s="70"/>
      <c r="O213" s="70"/>
      <c r="P213" s="70"/>
      <c r="Q213" s="70"/>
      <c r="R213" s="70"/>
      <c r="S213" s="70"/>
      <c r="T213" s="70"/>
      <c r="U213" s="70"/>
      <c r="V213" s="70"/>
      <c r="W213" s="70"/>
      <c r="X213" s="70"/>
      <c r="Y213" s="70"/>
      <c r="Z213" s="70"/>
      <c r="AA213" s="70"/>
      <c r="AB213" s="70"/>
      <c r="AC213" s="70"/>
      <c r="AD213" s="70"/>
      <c r="AE213" s="70"/>
      <c r="AF213" s="70"/>
    </row>
    <row r="214" spans="3:32" x14ac:dyDescent="0.2">
      <c r="C214" s="70"/>
      <c r="D214" s="70"/>
      <c r="E214" s="70"/>
      <c r="F214" s="70"/>
      <c r="G214" s="70"/>
      <c r="H214" s="70"/>
      <c r="I214" s="70"/>
      <c r="J214" s="70"/>
      <c r="K214" s="70"/>
      <c r="L214" s="70"/>
      <c r="M214" s="70"/>
      <c r="N214" s="70"/>
      <c r="O214" s="70"/>
      <c r="P214" s="70"/>
      <c r="Q214" s="70"/>
      <c r="R214" s="70"/>
      <c r="S214" s="70"/>
      <c r="T214" s="70"/>
      <c r="U214" s="70"/>
      <c r="V214" s="70"/>
      <c r="W214" s="70"/>
      <c r="X214" s="70"/>
      <c r="Y214" s="70"/>
      <c r="Z214" s="70"/>
      <c r="AA214" s="70"/>
      <c r="AB214" s="70"/>
      <c r="AC214" s="70"/>
      <c r="AD214" s="70"/>
      <c r="AE214" s="70"/>
      <c r="AF214" s="70"/>
    </row>
    <row r="215" spans="3:32" x14ac:dyDescent="0.2">
      <c r="C215" s="70"/>
      <c r="D215" s="70"/>
      <c r="E215" s="70"/>
      <c r="F215" s="70"/>
      <c r="G215" s="70"/>
      <c r="H215" s="70"/>
      <c r="I215" s="70"/>
      <c r="J215" s="70"/>
      <c r="K215" s="70"/>
      <c r="L215" s="70"/>
      <c r="M215" s="70"/>
      <c r="N215" s="70"/>
      <c r="O215" s="70"/>
      <c r="P215" s="70"/>
      <c r="Q215" s="70"/>
      <c r="R215" s="70"/>
      <c r="S215" s="70"/>
      <c r="T215" s="70"/>
      <c r="U215" s="70"/>
      <c r="V215" s="70"/>
      <c r="W215" s="70"/>
      <c r="X215" s="70"/>
      <c r="Y215" s="70"/>
      <c r="Z215" s="70"/>
      <c r="AA215" s="70"/>
      <c r="AB215" s="70"/>
      <c r="AC215" s="70"/>
      <c r="AD215" s="70"/>
      <c r="AE215" s="70"/>
      <c r="AF215" s="70"/>
    </row>
    <row r="216" spans="3:32" x14ac:dyDescent="0.2">
      <c r="C216" s="70"/>
      <c r="D216" s="70"/>
      <c r="E216" s="70"/>
      <c r="F216" s="70"/>
      <c r="G216" s="70"/>
      <c r="H216" s="70"/>
      <c r="I216" s="70"/>
      <c r="J216" s="70"/>
      <c r="K216" s="70"/>
      <c r="L216" s="70"/>
      <c r="M216" s="70"/>
      <c r="N216" s="70"/>
      <c r="O216" s="70"/>
      <c r="P216" s="70"/>
      <c r="Q216" s="70"/>
      <c r="R216" s="70"/>
      <c r="S216" s="70"/>
      <c r="T216" s="70"/>
      <c r="U216" s="70"/>
      <c r="V216" s="70"/>
      <c r="W216" s="70"/>
      <c r="X216" s="70"/>
      <c r="Y216" s="70"/>
      <c r="Z216" s="70"/>
      <c r="AA216" s="70"/>
      <c r="AB216" s="70"/>
      <c r="AC216" s="70"/>
      <c r="AD216" s="70"/>
      <c r="AE216" s="70"/>
      <c r="AF216" s="70"/>
    </row>
    <row r="217" spans="3:32" x14ac:dyDescent="0.2">
      <c r="C217" s="70"/>
      <c r="D217" s="70"/>
      <c r="E217" s="70"/>
      <c r="F217" s="70"/>
      <c r="G217" s="70"/>
      <c r="H217" s="70"/>
      <c r="I217" s="70"/>
      <c r="J217" s="70"/>
      <c r="K217" s="70"/>
      <c r="L217" s="70"/>
      <c r="M217" s="70"/>
      <c r="N217" s="70"/>
      <c r="O217" s="70"/>
      <c r="P217" s="70"/>
      <c r="Q217" s="70"/>
      <c r="R217" s="70"/>
      <c r="S217" s="70"/>
      <c r="T217" s="70"/>
      <c r="U217" s="70"/>
      <c r="V217" s="70"/>
      <c r="W217" s="70"/>
      <c r="X217" s="70"/>
      <c r="Y217" s="70"/>
      <c r="Z217" s="70"/>
      <c r="AA217" s="70"/>
      <c r="AB217" s="70"/>
      <c r="AC217" s="70"/>
      <c r="AD217" s="70"/>
      <c r="AE217" s="70"/>
      <c r="AF217" s="70"/>
    </row>
    <row r="218" spans="3:32" x14ac:dyDescent="0.2">
      <c r="C218" s="70"/>
      <c r="D218" s="70"/>
      <c r="E218" s="70"/>
      <c r="F218" s="70"/>
      <c r="G218" s="70"/>
      <c r="H218" s="70"/>
      <c r="I218" s="70"/>
      <c r="J218" s="70"/>
      <c r="K218" s="70"/>
      <c r="L218" s="70"/>
      <c r="M218" s="70"/>
      <c r="N218" s="70"/>
      <c r="O218" s="70"/>
      <c r="P218" s="70"/>
      <c r="Q218" s="70"/>
      <c r="R218" s="70"/>
      <c r="S218" s="70"/>
      <c r="T218" s="70"/>
      <c r="U218" s="70"/>
      <c r="V218" s="70"/>
      <c r="W218" s="70"/>
      <c r="X218" s="70"/>
      <c r="Y218" s="70"/>
      <c r="Z218" s="70"/>
      <c r="AA218" s="70"/>
      <c r="AB218" s="70"/>
      <c r="AC218" s="70"/>
      <c r="AD218" s="70"/>
      <c r="AE218" s="70"/>
      <c r="AF218" s="70"/>
    </row>
    <row r="219" spans="3:32" x14ac:dyDescent="0.2">
      <c r="C219" s="70"/>
      <c r="D219" s="70"/>
      <c r="E219" s="70"/>
      <c r="F219" s="70"/>
      <c r="G219" s="70"/>
      <c r="H219" s="70"/>
      <c r="I219" s="70"/>
      <c r="J219" s="70"/>
      <c r="K219" s="70"/>
      <c r="L219" s="70"/>
      <c r="M219" s="70"/>
      <c r="N219" s="70"/>
      <c r="O219" s="70"/>
      <c r="P219" s="70"/>
      <c r="Q219" s="70"/>
      <c r="R219" s="70"/>
      <c r="S219" s="70"/>
      <c r="T219" s="70"/>
      <c r="U219" s="70"/>
      <c r="V219" s="70"/>
      <c r="W219" s="70"/>
      <c r="X219" s="70"/>
      <c r="Y219" s="70"/>
      <c r="Z219" s="70"/>
      <c r="AA219" s="70"/>
      <c r="AB219" s="70"/>
      <c r="AC219" s="70"/>
      <c r="AD219" s="70"/>
      <c r="AE219" s="70"/>
      <c r="AF219" s="70"/>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5" width="7.88671875" style="70" customWidth="1"/>
    <col min="6" max="6" width="8.109375" style="70" customWidth="1"/>
    <col min="7"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102" width="9" style="70"/>
    <col min="103" max="148" width="9" style="71"/>
    <col min="149" max="149" width="7.77734375" style="71" customWidth="1"/>
    <col min="150" max="159" width="9" style="71"/>
    <col min="160" max="160" width="8.109375" style="71" customWidth="1"/>
    <col min="161" max="16384" width="9" style="71"/>
  </cols>
  <sheetData>
    <row r="1" spans="2:299" ht="24" customHeight="1" x14ac:dyDescent="0.2">
      <c r="B1" s="9" t="s">
        <v>119</v>
      </c>
      <c r="F1" s="442">
        <f>第１表!F2</f>
        <v>6</v>
      </c>
      <c r="G1" s="442"/>
      <c r="H1" s="18">
        <f>第１表!G2</f>
        <v>11</v>
      </c>
      <c r="I1" s="424">
        <f>H1</f>
        <v>11</v>
      </c>
      <c r="J1" s="424"/>
    </row>
    <row r="2" spans="2:299" ht="24" customHeight="1" thickBot="1" x14ac:dyDescent="0.25">
      <c r="B2" s="10" t="s">
        <v>127</v>
      </c>
    </row>
    <row r="3" spans="2:299" ht="21" customHeight="1" thickBot="1" x14ac:dyDescent="0.25">
      <c r="B3" s="425" t="s">
        <v>38</v>
      </c>
      <c r="C3" s="437" t="s">
        <v>96</v>
      </c>
      <c r="D3" s="437"/>
      <c r="E3" s="437"/>
      <c r="F3" s="437"/>
      <c r="G3" s="437"/>
      <c r="H3" s="437"/>
      <c r="I3" s="437"/>
      <c r="J3" s="437"/>
      <c r="K3" s="437"/>
      <c r="L3" s="437"/>
      <c r="M3" s="437"/>
      <c r="N3" s="437"/>
      <c r="O3" s="437"/>
      <c r="P3" s="437"/>
      <c r="Q3" s="437"/>
      <c r="R3" s="437"/>
      <c r="S3" s="437"/>
      <c r="T3" s="437"/>
      <c r="U3" s="437"/>
      <c r="V3" s="437"/>
      <c r="W3" s="437"/>
      <c r="X3" s="437"/>
      <c r="Y3" s="437"/>
      <c r="Z3" s="437"/>
      <c r="AA3" s="437"/>
      <c r="AB3" s="437"/>
      <c r="AC3" s="437"/>
      <c r="AD3" s="437"/>
      <c r="AE3" s="437"/>
      <c r="AF3" s="437"/>
      <c r="AG3" s="437"/>
      <c r="AH3" s="437"/>
      <c r="AI3" s="437"/>
      <c r="AJ3" s="437"/>
      <c r="AK3" s="437"/>
      <c r="AL3" s="437"/>
      <c r="AM3" s="437"/>
      <c r="AN3" s="437"/>
      <c r="AO3" s="437"/>
      <c r="AP3" s="437"/>
      <c r="AQ3" s="437"/>
      <c r="AR3" s="437"/>
      <c r="AS3" s="437"/>
      <c r="AT3" s="437"/>
      <c r="AU3" s="437"/>
      <c r="AV3" s="437"/>
      <c r="AW3" s="437"/>
      <c r="AX3" s="437"/>
      <c r="AY3" s="437"/>
      <c r="AZ3" s="437"/>
      <c r="BA3" s="437"/>
      <c r="BB3" s="437"/>
      <c r="BC3" s="437"/>
      <c r="BD3" s="437"/>
      <c r="BE3" s="437"/>
      <c r="BF3" s="437"/>
      <c r="BG3" s="437"/>
      <c r="BH3" s="437"/>
      <c r="BI3" s="437"/>
      <c r="BJ3" s="437"/>
      <c r="BK3" s="437"/>
      <c r="BL3" s="437"/>
      <c r="BM3" s="437"/>
      <c r="BN3" s="437"/>
      <c r="BO3" s="437"/>
      <c r="BP3" s="437"/>
      <c r="BQ3" s="437"/>
      <c r="BR3" s="437"/>
      <c r="BS3" s="437"/>
      <c r="BT3" s="437"/>
      <c r="BU3" s="437"/>
      <c r="BV3" s="437"/>
      <c r="BW3" s="437"/>
      <c r="BX3" s="437"/>
      <c r="BY3" s="437"/>
      <c r="BZ3" s="437"/>
      <c r="CA3" s="437"/>
      <c r="CB3" s="437"/>
      <c r="CC3" s="437"/>
      <c r="CD3" s="437"/>
      <c r="CE3" s="437"/>
      <c r="CF3" s="437"/>
      <c r="CG3" s="437"/>
      <c r="CH3" s="437"/>
      <c r="CI3" s="437"/>
      <c r="CJ3" s="437"/>
      <c r="CK3" s="437"/>
      <c r="CL3" s="437"/>
      <c r="CM3" s="437"/>
      <c r="CN3" s="437"/>
      <c r="CO3" s="437"/>
      <c r="CP3" s="437"/>
      <c r="CQ3" s="437"/>
      <c r="CR3" s="437"/>
      <c r="CS3" s="437"/>
      <c r="CT3" s="437"/>
      <c r="CU3" s="437"/>
      <c r="CV3" s="437"/>
      <c r="CW3" s="438"/>
      <c r="CX3" s="437" t="s">
        <v>102</v>
      </c>
      <c r="CY3" s="437"/>
      <c r="CZ3" s="437"/>
      <c r="DA3" s="437"/>
      <c r="DB3" s="437"/>
      <c r="DC3" s="437"/>
      <c r="DD3" s="437"/>
      <c r="DE3" s="437"/>
      <c r="DF3" s="437"/>
      <c r="DG3" s="437"/>
      <c r="DH3" s="437"/>
      <c r="DI3" s="437"/>
      <c r="DJ3" s="437"/>
      <c r="DK3" s="437"/>
      <c r="DL3" s="437"/>
      <c r="DM3" s="437"/>
      <c r="DN3" s="437"/>
      <c r="DO3" s="437"/>
      <c r="DP3" s="437"/>
      <c r="DQ3" s="437"/>
      <c r="DR3" s="437"/>
      <c r="DS3" s="437"/>
      <c r="DT3" s="437"/>
      <c r="DU3" s="437"/>
      <c r="DV3" s="437"/>
      <c r="DW3" s="437"/>
      <c r="DX3" s="437"/>
      <c r="DY3" s="437"/>
      <c r="DZ3" s="437"/>
      <c r="EA3" s="437"/>
      <c r="EB3" s="437"/>
      <c r="EC3" s="437"/>
      <c r="ED3" s="437"/>
      <c r="EE3" s="437"/>
      <c r="EF3" s="437"/>
      <c r="EG3" s="437"/>
      <c r="EH3" s="437"/>
      <c r="EI3" s="437"/>
      <c r="EJ3" s="437"/>
      <c r="EK3" s="437"/>
      <c r="EL3" s="437"/>
      <c r="EM3" s="437"/>
      <c r="EN3" s="437"/>
      <c r="EO3" s="437"/>
      <c r="EP3" s="437"/>
      <c r="EQ3" s="437"/>
      <c r="ER3" s="437"/>
      <c r="ES3" s="437"/>
      <c r="ET3" s="437"/>
      <c r="EU3" s="437"/>
      <c r="EV3" s="437"/>
      <c r="EW3" s="437"/>
      <c r="EX3" s="437"/>
      <c r="EY3" s="437"/>
      <c r="EZ3" s="437"/>
      <c r="FA3" s="437"/>
      <c r="FB3" s="437"/>
      <c r="FC3" s="437"/>
      <c r="FD3" s="437"/>
      <c r="FE3" s="437"/>
      <c r="FF3" s="437"/>
      <c r="FG3" s="437"/>
      <c r="FH3" s="437"/>
      <c r="FI3" s="437"/>
      <c r="FJ3" s="437"/>
      <c r="FK3" s="437"/>
      <c r="FL3" s="437"/>
      <c r="FM3" s="437"/>
      <c r="FN3" s="437"/>
      <c r="FO3" s="437"/>
      <c r="FP3" s="437"/>
      <c r="FQ3" s="437"/>
      <c r="FR3" s="437"/>
      <c r="FS3" s="437"/>
      <c r="FT3" s="437"/>
      <c r="FU3" s="437"/>
      <c r="FV3" s="437"/>
      <c r="FW3" s="437"/>
      <c r="FX3" s="437"/>
      <c r="FY3" s="437"/>
      <c r="FZ3" s="437"/>
      <c r="GA3" s="437"/>
      <c r="GB3" s="437"/>
      <c r="GC3" s="437"/>
      <c r="GD3" s="437"/>
      <c r="GE3" s="437"/>
      <c r="GF3" s="437"/>
      <c r="GG3" s="437"/>
      <c r="GH3" s="437"/>
      <c r="GI3" s="437"/>
      <c r="GJ3" s="437"/>
      <c r="GK3" s="437"/>
      <c r="GL3" s="437"/>
      <c r="GM3" s="437"/>
      <c r="GN3" s="437"/>
      <c r="GO3" s="437"/>
      <c r="GP3" s="437"/>
      <c r="GQ3" s="437"/>
      <c r="GR3" s="438"/>
      <c r="GS3" s="437" t="s">
        <v>103</v>
      </c>
      <c r="GT3" s="437"/>
      <c r="GU3" s="437"/>
      <c r="GV3" s="437"/>
      <c r="GW3" s="437"/>
      <c r="GX3" s="437"/>
      <c r="GY3" s="437"/>
      <c r="GZ3" s="437"/>
      <c r="HA3" s="437"/>
      <c r="HB3" s="437"/>
      <c r="HC3" s="437"/>
      <c r="HD3" s="437"/>
      <c r="HE3" s="437"/>
      <c r="HF3" s="437"/>
      <c r="HG3" s="437"/>
      <c r="HH3" s="437"/>
      <c r="HI3" s="437"/>
      <c r="HJ3" s="437"/>
      <c r="HK3" s="437"/>
      <c r="HL3" s="437"/>
      <c r="HM3" s="437"/>
      <c r="HN3" s="437"/>
      <c r="HO3" s="437"/>
      <c r="HP3" s="437"/>
      <c r="HQ3" s="437"/>
      <c r="HR3" s="437"/>
      <c r="HS3" s="437"/>
      <c r="HT3" s="437"/>
      <c r="HU3" s="437"/>
      <c r="HV3" s="437"/>
      <c r="HW3" s="437"/>
      <c r="HX3" s="437"/>
      <c r="HY3" s="437"/>
      <c r="HZ3" s="437"/>
      <c r="IA3" s="437"/>
      <c r="IB3" s="437"/>
      <c r="IC3" s="437"/>
      <c r="ID3" s="437"/>
      <c r="IE3" s="437"/>
      <c r="IF3" s="437"/>
      <c r="IG3" s="437"/>
      <c r="IH3" s="437"/>
      <c r="II3" s="437"/>
      <c r="IJ3" s="437"/>
      <c r="IK3" s="437"/>
      <c r="IL3" s="437"/>
      <c r="IM3" s="437"/>
      <c r="IN3" s="437"/>
      <c r="IO3" s="437"/>
      <c r="IP3" s="437"/>
      <c r="IQ3" s="437"/>
      <c r="IR3" s="437"/>
      <c r="IS3" s="437"/>
      <c r="IT3" s="437"/>
      <c r="IU3" s="437"/>
      <c r="IV3" s="437"/>
      <c r="IW3" s="437"/>
      <c r="IX3" s="437"/>
      <c r="IY3" s="437"/>
      <c r="IZ3" s="437"/>
      <c r="JA3" s="437"/>
      <c r="JB3" s="437"/>
      <c r="JC3" s="437"/>
      <c r="JD3" s="437"/>
      <c r="JE3" s="437"/>
      <c r="JF3" s="437"/>
      <c r="JG3" s="437"/>
      <c r="JH3" s="437"/>
      <c r="JI3" s="437"/>
      <c r="JJ3" s="437"/>
      <c r="JK3" s="437"/>
      <c r="JL3" s="437"/>
      <c r="JM3" s="437"/>
      <c r="JN3" s="437"/>
      <c r="JO3" s="437"/>
      <c r="JP3" s="437"/>
      <c r="JQ3" s="437"/>
      <c r="JR3" s="437"/>
      <c r="JS3" s="437"/>
      <c r="JT3" s="437"/>
      <c r="JU3" s="437"/>
      <c r="JV3" s="437"/>
      <c r="JW3" s="437"/>
      <c r="JX3" s="437"/>
      <c r="JY3" s="437"/>
      <c r="JZ3" s="437"/>
      <c r="KA3" s="437"/>
      <c r="KB3" s="437"/>
      <c r="KC3" s="437"/>
      <c r="KD3" s="437"/>
      <c r="KE3" s="437"/>
      <c r="KF3" s="437"/>
      <c r="KG3" s="437"/>
      <c r="KH3" s="437"/>
      <c r="KI3" s="437"/>
      <c r="KJ3" s="437"/>
      <c r="KK3" s="437"/>
      <c r="KL3" s="437"/>
      <c r="KM3" s="438"/>
    </row>
    <row r="4" spans="2:299" ht="21" customHeight="1" thickBot="1" x14ac:dyDescent="0.25">
      <c r="B4" s="443"/>
      <c r="C4" s="439" t="s">
        <v>39</v>
      </c>
      <c r="D4" s="440"/>
      <c r="E4" s="440"/>
      <c r="F4" s="440"/>
      <c r="G4" s="440"/>
      <c r="H4" s="440"/>
      <c r="I4" s="440"/>
      <c r="J4" s="440"/>
      <c r="K4" s="440"/>
      <c r="L4" s="440"/>
      <c r="M4" s="440"/>
      <c r="N4" s="440"/>
      <c r="O4" s="440"/>
      <c r="P4" s="440"/>
      <c r="Q4" s="440"/>
      <c r="R4" s="440"/>
      <c r="S4" s="440"/>
      <c r="T4" s="440"/>
      <c r="U4" s="440"/>
      <c r="V4" s="440"/>
      <c r="W4" s="440"/>
      <c r="X4" s="440"/>
      <c r="Y4" s="440"/>
      <c r="Z4" s="440"/>
      <c r="AA4" s="440"/>
      <c r="AB4" s="440"/>
      <c r="AC4" s="440"/>
      <c r="AD4" s="440"/>
      <c r="AE4" s="440"/>
      <c r="AF4" s="440"/>
      <c r="AG4" s="440"/>
      <c r="AH4" s="440"/>
      <c r="AI4" s="440"/>
      <c r="AJ4" s="440"/>
      <c r="AK4" s="440"/>
      <c r="AL4" s="440"/>
      <c r="AM4" s="440"/>
      <c r="AN4" s="440"/>
      <c r="AO4" s="440"/>
      <c r="AP4" s="440"/>
      <c r="AQ4" s="440"/>
      <c r="AR4" s="440"/>
      <c r="AS4" s="440"/>
      <c r="AT4" s="440"/>
      <c r="AU4" s="440"/>
      <c r="AV4" s="440"/>
      <c r="AW4" s="440"/>
      <c r="AX4" s="440"/>
      <c r="AY4" s="440"/>
      <c r="AZ4" s="440"/>
      <c r="BA4" s="440"/>
      <c r="BB4" s="440"/>
      <c r="BC4" s="440"/>
      <c r="BD4" s="440"/>
      <c r="BE4" s="440"/>
      <c r="BF4" s="440"/>
      <c r="BG4" s="440"/>
      <c r="BH4" s="440"/>
      <c r="BI4" s="440"/>
      <c r="BJ4" s="440"/>
      <c r="BK4" s="440"/>
      <c r="BL4" s="440"/>
      <c r="BM4" s="440"/>
      <c r="BN4" s="440"/>
      <c r="BO4" s="440"/>
      <c r="BP4" s="440"/>
      <c r="BQ4" s="440"/>
      <c r="BR4" s="440"/>
      <c r="BS4" s="440"/>
      <c r="BT4" s="440"/>
      <c r="BU4" s="440"/>
      <c r="BV4" s="440"/>
      <c r="BW4" s="440"/>
      <c r="BX4" s="440"/>
      <c r="BY4" s="440"/>
      <c r="BZ4" s="440"/>
      <c r="CA4" s="441"/>
      <c r="CB4" s="425" t="s">
        <v>40</v>
      </c>
      <c r="CC4" s="426"/>
      <c r="CD4" s="426"/>
      <c r="CE4" s="426"/>
      <c r="CF4" s="426"/>
      <c r="CG4" s="426"/>
      <c r="CH4" s="426"/>
      <c r="CI4" s="426"/>
      <c r="CJ4" s="426"/>
      <c r="CK4" s="426"/>
      <c r="CL4" s="427"/>
      <c r="CM4" s="425" t="s">
        <v>41</v>
      </c>
      <c r="CN4" s="426"/>
      <c r="CO4" s="426"/>
      <c r="CP4" s="426"/>
      <c r="CQ4" s="426"/>
      <c r="CR4" s="426"/>
      <c r="CS4" s="426"/>
      <c r="CT4" s="426"/>
      <c r="CU4" s="426"/>
      <c r="CV4" s="426"/>
      <c r="CW4" s="427"/>
      <c r="CX4" s="439" t="s">
        <v>39</v>
      </c>
      <c r="CY4" s="440"/>
      <c r="CZ4" s="440"/>
      <c r="DA4" s="440"/>
      <c r="DB4" s="440"/>
      <c r="DC4" s="440"/>
      <c r="DD4" s="440"/>
      <c r="DE4" s="440"/>
      <c r="DF4" s="440"/>
      <c r="DG4" s="440"/>
      <c r="DH4" s="440"/>
      <c r="DI4" s="440"/>
      <c r="DJ4" s="440"/>
      <c r="DK4" s="440"/>
      <c r="DL4" s="440"/>
      <c r="DM4" s="440"/>
      <c r="DN4" s="440"/>
      <c r="DO4" s="440"/>
      <c r="DP4" s="440"/>
      <c r="DQ4" s="440"/>
      <c r="DR4" s="440"/>
      <c r="DS4" s="440"/>
      <c r="DT4" s="440"/>
      <c r="DU4" s="440"/>
      <c r="DV4" s="440"/>
      <c r="DW4" s="440"/>
      <c r="DX4" s="440"/>
      <c r="DY4" s="440"/>
      <c r="DZ4" s="440"/>
      <c r="EA4" s="440"/>
      <c r="EB4" s="440"/>
      <c r="EC4" s="440"/>
      <c r="ED4" s="440"/>
      <c r="EE4" s="440"/>
      <c r="EF4" s="440"/>
      <c r="EG4" s="440"/>
      <c r="EH4" s="440"/>
      <c r="EI4" s="440"/>
      <c r="EJ4" s="440"/>
      <c r="EK4" s="440"/>
      <c r="EL4" s="440"/>
      <c r="EM4" s="440"/>
      <c r="EN4" s="440"/>
      <c r="EO4" s="440"/>
      <c r="EP4" s="440"/>
      <c r="EQ4" s="440"/>
      <c r="ER4" s="440"/>
      <c r="ES4" s="440"/>
      <c r="ET4" s="440"/>
      <c r="EU4" s="440"/>
      <c r="EV4" s="440"/>
      <c r="EW4" s="440"/>
      <c r="EX4" s="440"/>
      <c r="EY4" s="440"/>
      <c r="EZ4" s="440"/>
      <c r="FA4" s="440"/>
      <c r="FB4" s="440"/>
      <c r="FC4" s="440"/>
      <c r="FD4" s="440"/>
      <c r="FE4" s="440"/>
      <c r="FF4" s="440"/>
      <c r="FG4" s="440"/>
      <c r="FH4" s="440"/>
      <c r="FI4" s="440"/>
      <c r="FJ4" s="440"/>
      <c r="FK4" s="440"/>
      <c r="FL4" s="440"/>
      <c r="FM4" s="440"/>
      <c r="FN4" s="440"/>
      <c r="FO4" s="440"/>
      <c r="FP4" s="440"/>
      <c r="FQ4" s="440"/>
      <c r="FR4" s="440"/>
      <c r="FS4" s="440"/>
      <c r="FT4" s="440"/>
      <c r="FU4" s="440"/>
      <c r="FV4" s="441"/>
      <c r="FW4" s="425" t="s">
        <v>40</v>
      </c>
      <c r="FX4" s="426"/>
      <c r="FY4" s="426"/>
      <c r="FZ4" s="426"/>
      <c r="GA4" s="426"/>
      <c r="GB4" s="426"/>
      <c r="GC4" s="426"/>
      <c r="GD4" s="426"/>
      <c r="GE4" s="426"/>
      <c r="GF4" s="426"/>
      <c r="GG4" s="427"/>
      <c r="GH4" s="425" t="s">
        <v>41</v>
      </c>
      <c r="GI4" s="426"/>
      <c r="GJ4" s="426"/>
      <c r="GK4" s="426"/>
      <c r="GL4" s="426"/>
      <c r="GM4" s="426"/>
      <c r="GN4" s="426"/>
      <c r="GO4" s="426"/>
      <c r="GP4" s="426"/>
      <c r="GQ4" s="426"/>
      <c r="GR4" s="427"/>
      <c r="GS4" s="439" t="s">
        <v>39</v>
      </c>
      <c r="GT4" s="440"/>
      <c r="GU4" s="440"/>
      <c r="GV4" s="440"/>
      <c r="GW4" s="440"/>
      <c r="GX4" s="440"/>
      <c r="GY4" s="440"/>
      <c r="GZ4" s="440"/>
      <c r="HA4" s="440"/>
      <c r="HB4" s="440"/>
      <c r="HC4" s="440"/>
      <c r="HD4" s="440"/>
      <c r="HE4" s="440"/>
      <c r="HF4" s="440"/>
      <c r="HG4" s="440"/>
      <c r="HH4" s="440"/>
      <c r="HI4" s="440"/>
      <c r="HJ4" s="440"/>
      <c r="HK4" s="440"/>
      <c r="HL4" s="440"/>
      <c r="HM4" s="440"/>
      <c r="HN4" s="440"/>
      <c r="HO4" s="440"/>
      <c r="HP4" s="440"/>
      <c r="HQ4" s="440"/>
      <c r="HR4" s="440"/>
      <c r="HS4" s="440"/>
      <c r="HT4" s="440"/>
      <c r="HU4" s="440"/>
      <c r="HV4" s="440"/>
      <c r="HW4" s="440"/>
      <c r="HX4" s="440"/>
      <c r="HY4" s="440"/>
      <c r="HZ4" s="440"/>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1"/>
      <c r="JR4" s="425" t="s">
        <v>40</v>
      </c>
      <c r="JS4" s="426"/>
      <c r="JT4" s="426"/>
      <c r="JU4" s="426"/>
      <c r="JV4" s="426"/>
      <c r="JW4" s="426"/>
      <c r="JX4" s="426"/>
      <c r="JY4" s="426"/>
      <c r="JZ4" s="426"/>
      <c r="KA4" s="426"/>
      <c r="KB4" s="427"/>
      <c r="KC4" s="425" t="s">
        <v>41</v>
      </c>
      <c r="KD4" s="426"/>
      <c r="KE4" s="426"/>
      <c r="KF4" s="426"/>
      <c r="KG4" s="426"/>
      <c r="KH4" s="426"/>
      <c r="KI4" s="426"/>
      <c r="KJ4" s="426"/>
      <c r="KK4" s="426"/>
      <c r="KL4" s="426"/>
      <c r="KM4" s="427"/>
    </row>
    <row r="5" spans="2:299" ht="21" customHeight="1" thickBot="1" x14ac:dyDescent="0.25">
      <c r="B5" s="431"/>
      <c r="C5" s="431"/>
      <c r="D5" s="432"/>
      <c r="E5" s="432"/>
      <c r="F5" s="432"/>
      <c r="G5" s="432"/>
      <c r="H5" s="432"/>
      <c r="I5" s="432"/>
      <c r="J5" s="432"/>
      <c r="K5" s="432"/>
      <c r="L5" s="432"/>
      <c r="M5" s="433"/>
      <c r="N5" s="434" t="s">
        <v>97</v>
      </c>
      <c r="O5" s="435"/>
      <c r="P5" s="435"/>
      <c r="Q5" s="435"/>
      <c r="R5" s="435"/>
      <c r="S5" s="435"/>
      <c r="T5" s="435"/>
      <c r="U5" s="435"/>
      <c r="V5" s="435"/>
      <c r="W5" s="435"/>
      <c r="X5" s="436"/>
      <c r="Y5" s="434" t="s">
        <v>98</v>
      </c>
      <c r="Z5" s="435"/>
      <c r="AA5" s="435"/>
      <c r="AB5" s="435"/>
      <c r="AC5" s="435"/>
      <c r="AD5" s="435"/>
      <c r="AE5" s="435"/>
      <c r="AF5" s="435"/>
      <c r="AG5" s="435"/>
      <c r="AH5" s="435"/>
      <c r="AI5" s="436"/>
      <c r="AJ5" s="434" t="s">
        <v>99</v>
      </c>
      <c r="AK5" s="435"/>
      <c r="AL5" s="435"/>
      <c r="AM5" s="435"/>
      <c r="AN5" s="435"/>
      <c r="AO5" s="435"/>
      <c r="AP5" s="435"/>
      <c r="AQ5" s="435"/>
      <c r="AR5" s="435"/>
      <c r="AS5" s="435"/>
      <c r="AT5" s="436"/>
      <c r="AU5" s="434" t="s">
        <v>100</v>
      </c>
      <c r="AV5" s="435"/>
      <c r="AW5" s="435"/>
      <c r="AX5" s="435"/>
      <c r="AY5" s="435"/>
      <c r="AZ5" s="435"/>
      <c r="BA5" s="435"/>
      <c r="BB5" s="435"/>
      <c r="BC5" s="435"/>
      <c r="BD5" s="435"/>
      <c r="BE5" s="436"/>
      <c r="BF5" s="434" t="s">
        <v>162</v>
      </c>
      <c r="BG5" s="435"/>
      <c r="BH5" s="435"/>
      <c r="BI5" s="435"/>
      <c r="BJ5" s="435"/>
      <c r="BK5" s="435"/>
      <c r="BL5" s="435"/>
      <c r="BM5" s="435"/>
      <c r="BN5" s="435"/>
      <c r="BO5" s="435"/>
      <c r="BP5" s="436"/>
      <c r="BQ5" s="434" t="s">
        <v>101</v>
      </c>
      <c r="BR5" s="435"/>
      <c r="BS5" s="435"/>
      <c r="BT5" s="435"/>
      <c r="BU5" s="435"/>
      <c r="BV5" s="435"/>
      <c r="BW5" s="435"/>
      <c r="BX5" s="435"/>
      <c r="BY5" s="435"/>
      <c r="BZ5" s="435"/>
      <c r="CA5" s="436"/>
      <c r="CB5" s="428"/>
      <c r="CC5" s="429"/>
      <c r="CD5" s="429"/>
      <c r="CE5" s="429"/>
      <c r="CF5" s="429"/>
      <c r="CG5" s="429"/>
      <c r="CH5" s="429"/>
      <c r="CI5" s="429"/>
      <c r="CJ5" s="429"/>
      <c r="CK5" s="429"/>
      <c r="CL5" s="430"/>
      <c r="CM5" s="428"/>
      <c r="CN5" s="429"/>
      <c r="CO5" s="429"/>
      <c r="CP5" s="429"/>
      <c r="CQ5" s="429"/>
      <c r="CR5" s="429"/>
      <c r="CS5" s="429"/>
      <c r="CT5" s="429"/>
      <c r="CU5" s="429"/>
      <c r="CV5" s="429"/>
      <c r="CW5" s="430"/>
      <c r="CX5" s="431"/>
      <c r="CY5" s="432"/>
      <c r="CZ5" s="432"/>
      <c r="DA5" s="432"/>
      <c r="DB5" s="432"/>
      <c r="DC5" s="432"/>
      <c r="DD5" s="432"/>
      <c r="DE5" s="432"/>
      <c r="DF5" s="432"/>
      <c r="DG5" s="432"/>
      <c r="DH5" s="433"/>
      <c r="DI5" s="434" t="s">
        <v>97</v>
      </c>
      <c r="DJ5" s="435"/>
      <c r="DK5" s="435"/>
      <c r="DL5" s="435"/>
      <c r="DM5" s="435"/>
      <c r="DN5" s="435"/>
      <c r="DO5" s="435"/>
      <c r="DP5" s="435"/>
      <c r="DQ5" s="435"/>
      <c r="DR5" s="435"/>
      <c r="DS5" s="436"/>
      <c r="DT5" s="434" t="s">
        <v>98</v>
      </c>
      <c r="DU5" s="435"/>
      <c r="DV5" s="435"/>
      <c r="DW5" s="435"/>
      <c r="DX5" s="435"/>
      <c r="DY5" s="435"/>
      <c r="DZ5" s="435"/>
      <c r="EA5" s="435"/>
      <c r="EB5" s="435"/>
      <c r="EC5" s="435"/>
      <c r="ED5" s="436"/>
      <c r="EE5" s="434" t="s">
        <v>99</v>
      </c>
      <c r="EF5" s="435"/>
      <c r="EG5" s="435"/>
      <c r="EH5" s="435"/>
      <c r="EI5" s="435"/>
      <c r="EJ5" s="435"/>
      <c r="EK5" s="435"/>
      <c r="EL5" s="435"/>
      <c r="EM5" s="435"/>
      <c r="EN5" s="435"/>
      <c r="EO5" s="436"/>
      <c r="EP5" s="434" t="s">
        <v>100</v>
      </c>
      <c r="EQ5" s="435"/>
      <c r="ER5" s="435"/>
      <c r="ES5" s="435"/>
      <c r="ET5" s="435"/>
      <c r="EU5" s="435"/>
      <c r="EV5" s="435"/>
      <c r="EW5" s="435"/>
      <c r="EX5" s="435"/>
      <c r="EY5" s="435"/>
      <c r="EZ5" s="436"/>
      <c r="FA5" s="434" t="s">
        <v>162</v>
      </c>
      <c r="FB5" s="435"/>
      <c r="FC5" s="435"/>
      <c r="FD5" s="435"/>
      <c r="FE5" s="435"/>
      <c r="FF5" s="435"/>
      <c r="FG5" s="435"/>
      <c r="FH5" s="435"/>
      <c r="FI5" s="435"/>
      <c r="FJ5" s="435"/>
      <c r="FK5" s="436"/>
      <c r="FL5" s="434" t="s">
        <v>101</v>
      </c>
      <c r="FM5" s="435"/>
      <c r="FN5" s="435"/>
      <c r="FO5" s="435"/>
      <c r="FP5" s="435"/>
      <c r="FQ5" s="435"/>
      <c r="FR5" s="435"/>
      <c r="FS5" s="435"/>
      <c r="FT5" s="435"/>
      <c r="FU5" s="435"/>
      <c r="FV5" s="436"/>
      <c r="FW5" s="428"/>
      <c r="FX5" s="429"/>
      <c r="FY5" s="429"/>
      <c r="FZ5" s="429"/>
      <c r="GA5" s="429"/>
      <c r="GB5" s="429"/>
      <c r="GC5" s="429"/>
      <c r="GD5" s="429"/>
      <c r="GE5" s="429"/>
      <c r="GF5" s="429"/>
      <c r="GG5" s="430"/>
      <c r="GH5" s="428"/>
      <c r="GI5" s="429"/>
      <c r="GJ5" s="429"/>
      <c r="GK5" s="429"/>
      <c r="GL5" s="429"/>
      <c r="GM5" s="429"/>
      <c r="GN5" s="429"/>
      <c r="GO5" s="429"/>
      <c r="GP5" s="429"/>
      <c r="GQ5" s="429"/>
      <c r="GR5" s="430"/>
      <c r="GS5" s="431"/>
      <c r="GT5" s="432"/>
      <c r="GU5" s="432"/>
      <c r="GV5" s="432"/>
      <c r="GW5" s="432"/>
      <c r="GX5" s="432"/>
      <c r="GY5" s="432"/>
      <c r="GZ5" s="432"/>
      <c r="HA5" s="432"/>
      <c r="HB5" s="432"/>
      <c r="HC5" s="433"/>
      <c r="HD5" s="434" t="s">
        <v>97</v>
      </c>
      <c r="HE5" s="435"/>
      <c r="HF5" s="435"/>
      <c r="HG5" s="435"/>
      <c r="HH5" s="435"/>
      <c r="HI5" s="435"/>
      <c r="HJ5" s="435"/>
      <c r="HK5" s="435"/>
      <c r="HL5" s="435"/>
      <c r="HM5" s="435"/>
      <c r="HN5" s="436"/>
      <c r="HO5" s="434" t="s">
        <v>98</v>
      </c>
      <c r="HP5" s="435"/>
      <c r="HQ5" s="435"/>
      <c r="HR5" s="435"/>
      <c r="HS5" s="435"/>
      <c r="HT5" s="435"/>
      <c r="HU5" s="435"/>
      <c r="HV5" s="435"/>
      <c r="HW5" s="435"/>
      <c r="HX5" s="435"/>
      <c r="HY5" s="436"/>
      <c r="HZ5" s="434" t="s">
        <v>99</v>
      </c>
      <c r="IA5" s="435"/>
      <c r="IB5" s="435"/>
      <c r="IC5" s="435"/>
      <c r="ID5" s="435"/>
      <c r="IE5" s="435"/>
      <c r="IF5" s="435"/>
      <c r="IG5" s="435"/>
      <c r="IH5" s="435"/>
      <c r="II5" s="435"/>
      <c r="IJ5" s="436"/>
      <c r="IK5" s="434" t="s">
        <v>100</v>
      </c>
      <c r="IL5" s="435"/>
      <c r="IM5" s="435"/>
      <c r="IN5" s="435"/>
      <c r="IO5" s="435"/>
      <c r="IP5" s="435"/>
      <c r="IQ5" s="435"/>
      <c r="IR5" s="435"/>
      <c r="IS5" s="435"/>
      <c r="IT5" s="435"/>
      <c r="IU5" s="436"/>
      <c r="IV5" s="434" t="s">
        <v>162</v>
      </c>
      <c r="IW5" s="435"/>
      <c r="IX5" s="435"/>
      <c r="IY5" s="435"/>
      <c r="IZ5" s="435"/>
      <c r="JA5" s="435"/>
      <c r="JB5" s="435"/>
      <c r="JC5" s="435"/>
      <c r="JD5" s="435"/>
      <c r="JE5" s="435"/>
      <c r="JF5" s="436"/>
      <c r="JG5" s="434" t="s">
        <v>101</v>
      </c>
      <c r="JH5" s="435"/>
      <c r="JI5" s="435"/>
      <c r="JJ5" s="435"/>
      <c r="JK5" s="435"/>
      <c r="JL5" s="435"/>
      <c r="JM5" s="435"/>
      <c r="JN5" s="435"/>
      <c r="JO5" s="435"/>
      <c r="JP5" s="435"/>
      <c r="JQ5" s="436"/>
      <c r="JR5" s="428"/>
      <c r="JS5" s="429"/>
      <c r="JT5" s="429"/>
      <c r="JU5" s="429"/>
      <c r="JV5" s="429"/>
      <c r="JW5" s="429"/>
      <c r="JX5" s="429"/>
      <c r="JY5" s="429"/>
      <c r="JZ5" s="429"/>
      <c r="KA5" s="429"/>
      <c r="KB5" s="430"/>
      <c r="KC5" s="428"/>
      <c r="KD5" s="429"/>
      <c r="KE5" s="429"/>
      <c r="KF5" s="429"/>
      <c r="KG5" s="429"/>
      <c r="KH5" s="429"/>
      <c r="KI5" s="429"/>
      <c r="KJ5" s="429"/>
      <c r="KK5" s="429"/>
      <c r="KL5" s="429"/>
      <c r="KM5" s="430"/>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21281</v>
      </c>
      <c r="D7" s="86">
        <v>21926</v>
      </c>
      <c r="E7" s="87">
        <v>43207</v>
      </c>
      <c r="F7" s="412">
        <v>0</v>
      </c>
      <c r="G7" s="86">
        <v>31996</v>
      </c>
      <c r="H7" s="86">
        <v>32266</v>
      </c>
      <c r="I7" s="86">
        <v>21205</v>
      </c>
      <c r="J7" s="86">
        <v>17637</v>
      </c>
      <c r="K7" s="86">
        <v>10560</v>
      </c>
      <c r="L7" s="88">
        <v>113664</v>
      </c>
      <c r="M7" s="89">
        <v>156871</v>
      </c>
      <c r="N7" s="90">
        <v>832</v>
      </c>
      <c r="O7" s="91">
        <v>1009</v>
      </c>
      <c r="P7" s="92">
        <v>1841</v>
      </c>
      <c r="Q7" s="412">
        <v>0</v>
      </c>
      <c r="R7" s="91">
        <v>1299</v>
      </c>
      <c r="S7" s="91">
        <v>1641</v>
      </c>
      <c r="T7" s="91">
        <v>1050</v>
      </c>
      <c r="U7" s="91">
        <v>948</v>
      </c>
      <c r="V7" s="91">
        <v>696</v>
      </c>
      <c r="W7" s="92">
        <v>5634</v>
      </c>
      <c r="X7" s="93">
        <v>7475</v>
      </c>
      <c r="Y7" s="90">
        <v>1738</v>
      </c>
      <c r="Z7" s="91">
        <v>2207</v>
      </c>
      <c r="AA7" s="92">
        <v>3945</v>
      </c>
      <c r="AB7" s="412">
        <v>0</v>
      </c>
      <c r="AC7" s="91">
        <v>2689</v>
      </c>
      <c r="AD7" s="91">
        <v>3185</v>
      </c>
      <c r="AE7" s="91">
        <v>2085</v>
      </c>
      <c r="AF7" s="91">
        <v>1849</v>
      </c>
      <c r="AG7" s="91">
        <v>1328</v>
      </c>
      <c r="AH7" s="92">
        <v>11136</v>
      </c>
      <c r="AI7" s="93">
        <v>15081</v>
      </c>
      <c r="AJ7" s="90">
        <v>3343</v>
      </c>
      <c r="AK7" s="91">
        <v>3646</v>
      </c>
      <c r="AL7" s="92">
        <v>6989</v>
      </c>
      <c r="AM7" s="412">
        <v>0</v>
      </c>
      <c r="AN7" s="91">
        <v>5005</v>
      </c>
      <c r="AO7" s="91">
        <v>5364</v>
      </c>
      <c r="AP7" s="91">
        <v>3425</v>
      </c>
      <c r="AQ7" s="91">
        <v>2995</v>
      </c>
      <c r="AR7" s="91">
        <v>1936</v>
      </c>
      <c r="AS7" s="92">
        <v>18725</v>
      </c>
      <c r="AT7" s="93">
        <v>25714</v>
      </c>
      <c r="AU7" s="90">
        <v>5711</v>
      </c>
      <c r="AV7" s="91">
        <v>5559</v>
      </c>
      <c r="AW7" s="92">
        <v>11270</v>
      </c>
      <c r="AX7" s="412">
        <v>0</v>
      </c>
      <c r="AY7" s="91">
        <v>8339</v>
      </c>
      <c r="AZ7" s="91">
        <v>7837</v>
      </c>
      <c r="BA7" s="91">
        <v>4977</v>
      </c>
      <c r="BB7" s="91">
        <v>4110</v>
      </c>
      <c r="BC7" s="91">
        <v>2474</v>
      </c>
      <c r="BD7" s="92">
        <v>27737</v>
      </c>
      <c r="BE7" s="93">
        <v>39007</v>
      </c>
      <c r="BF7" s="90">
        <v>6024</v>
      </c>
      <c r="BG7" s="91">
        <v>5631</v>
      </c>
      <c r="BH7" s="92">
        <v>11655</v>
      </c>
      <c r="BI7" s="412">
        <v>0</v>
      </c>
      <c r="BJ7" s="91">
        <v>8636</v>
      </c>
      <c r="BK7" s="91">
        <v>7809</v>
      </c>
      <c r="BL7" s="91">
        <v>5215</v>
      </c>
      <c r="BM7" s="91">
        <v>4050</v>
      </c>
      <c r="BN7" s="91">
        <v>2290</v>
      </c>
      <c r="BO7" s="92">
        <v>28000</v>
      </c>
      <c r="BP7" s="93">
        <v>39655</v>
      </c>
      <c r="BQ7" s="90">
        <v>3633</v>
      </c>
      <c r="BR7" s="91">
        <v>3874</v>
      </c>
      <c r="BS7" s="92">
        <v>7507</v>
      </c>
      <c r="BT7" s="412">
        <v>0</v>
      </c>
      <c r="BU7" s="91">
        <v>6028</v>
      </c>
      <c r="BV7" s="91">
        <v>6430</v>
      </c>
      <c r="BW7" s="91">
        <v>4453</v>
      </c>
      <c r="BX7" s="91">
        <v>3685</v>
      </c>
      <c r="BY7" s="91">
        <v>1836</v>
      </c>
      <c r="BZ7" s="92">
        <v>22432</v>
      </c>
      <c r="CA7" s="93">
        <v>29939</v>
      </c>
      <c r="CB7" s="90">
        <v>494</v>
      </c>
      <c r="CC7" s="91">
        <v>874</v>
      </c>
      <c r="CD7" s="92">
        <v>1368</v>
      </c>
      <c r="CE7" s="412">
        <v>0</v>
      </c>
      <c r="CF7" s="91">
        <v>873</v>
      </c>
      <c r="CG7" s="91">
        <v>1459</v>
      </c>
      <c r="CH7" s="91">
        <v>890</v>
      </c>
      <c r="CI7" s="91">
        <v>824</v>
      </c>
      <c r="CJ7" s="91">
        <v>769</v>
      </c>
      <c r="CK7" s="92">
        <v>4815</v>
      </c>
      <c r="CL7" s="93">
        <v>6183</v>
      </c>
      <c r="CM7" s="90">
        <v>21775</v>
      </c>
      <c r="CN7" s="91">
        <v>22800</v>
      </c>
      <c r="CO7" s="92">
        <v>44575</v>
      </c>
      <c r="CP7" s="412">
        <v>0</v>
      </c>
      <c r="CQ7" s="91">
        <v>32869</v>
      </c>
      <c r="CR7" s="91">
        <v>33725</v>
      </c>
      <c r="CS7" s="91">
        <v>22095</v>
      </c>
      <c r="CT7" s="91">
        <v>18461</v>
      </c>
      <c r="CU7" s="91">
        <v>11329</v>
      </c>
      <c r="CV7" s="92">
        <v>118479</v>
      </c>
      <c r="CW7" s="93">
        <v>163054</v>
      </c>
      <c r="CX7" s="94">
        <v>41034</v>
      </c>
      <c r="CY7" s="86">
        <v>48401</v>
      </c>
      <c r="CZ7" s="87">
        <v>89435</v>
      </c>
      <c r="DA7" s="412">
        <v>0</v>
      </c>
      <c r="DB7" s="86">
        <v>58504</v>
      </c>
      <c r="DC7" s="86">
        <v>55533</v>
      </c>
      <c r="DD7" s="86">
        <v>40406</v>
      </c>
      <c r="DE7" s="86">
        <v>39532</v>
      </c>
      <c r="DF7" s="86">
        <v>25429</v>
      </c>
      <c r="DG7" s="88">
        <v>219404</v>
      </c>
      <c r="DH7" s="89">
        <v>308839</v>
      </c>
      <c r="DI7" s="90">
        <v>859</v>
      </c>
      <c r="DJ7" s="91">
        <v>1100</v>
      </c>
      <c r="DK7" s="92">
        <v>1959</v>
      </c>
      <c r="DL7" s="412">
        <v>0</v>
      </c>
      <c r="DM7" s="91">
        <v>1000</v>
      </c>
      <c r="DN7" s="91">
        <v>1082</v>
      </c>
      <c r="DO7" s="91">
        <v>706</v>
      </c>
      <c r="DP7" s="91">
        <v>672</v>
      </c>
      <c r="DQ7" s="91">
        <v>569</v>
      </c>
      <c r="DR7" s="92">
        <v>4029</v>
      </c>
      <c r="DS7" s="93">
        <v>5988</v>
      </c>
      <c r="DT7" s="90">
        <v>2344</v>
      </c>
      <c r="DU7" s="91">
        <v>2910</v>
      </c>
      <c r="DV7" s="92">
        <v>5254</v>
      </c>
      <c r="DW7" s="412">
        <v>0</v>
      </c>
      <c r="DX7" s="91">
        <v>2497</v>
      </c>
      <c r="DY7" s="91">
        <v>2700</v>
      </c>
      <c r="DZ7" s="91">
        <v>1632</v>
      </c>
      <c r="EA7" s="91">
        <v>1629</v>
      </c>
      <c r="EB7" s="91">
        <v>1291</v>
      </c>
      <c r="EC7" s="92">
        <v>9749</v>
      </c>
      <c r="ED7" s="93">
        <v>15003</v>
      </c>
      <c r="EE7" s="90">
        <v>6268</v>
      </c>
      <c r="EF7" s="91">
        <v>6960</v>
      </c>
      <c r="EG7" s="92">
        <v>13228</v>
      </c>
      <c r="EH7" s="412">
        <v>0</v>
      </c>
      <c r="EI7" s="91">
        <v>6701</v>
      </c>
      <c r="EJ7" s="91">
        <v>5905</v>
      </c>
      <c r="EK7" s="91">
        <v>3559</v>
      </c>
      <c r="EL7" s="91">
        <v>3494</v>
      </c>
      <c r="EM7" s="91">
        <v>2605</v>
      </c>
      <c r="EN7" s="92">
        <v>22264</v>
      </c>
      <c r="EO7" s="93">
        <v>35492</v>
      </c>
      <c r="EP7" s="90">
        <v>12848</v>
      </c>
      <c r="EQ7" s="91">
        <v>13649</v>
      </c>
      <c r="ER7" s="92">
        <v>26497</v>
      </c>
      <c r="ES7" s="412">
        <v>0</v>
      </c>
      <c r="ET7" s="91">
        <v>14784</v>
      </c>
      <c r="EU7" s="91">
        <v>12062</v>
      </c>
      <c r="EV7" s="91">
        <v>7858</v>
      </c>
      <c r="EW7" s="91">
        <v>6929</v>
      </c>
      <c r="EX7" s="91">
        <v>4838</v>
      </c>
      <c r="EY7" s="92">
        <v>46471</v>
      </c>
      <c r="EZ7" s="93">
        <v>72968</v>
      </c>
      <c r="FA7" s="90">
        <v>12189</v>
      </c>
      <c r="FB7" s="91">
        <v>14050</v>
      </c>
      <c r="FC7" s="92">
        <v>26239</v>
      </c>
      <c r="FD7" s="412">
        <v>0</v>
      </c>
      <c r="FE7" s="91">
        <v>17746</v>
      </c>
      <c r="FF7" s="91">
        <v>15714</v>
      </c>
      <c r="FG7" s="91">
        <v>10811</v>
      </c>
      <c r="FH7" s="91">
        <v>9973</v>
      </c>
      <c r="FI7" s="91">
        <v>6352</v>
      </c>
      <c r="FJ7" s="92">
        <v>60596</v>
      </c>
      <c r="FK7" s="93">
        <v>86835</v>
      </c>
      <c r="FL7" s="90">
        <v>6526</v>
      </c>
      <c r="FM7" s="91">
        <v>9732</v>
      </c>
      <c r="FN7" s="92">
        <v>16258</v>
      </c>
      <c r="FO7" s="412">
        <v>0</v>
      </c>
      <c r="FP7" s="91">
        <v>15776</v>
      </c>
      <c r="FQ7" s="91">
        <v>18070</v>
      </c>
      <c r="FR7" s="91">
        <v>15840</v>
      </c>
      <c r="FS7" s="91">
        <v>16835</v>
      </c>
      <c r="FT7" s="91">
        <v>9774</v>
      </c>
      <c r="FU7" s="92">
        <v>76295</v>
      </c>
      <c r="FV7" s="93">
        <v>92553</v>
      </c>
      <c r="FW7" s="90">
        <v>394</v>
      </c>
      <c r="FX7" s="91">
        <v>739</v>
      </c>
      <c r="FY7" s="92">
        <v>1133</v>
      </c>
      <c r="FZ7" s="412">
        <v>0</v>
      </c>
      <c r="GA7" s="91">
        <v>698</v>
      </c>
      <c r="GB7" s="91">
        <v>1099</v>
      </c>
      <c r="GC7" s="91">
        <v>639</v>
      </c>
      <c r="GD7" s="91">
        <v>599</v>
      </c>
      <c r="GE7" s="91">
        <v>637</v>
      </c>
      <c r="GF7" s="92">
        <v>3672</v>
      </c>
      <c r="GG7" s="93">
        <v>4805</v>
      </c>
      <c r="GH7" s="90">
        <v>41428</v>
      </c>
      <c r="GI7" s="91">
        <v>49140</v>
      </c>
      <c r="GJ7" s="92">
        <v>90568</v>
      </c>
      <c r="GK7" s="412">
        <v>0</v>
      </c>
      <c r="GL7" s="91">
        <v>59202</v>
      </c>
      <c r="GM7" s="91">
        <v>56632</v>
      </c>
      <c r="GN7" s="91">
        <v>41045</v>
      </c>
      <c r="GO7" s="91">
        <v>40131</v>
      </c>
      <c r="GP7" s="91">
        <v>26066</v>
      </c>
      <c r="GQ7" s="92">
        <v>223076</v>
      </c>
      <c r="GR7" s="93">
        <v>313644</v>
      </c>
      <c r="GS7" s="94">
        <v>62315</v>
      </c>
      <c r="GT7" s="86">
        <v>70327</v>
      </c>
      <c r="GU7" s="87">
        <v>132642</v>
      </c>
      <c r="GV7" s="412">
        <v>0</v>
      </c>
      <c r="GW7" s="86">
        <v>90500</v>
      </c>
      <c r="GX7" s="86">
        <v>87799</v>
      </c>
      <c r="GY7" s="86">
        <v>61611</v>
      </c>
      <c r="GZ7" s="86">
        <v>57169</v>
      </c>
      <c r="HA7" s="86">
        <v>35989</v>
      </c>
      <c r="HB7" s="88">
        <v>333068</v>
      </c>
      <c r="HC7" s="89">
        <v>465710</v>
      </c>
      <c r="HD7" s="90">
        <v>1691</v>
      </c>
      <c r="HE7" s="91">
        <v>2109</v>
      </c>
      <c r="HF7" s="92">
        <v>3800</v>
      </c>
      <c r="HG7" s="415">
        <v>0</v>
      </c>
      <c r="HH7" s="91">
        <v>2299</v>
      </c>
      <c r="HI7" s="91">
        <v>2723</v>
      </c>
      <c r="HJ7" s="91">
        <v>1756</v>
      </c>
      <c r="HK7" s="91">
        <v>1620</v>
      </c>
      <c r="HL7" s="91">
        <v>1265</v>
      </c>
      <c r="HM7" s="92">
        <v>9663</v>
      </c>
      <c r="HN7" s="93">
        <v>13463</v>
      </c>
      <c r="HO7" s="90">
        <v>4082</v>
      </c>
      <c r="HP7" s="91">
        <v>5117</v>
      </c>
      <c r="HQ7" s="92">
        <v>9199</v>
      </c>
      <c r="HR7" s="412">
        <v>0</v>
      </c>
      <c r="HS7" s="91">
        <v>5186</v>
      </c>
      <c r="HT7" s="91">
        <v>5885</v>
      </c>
      <c r="HU7" s="91">
        <v>3717</v>
      </c>
      <c r="HV7" s="91">
        <v>3478</v>
      </c>
      <c r="HW7" s="91">
        <v>2619</v>
      </c>
      <c r="HX7" s="92">
        <v>20885</v>
      </c>
      <c r="HY7" s="93">
        <v>30084</v>
      </c>
      <c r="HZ7" s="90">
        <v>9611</v>
      </c>
      <c r="IA7" s="91">
        <v>10606</v>
      </c>
      <c r="IB7" s="92">
        <v>20217</v>
      </c>
      <c r="IC7" s="412">
        <v>0</v>
      </c>
      <c r="ID7" s="91">
        <v>11706</v>
      </c>
      <c r="IE7" s="91">
        <v>11269</v>
      </c>
      <c r="IF7" s="91">
        <v>6984</v>
      </c>
      <c r="IG7" s="91">
        <v>6489</v>
      </c>
      <c r="IH7" s="91">
        <v>4541</v>
      </c>
      <c r="II7" s="92">
        <v>40989</v>
      </c>
      <c r="IJ7" s="93">
        <v>61206</v>
      </c>
      <c r="IK7" s="90">
        <v>18559</v>
      </c>
      <c r="IL7" s="91">
        <v>19208</v>
      </c>
      <c r="IM7" s="92">
        <v>37767</v>
      </c>
      <c r="IN7" s="412">
        <v>0</v>
      </c>
      <c r="IO7" s="91">
        <v>23123</v>
      </c>
      <c r="IP7" s="91">
        <v>19899</v>
      </c>
      <c r="IQ7" s="91">
        <v>12835</v>
      </c>
      <c r="IR7" s="91">
        <v>11039</v>
      </c>
      <c r="IS7" s="91">
        <v>7312</v>
      </c>
      <c r="IT7" s="92">
        <v>74208</v>
      </c>
      <c r="IU7" s="93">
        <v>111975</v>
      </c>
      <c r="IV7" s="90">
        <v>18213</v>
      </c>
      <c r="IW7" s="91">
        <v>19681</v>
      </c>
      <c r="IX7" s="92">
        <v>37894</v>
      </c>
      <c r="IY7" s="412">
        <v>0</v>
      </c>
      <c r="IZ7" s="91">
        <v>26382</v>
      </c>
      <c r="JA7" s="91">
        <v>23523</v>
      </c>
      <c r="JB7" s="91">
        <v>16026</v>
      </c>
      <c r="JC7" s="91">
        <v>14023</v>
      </c>
      <c r="JD7" s="91">
        <v>8642</v>
      </c>
      <c r="JE7" s="92">
        <v>88596</v>
      </c>
      <c r="JF7" s="93">
        <v>126490</v>
      </c>
      <c r="JG7" s="90">
        <v>10159</v>
      </c>
      <c r="JH7" s="91">
        <v>13606</v>
      </c>
      <c r="JI7" s="92">
        <v>23765</v>
      </c>
      <c r="JJ7" s="412">
        <v>0</v>
      </c>
      <c r="JK7" s="91">
        <v>21804</v>
      </c>
      <c r="JL7" s="91">
        <v>24500</v>
      </c>
      <c r="JM7" s="91">
        <v>20293</v>
      </c>
      <c r="JN7" s="91">
        <v>20520</v>
      </c>
      <c r="JO7" s="91">
        <v>11610</v>
      </c>
      <c r="JP7" s="92">
        <v>98727</v>
      </c>
      <c r="JQ7" s="93">
        <v>122492</v>
      </c>
      <c r="JR7" s="90">
        <v>888</v>
      </c>
      <c r="JS7" s="91">
        <v>1613</v>
      </c>
      <c r="JT7" s="92">
        <v>2501</v>
      </c>
      <c r="JU7" s="412">
        <v>0</v>
      </c>
      <c r="JV7" s="91">
        <v>1571</v>
      </c>
      <c r="JW7" s="91">
        <v>2558</v>
      </c>
      <c r="JX7" s="91">
        <v>1529</v>
      </c>
      <c r="JY7" s="91">
        <v>1423</v>
      </c>
      <c r="JZ7" s="91">
        <v>1406</v>
      </c>
      <c r="KA7" s="92">
        <v>8487</v>
      </c>
      <c r="KB7" s="93">
        <v>10988</v>
      </c>
      <c r="KC7" s="90">
        <v>63203</v>
      </c>
      <c r="KD7" s="91">
        <v>71940</v>
      </c>
      <c r="KE7" s="92">
        <v>135143</v>
      </c>
      <c r="KF7" s="412">
        <v>0</v>
      </c>
      <c r="KG7" s="91">
        <v>92071</v>
      </c>
      <c r="KH7" s="91">
        <v>90357</v>
      </c>
      <c r="KI7" s="91">
        <v>63140</v>
      </c>
      <c r="KJ7" s="91">
        <v>58592</v>
      </c>
      <c r="KK7" s="91">
        <v>37395</v>
      </c>
      <c r="KL7" s="92">
        <v>341555</v>
      </c>
      <c r="KM7" s="93">
        <v>476698</v>
      </c>
    </row>
    <row r="8" spans="2:299" s="70" customFormat="1" ht="21" customHeight="1" x14ac:dyDescent="0.2">
      <c r="B8" s="95" t="s">
        <v>5</v>
      </c>
      <c r="C8" s="96">
        <v>8243</v>
      </c>
      <c r="D8" s="97">
        <v>10416</v>
      </c>
      <c r="E8" s="98">
        <v>18659</v>
      </c>
      <c r="F8" s="413">
        <v>0</v>
      </c>
      <c r="G8" s="97">
        <v>10562</v>
      </c>
      <c r="H8" s="97">
        <v>14280</v>
      </c>
      <c r="I8" s="97">
        <v>8905</v>
      </c>
      <c r="J8" s="97">
        <v>7318</v>
      </c>
      <c r="K8" s="97">
        <v>4411</v>
      </c>
      <c r="L8" s="99">
        <v>45476</v>
      </c>
      <c r="M8" s="100">
        <v>64135</v>
      </c>
      <c r="N8" s="101">
        <v>289</v>
      </c>
      <c r="O8" s="102">
        <v>474</v>
      </c>
      <c r="P8" s="103">
        <v>763</v>
      </c>
      <c r="Q8" s="413">
        <v>0</v>
      </c>
      <c r="R8" s="102">
        <v>405</v>
      </c>
      <c r="S8" s="102">
        <v>750</v>
      </c>
      <c r="T8" s="102">
        <v>453</v>
      </c>
      <c r="U8" s="102">
        <v>411</v>
      </c>
      <c r="V8" s="102">
        <v>285</v>
      </c>
      <c r="W8" s="103">
        <v>2304</v>
      </c>
      <c r="X8" s="104">
        <v>3067</v>
      </c>
      <c r="Y8" s="101">
        <v>663</v>
      </c>
      <c r="Z8" s="102">
        <v>1031</v>
      </c>
      <c r="AA8" s="103">
        <v>1694</v>
      </c>
      <c r="AB8" s="413">
        <v>0</v>
      </c>
      <c r="AC8" s="102">
        <v>785</v>
      </c>
      <c r="AD8" s="102">
        <v>1418</v>
      </c>
      <c r="AE8" s="102">
        <v>879</v>
      </c>
      <c r="AF8" s="102">
        <v>749</v>
      </c>
      <c r="AG8" s="102">
        <v>555</v>
      </c>
      <c r="AH8" s="103">
        <v>4386</v>
      </c>
      <c r="AI8" s="104">
        <v>6080</v>
      </c>
      <c r="AJ8" s="101">
        <v>1261</v>
      </c>
      <c r="AK8" s="102">
        <v>1716</v>
      </c>
      <c r="AL8" s="103">
        <v>2977</v>
      </c>
      <c r="AM8" s="413">
        <v>0</v>
      </c>
      <c r="AN8" s="102">
        <v>1559</v>
      </c>
      <c r="AO8" s="102">
        <v>2346</v>
      </c>
      <c r="AP8" s="102">
        <v>1422</v>
      </c>
      <c r="AQ8" s="102">
        <v>1213</v>
      </c>
      <c r="AR8" s="102">
        <v>785</v>
      </c>
      <c r="AS8" s="103">
        <v>7325</v>
      </c>
      <c r="AT8" s="104">
        <v>10302</v>
      </c>
      <c r="AU8" s="101">
        <v>2177</v>
      </c>
      <c r="AV8" s="102">
        <v>2586</v>
      </c>
      <c r="AW8" s="103">
        <v>4763</v>
      </c>
      <c r="AX8" s="413">
        <v>0</v>
      </c>
      <c r="AY8" s="102">
        <v>2673</v>
      </c>
      <c r="AZ8" s="102">
        <v>3295</v>
      </c>
      <c r="BA8" s="102">
        <v>2010</v>
      </c>
      <c r="BB8" s="102">
        <v>1643</v>
      </c>
      <c r="BC8" s="102">
        <v>1017</v>
      </c>
      <c r="BD8" s="103">
        <v>10638</v>
      </c>
      <c r="BE8" s="104">
        <v>15401</v>
      </c>
      <c r="BF8" s="101">
        <v>2337</v>
      </c>
      <c r="BG8" s="102">
        <v>2667</v>
      </c>
      <c r="BH8" s="103">
        <v>5004</v>
      </c>
      <c r="BI8" s="413">
        <v>0</v>
      </c>
      <c r="BJ8" s="102">
        <v>2977</v>
      </c>
      <c r="BK8" s="102">
        <v>3486</v>
      </c>
      <c r="BL8" s="102">
        <v>2182</v>
      </c>
      <c r="BM8" s="102">
        <v>1705</v>
      </c>
      <c r="BN8" s="102">
        <v>969</v>
      </c>
      <c r="BO8" s="103">
        <v>11319</v>
      </c>
      <c r="BP8" s="104">
        <v>16323</v>
      </c>
      <c r="BQ8" s="101">
        <v>1516</v>
      </c>
      <c r="BR8" s="102">
        <v>1942</v>
      </c>
      <c r="BS8" s="103">
        <v>3458</v>
      </c>
      <c r="BT8" s="413">
        <v>0</v>
      </c>
      <c r="BU8" s="102">
        <v>2163</v>
      </c>
      <c r="BV8" s="102">
        <v>2985</v>
      </c>
      <c r="BW8" s="102">
        <v>1959</v>
      </c>
      <c r="BX8" s="102">
        <v>1597</v>
      </c>
      <c r="BY8" s="102">
        <v>800</v>
      </c>
      <c r="BZ8" s="103">
        <v>9504</v>
      </c>
      <c r="CA8" s="104">
        <v>12962</v>
      </c>
      <c r="CB8" s="101">
        <v>181</v>
      </c>
      <c r="CC8" s="102">
        <v>407</v>
      </c>
      <c r="CD8" s="103">
        <v>588</v>
      </c>
      <c r="CE8" s="413">
        <v>0</v>
      </c>
      <c r="CF8" s="102">
        <v>242</v>
      </c>
      <c r="CG8" s="102">
        <v>671</v>
      </c>
      <c r="CH8" s="102">
        <v>368</v>
      </c>
      <c r="CI8" s="102">
        <v>339</v>
      </c>
      <c r="CJ8" s="102">
        <v>339</v>
      </c>
      <c r="CK8" s="103">
        <v>1959</v>
      </c>
      <c r="CL8" s="104">
        <v>2547</v>
      </c>
      <c r="CM8" s="101">
        <v>8424</v>
      </c>
      <c r="CN8" s="102">
        <v>10823</v>
      </c>
      <c r="CO8" s="103">
        <v>19247</v>
      </c>
      <c r="CP8" s="413">
        <v>0</v>
      </c>
      <c r="CQ8" s="102">
        <v>10804</v>
      </c>
      <c r="CR8" s="102">
        <v>14951</v>
      </c>
      <c r="CS8" s="102">
        <v>9273</v>
      </c>
      <c r="CT8" s="102">
        <v>7657</v>
      </c>
      <c r="CU8" s="102">
        <v>4750</v>
      </c>
      <c r="CV8" s="103">
        <v>47435</v>
      </c>
      <c r="CW8" s="104">
        <v>66682</v>
      </c>
      <c r="CX8" s="105">
        <v>15730</v>
      </c>
      <c r="CY8" s="97">
        <v>21553</v>
      </c>
      <c r="CZ8" s="98">
        <v>37283</v>
      </c>
      <c r="DA8" s="413">
        <v>0</v>
      </c>
      <c r="DB8" s="97">
        <v>20292</v>
      </c>
      <c r="DC8" s="97">
        <v>25478</v>
      </c>
      <c r="DD8" s="97">
        <v>17004</v>
      </c>
      <c r="DE8" s="97">
        <v>16238</v>
      </c>
      <c r="DF8" s="97">
        <v>10340</v>
      </c>
      <c r="DG8" s="99">
        <v>89352</v>
      </c>
      <c r="DH8" s="100">
        <v>126635</v>
      </c>
      <c r="DI8" s="101">
        <v>332</v>
      </c>
      <c r="DJ8" s="102">
        <v>486</v>
      </c>
      <c r="DK8" s="103">
        <v>818</v>
      </c>
      <c r="DL8" s="413">
        <v>0</v>
      </c>
      <c r="DM8" s="102">
        <v>294</v>
      </c>
      <c r="DN8" s="102">
        <v>491</v>
      </c>
      <c r="DO8" s="102">
        <v>283</v>
      </c>
      <c r="DP8" s="102">
        <v>283</v>
      </c>
      <c r="DQ8" s="102">
        <v>222</v>
      </c>
      <c r="DR8" s="103">
        <v>1573</v>
      </c>
      <c r="DS8" s="104">
        <v>2391</v>
      </c>
      <c r="DT8" s="101">
        <v>837</v>
      </c>
      <c r="DU8" s="102">
        <v>1269</v>
      </c>
      <c r="DV8" s="103">
        <v>2106</v>
      </c>
      <c r="DW8" s="413">
        <v>0</v>
      </c>
      <c r="DX8" s="102">
        <v>761</v>
      </c>
      <c r="DY8" s="102">
        <v>1200</v>
      </c>
      <c r="DZ8" s="102">
        <v>652</v>
      </c>
      <c r="EA8" s="102">
        <v>653</v>
      </c>
      <c r="EB8" s="102">
        <v>542</v>
      </c>
      <c r="EC8" s="103">
        <v>3808</v>
      </c>
      <c r="ED8" s="104">
        <v>5914</v>
      </c>
      <c r="EE8" s="101">
        <v>2364</v>
      </c>
      <c r="EF8" s="102">
        <v>2990</v>
      </c>
      <c r="EG8" s="103">
        <v>5354</v>
      </c>
      <c r="EH8" s="413">
        <v>0</v>
      </c>
      <c r="EI8" s="102">
        <v>2192</v>
      </c>
      <c r="EJ8" s="102">
        <v>2656</v>
      </c>
      <c r="EK8" s="102">
        <v>1406</v>
      </c>
      <c r="EL8" s="102">
        <v>1413</v>
      </c>
      <c r="EM8" s="102">
        <v>1058</v>
      </c>
      <c r="EN8" s="103">
        <v>8725</v>
      </c>
      <c r="EO8" s="104">
        <v>14079</v>
      </c>
      <c r="EP8" s="101">
        <v>4922</v>
      </c>
      <c r="EQ8" s="102">
        <v>5959</v>
      </c>
      <c r="ER8" s="103">
        <v>10881</v>
      </c>
      <c r="ES8" s="413">
        <v>0</v>
      </c>
      <c r="ET8" s="102">
        <v>5129</v>
      </c>
      <c r="EU8" s="102">
        <v>5407</v>
      </c>
      <c r="EV8" s="102">
        <v>3190</v>
      </c>
      <c r="EW8" s="102">
        <v>2801</v>
      </c>
      <c r="EX8" s="102">
        <v>1925</v>
      </c>
      <c r="EY8" s="103">
        <v>18452</v>
      </c>
      <c r="EZ8" s="104">
        <v>29333</v>
      </c>
      <c r="FA8" s="101">
        <v>4714</v>
      </c>
      <c r="FB8" s="102">
        <v>6372</v>
      </c>
      <c r="FC8" s="103">
        <v>11086</v>
      </c>
      <c r="FD8" s="413">
        <v>0</v>
      </c>
      <c r="FE8" s="102">
        <v>6438</v>
      </c>
      <c r="FF8" s="102">
        <v>7322</v>
      </c>
      <c r="FG8" s="102">
        <v>4599</v>
      </c>
      <c r="FH8" s="102">
        <v>4178</v>
      </c>
      <c r="FI8" s="102">
        <v>2602</v>
      </c>
      <c r="FJ8" s="103">
        <v>25139</v>
      </c>
      <c r="FK8" s="104">
        <v>36225</v>
      </c>
      <c r="FL8" s="101">
        <v>2561</v>
      </c>
      <c r="FM8" s="102">
        <v>4477</v>
      </c>
      <c r="FN8" s="103">
        <v>7038</v>
      </c>
      <c r="FO8" s="413">
        <v>0</v>
      </c>
      <c r="FP8" s="102">
        <v>5478</v>
      </c>
      <c r="FQ8" s="102">
        <v>8402</v>
      </c>
      <c r="FR8" s="102">
        <v>6874</v>
      </c>
      <c r="FS8" s="102">
        <v>6910</v>
      </c>
      <c r="FT8" s="102">
        <v>3991</v>
      </c>
      <c r="FU8" s="103">
        <v>31655</v>
      </c>
      <c r="FV8" s="104">
        <v>38693</v>
      </c>
      <c r="FW8" s="101">
        <v>163</v>
      </c>
      <c r="FX8" s="102">
        <v>307</v>
      </c>
      <c r="FY8" s="103">
        <v>470</v>
      </c>
      <c r="FZ8" s="413">
        <v>0</v>
      </c>
      <c r="GA8" s="102">
        <v>196</v>
      </c>
      <c r="GB8" s="102">
        <v>525</v>
      </c>
      <c r="GC8" s="102">
        <v>253</v>
      </c>
      <c r="GD8" s="102">
        <v>241</v>
      </c>
      <c r="GE8" s="102">
        <v>266</v>
      </c>
      <c r="GF8" s="103">
        <v>1481</v>
      </c>
      <c r="GG8" s="104">
        <v>1951</v>
      </c>
      <c r="GH8" s="101">
        <v>15893</v>
      </c>
      <c r="GI8" s="102">
        <v>21860</v>
      </c>
      <c r="GJ8" s="103">
        <v>37753</v>
      </c>
      <c r="GK8" s="413">
        <v>0</v>
      </c>
      <c r="GL8" s="102">
        <v>20488</v>
      </c>
      <c r="GM8" s="102">
        <v>26003</v>
      </c>
      <c r="GN8" s="102">
        <v>17257</v>
      </c>
      <c r="GO8" s="102">
        <v>16479</v>
      </c>
      <c r="GP8" s="102">
        <v>10606</v>
      </c>
      <c r="GQ8" s="103">
        <v>90833</v>
      </c>
      <c r="GR8" s="104">
        <v>128586</v>
      </c>
      <c r="GS8" s="105">
        <v>23973</v>
      </c>
      <c r="GT8" s="97">
        <v>31969</v>
      </c>
      <c r="GU8" s="98">
        <v>55942</v>
      </c>
      <c r="GV8" s="413">
        <v>0</v>
      </c>
      <c r="GW8" s="97">
        <v>30854</v>
      </c>
      <c r="GX8" s="97">
        <v>39758</v>
      </c>
      <c r="GY8" s="97">
        <v>25909</v>
      </c>
      <c r="GZ8" s="97">
        <v>23556</v>
      </c>
      <c r="HA8" s="97">
        <v>14751</v>
      </c>
      <c r="HB8" s="99">
        <v>134828</v>
      </c>
      <c r="HC8" s="100">
        <v>190770</v>
      </c>
      <c r="HD8" s="101">
        <v>621</v>
      </c>
      <c r="HE8" s="102">
        <v>960</v>
      </c>
      <c r="HF8" s="103">
        <v>1581</v>
      </c>
      <c r="HG8" s="416">
        <v>0</v>
      </c>
      <c r="HH8" s="102">
        <v>699</v>
      </c>
      <c r="HI8" s="102">
        <v>1241</v>
      </c>
      <c r="HJ8" s="102">
        <v>736</v>
      </c>
      <c r="HK8" s="102">
        <v>694</v>
      </c>
      <c r="HL8" s="102">
        <v>507</v>
      </c>
      <c r="HM8" s="103">
        <v>3877</v>
      </c>
      <c r="HN8" s="104">
        <v>5458</v>
      </c>
      <c r="HO8" s="101">
        <v>1500</v>
      </c>
      <c r="HP8" s="102">
        <v>2300</v>
      </c>
      <c r="HQ8" s="103">
        <v>3800</v>
      </c>
      <c r="HR8" s="413">
        <v>0</v>
      </c>
      <c r="HS8" s="102">
        <v>1546</v>
      </c>
      <c r="HT8" s="102">
        <v>2618</v>
      </c>
      <c r="HU8" s="102">
        <v>1531</v>
      </c>
      <c r="HV8" s="102">
        <v>1402</v>
      </c>
      <c r="HW8" s="102">
        <v>1097</v>
      </c>
      <c r="HX8" s="103">
        <v>8194</v>
      </c>
      <c r="HY8" s="104">
        <v>11994</v>
      </c>
      <c r="HZ8" s="101">
        <v>3625</v>
      </c>
      <c r="IA8" s="102">
        <v>4706</v>
      </c>
      <c r="IB8" s="103">
        <v>8331</v>
      </c>
      <c r="IC8" s="413">
        <v>0</v>
      </c>
      <c r="ID8" s="102">
        <v>3751</v>
      </c>
      <c r="IE8" s="102">
        <v>5002</v>
      </c>
      <c r="IF8" s="102">
        <v>2828</v>
      </c>
      <c r="IG8" s="102">
        <v>2626</v>
      </c>
      <c r="IH8" s="102">
        <v>1843</v>
      </c>
      <c r="II8" s="103">
        <v>16050</v>
      </c>
      <c r="IJ8" s="104">
        <v>24381</v>
      </c>
      <c r="IK8" s="101">
        <v>7099</v>
      </c>
      <c r="IL8" s="102">
        <v>8545</v>
      </c>
      <c r="IM8" s="103">
        <v>15644</v>
      </c>
      <c r="IN8" s="413">
        <v>0</v>
      </c>
      <c r="IO8" s="102">
        <v>7802</v>
      </c>
      <c r="IP8" s="102">
        <v>8702</v>
      </c>
      <c r="IQ8" s="102">
        <v>5200</v>
      </c>
      <c r="IR8" s="102">
        <v>4444</v>
      </c>
      <c r="IS8" s="102">
        <v>2942</v>
      </c>
      <c r="IT8" s="103">
        <v>29090</v>
      </c>
      <c r="IU8" s="104">
        <v>44734</v>
      </c>
      <c r="IV8" s="101">
        <v>7051</v>
      </c>
      <c r="IW8" s="102">
        <v>9039</v>
      </c>
      <c r="IX8" s="103">
        <v>16090</v>
      </c>
      <c r="IY8" s="413">
        <v>0</v>
      </c>
      <c r="IZ8" s="102">
        <v>9415</v>
      </c>
      <c r="JA8" s="102">
        <v>10808</v>
      </c>
      <c r="JB8" s="102">
        <v>6781</v>
      </c>
      <c r="JC8" s="102">
        <v>5883</v>
      </c>
      <c r="JD8" s="102">
        <v>3571</v>
      </c>
      <c r="JE8" s="103">
        <v>36458</v>
      </c>
      <c r="JF8" s="104">
        <v>52548</v>
      </c>
      <c r="JG8" s="101">
        <v>4077</v>
      </c>
      <c r="JH8" s="102">
        <v>6419</v>
      </c>
      <c r="JI8" s="103">
        <v>10496</v>
      </c>
      <c r="JJ8" s="413">
        <v>0</v>
      </c>
      <c r="JK8" s="102">
        <v>7641</v>
      </c>
      <c r="JL8" s="102">
        <v>11387</v>
      </c>
      <c r="JM8" s="102">
        <v>8833</v>
      </c>
      <c r="JN8" s="102">
        <v>8507</v>
      </c>
      <c r="JO8" s="102">
        <v>4791</v>
      </c>
      <c r="JP8" s="103">
        <v>41159</v>
      </c>
      <c r="JQ8" s="104">
        <v>51655</v>
      </c>
      <c r="JR8" s="101">
        <v>344</v>
      </c>
      <c r="JS8" s="102">
        <v>714</v>
      </c>
      <c r="JT8" s="103">
        <v>1058</v>
      </c>
      <c r="JU8" s="413">
        <v>0</v>
      </c>
      <c r="JV8" s="102">
        <v>438</v>
      </c>
      <c r="JW8" s="102">
        <v>1196</v>
      </c>
      <c r="JX8" s="102">
        <v>621</v>
      </c>
      <c r="JY8" s="102">
        <v>580</v>
      </c>
      <c r="JZ8" s="102">
        <v>605</v>
      </c>
      <c r="KA8" s="103">
        <v>3440</v>
      </c>
      <c r="KB8" s="104">
        <v>4498</v>
      </c>
      <c r="KC8" s="101">
        <v>24317</v>
      </c>
      <c r="KD8" s="102">
        <v>32683</v>
      </c>
      <c r="KE8" s="103">
        <v>57000</v>
      </c>
      <c r="KF8" s="413">
        <v>0</v>
      </c>
      <c r="KG8" s="102">
        <v>31292</v>
      </c>
      <c r="KH8" s="102">
        <v>40954</v>
      </c>
      <c r="KI8" s="102">
        <v>26530</v>
      </c>
      <c r="KJ8" s="102">
        <v>24136</v>
      </c>
      <c r="KK8" s="102">
        <v>15356</v>
      </c>
      <c r="KL8" s="103">
        <v>138268</v>
      </c>
      <c r="KM8" s="104">
        <v>195268</v>
      </c>
    </row>
    <row r="9" spans="2:299" s="70" customFormat="1" ht="21" customHeight="1" x14ac:dyDescent="0.2">
      <c r="B9" s="106" t="s">
        <v>6</v>
      </c>
      <c r="C9" s="96">
        <v>2907</v>
      </c>
      <c r="D9" s="97">
        <v>2479</v>
      </c>
      <c r="E9" s="98">
        <v>5386</v>
      </c>
      <c r="F9" s="413">
        <v>0</v>
      </c>
      <c r="G9" s="97">
        <v>5176</v>
      </c>
      <c r="H9" s="97">
        <v>4352</v>
      </c>
      <c r="I9" s="97">
        <v>2868</v>
      </c>
      <c r="J9" s="97">
        <v>2410</v>
      </c>
      <c r="K9" s="97">
        <v>1551</v>
      </c>
      <c r="L9" s="99">
        <v>16357</v>
      </c>
      <c r="M9" s="100">
        <v>21743</v>
      </c>
      <c r="N9" s="101">
        <v>155</v>
      </c>
      <c r="O9" s="102">
        <v>159</v>
      </c>
      <c r="P9" s="103">
        <v>314</v>
      </c>
      <c r="Q9" s="413">
        <v>0</v>
      </c>
      <c r="R9" s="102">
        <v>261</v>
      </c>
      <c r="S9" s="102">
        <v>246</v>
      </c>
      <c r="T9" s="102">
        <v>171</v>
      </c>
      <c r="U9" s="102">
        <v>143</v>
      </c>
      <c r="V9" s="102">
        <v>105</v>
      </c>
      <c r="W9" s="103">
        <v>926</v>
      </c>
      <c r="X9" s="104">
        <v>1240</v>
      </c>
      <c r="Y9" s="101">
        <v>291</v>
      </c>
      <c r="Z9" s="102">
        <v>262</v>
      </c>
      <c r="AA9" s="103">
        <v>553</v>
      </c>
      <c r="AB9" s="413">
        <v>0</v>
      </c>
      <c r="AC9" s="102">
        <v>525</v>
      </c>
      <c r="AD9" s="102">
        <v>450</v>
      </c>
      <c r="AE9" s="102">
        <v>323</v>
      </c>
      <c r="AF9" s="102">
        <v>282</v>
      </c>
      <c r="AG9" s="102">
        <v>191</v>
      </c>
      <c r="AH9" s="103">
        <v>1771</v>
      </c>
      <c r="AI9" s="104">
        <v>2324</v>
      </c>
      <c r="AJ9" s="101">
        <v>523</v>
      </c>
      <c r="AK9" s="102">
        <v>416</v>
      </c>
      <c r="AL9" s="103">
        <v>939</v>
      </c>
      <c r="AM9" s="413">
        <v>0</v>
      </c>
      <c r="AN9" s="102">
        <v>868</v>
      </c>
      <c r="AO9" s="102">
        <v>749</v>
      </c>
      <c r="AP9" s="102">
        <v>482</v>
      </c>
      <c r="AQ9" s="102">
        <v>441</v>
      </c>
      <c r="AR9" s="102">
        <v>321</v>
      </c>
      <c r="AS9" s="103">
        <v>2861</v>
      </c>
      <c r="AT9" s="104">
        <v>3800</v>
      </c>
      <c r="AU9" s="101">
        <v>728</v>
      </c>
      <c r="AV9" s="102">
        <v>605</v>
      </c>
      <c r="AW9" s="103">
        <v>1333</v>
      </c>
      <c r="AX9" s="413">
        <v>0</v>
      </c>
      <c r="AY9" s="102">
        <v>1300</v>
      </c>
      <c r="AZ9" s="102">
        <v>1038</v>
      </c>
      <c r="BA9" s="102">
        <v>640</v>
      </c>
      <c r="BB9" s="102">
        <v>554</v>
      </c>
      <c r="BC9" s="102">
        <v>340</v>
      </c>
      <c r="BD9" s="103">
        <v>3872</v>
      </c>
      <c r="BE9" s="104">
        <v>5205</v>
      </c>
      <c r="BF9" s="101">
        <v>770</v>
      </c>
      <c r="BG9" s="102">
        <v>612</v>
      </c>
      <c r="BH9" s="103">
        <v>1382</v>
      </c>
      <c r="BI9" s="413">
        <v>0</v>
      </c>
      <c r="BJ9" s="102">
        <v>1284</v>
      </c>
      <c r="BK9" s="102">
        <v>1022</v>
      </c>
      <c r="BL9" s="102">
        <v>678</v>
      </c>
      <c r="BM9" s="102">
        <v>488</v>
      </c>
      <c r="BN9" s="102">
        <v>344</v>
      </c>
      <c r="BO9" s="103">
        <v>3816</v>
      </c>
      <c r="BP9" s="104">
        <v>5198</v>
      </c>
      <c r="BQ9" s="101">
        <v>440</v>
      </c>
      <c r="BR9" s="102">
        <v>425</v>
      </c>
      <c r="BS9" s="103">
        <v>865</v>
      </c>
      <c r="BT9" s="413">
        <v>0</v>
      </c>
      <c r="BU9" s="102">
        <v>938</v>
      </c>
      <c r="BV9" s="102">
        <v>847</v>
      </c>
      <c r="BW9" s="102">
        <v>574</v>
      </c>
      <c r="BX9" s="102">
        <v>502</v>
      </c>
      <c r="BY9" s="102">
        <v>250</v>
      </c>
      <c r="BZ9" s="103">
        <v>3111</v>
      </c>
      <c r="CA9" s="104">
        <v>3976</v>
      </c>
      <c r="CB9" s="101">
        <v>81</v>
      </c>
      <c r="CC9" s="102">
        <v>102</v>
      </c>
      <c r="CD9" s="103">
        <v>183</v>
      </c>
      <c r="CE9" s="413">
        <v>0</v>
      </c>
      <c r="CF9" s="102">
        <v>165</v>
      </c>
      <c r="CG9" s="102">
        <v>200</v>
      </c>
      <c r="CH9" s="102">
        <v>124</v>
      </c>
      <c r="CI9" s="102">
        <v>122</v>
      </c>
      <c r="CJ9" s="102">
        <v>135</v>
      </c>
      <c r="CK9" s="103">
        <v>746</v>
      </c>
      <c r="CL9" s="104">
        <v>929</v>
      </c>
      <c r="CM9" s="101">
        <v>2988</v>
      </c>
      <c r="CN9" s="102">
        <v>2581</v>
      </c>
      <c r="CO9" s="103">
        <v>5569</v>
      </c>
      <c r="CP9" s="413">
        <v>0</v>
      </c>
      <c r="CQ9" s="102">
        <v>5341</v>
      </c>
      <c r="CR9" s="102">
        <v>4552</v>
      </c>
      <c r="CS9" s="102">
        <v>2992</v>
      </c>
      <c r="CT9" s="102">
        <v>2532</v>
      </c>
      <c r="CU9" s="102">
        <v>1686</v>
      </c>
      <c r="CV9" s="103">
        <v>17103</v>
      </c>
      <c r="CW9" s="104">
        <v>22672</v>
      </c>
      <c r="CX9" s="105">
        <v>5532</v>
      </c>
      <c r="CY9" s="97">
        <v>5749</v>
      </c>
      <c r="CZ9" s="98">
        <v>11281</v>
      </c>
      <c r="DA9" s="413">
        <v>0</v>
      </c>
      <c r="DB9" s="97">
        <v>9123</v>
      </c>
      <c r="DC9" s="97">
        <v>7133</v>
      </c>
      <c r="DD9" s="97">
        <v>5292</v>
      </c>
      <c r="DE9" s="97">
        <v>5241</v>
      </c>
      <c r="DF9" s="97">
        <v>3664</v>
      </c>
      <c r="DG9" s="99">
        <v>30453</v>
      </c>
      <c r="DH9" s="100">
        <v>41734</v>
      </c>
      <c r="DI9" s="101">
        <v>114</v>
      </c>
      <c r="DJ9" s="102">
        <v>141</v>
      </c>
      <c r="DK9" s="103">
        <v>255</v>
      </c>
      <c r="DL9" s="413">
        <v>0</v>
      </c>
      <c r="DM9" s="102">
        <v>182</v>
      </c>
      <c r="DN9" s="102">
        <v>132</v>
      </c>
      <c r="DO9" s="102">
        <v>98</v>
      </c>
      <c r="DP9" s="102">
        <v>93</v>
      </c>
      <c r="DQ9" s="102">
        <v>74</v>
      </c>
      <c r="DR9" s="103">
        <v>579</v>
      </c>
      <c r="DS9" s="104">
        <v>834</v>
      </c>
      <c r="DT9" s="101">
        <v>337</v>
      </c>
      <c r="DU9" s="102">
        <v>330</v>
      </c>
      <c r="DV9" s="103">
        <v>667</v>
      </c>
      <c r="DW9" s="413">
        <v>0</v>
      </c>
      <c r="DX9" s="102">
        <v>406</v>
      </c>
      <c r="DY9" s="102">
        <v>340</v>
      </c>
      <c r="DZ9" s="102">
        <v>234</v>
      </c>
      <c r="EA9" s="102">
        <v>220</v>
      </c>
      <c r="EB9" s="102">
        <v>194</v>
      </c>
      <c r="EC9" s="103">
        <v>1394</v>
      </c>
      <c r="ED9" s="104">
        <v>2061</v>
      </c>
      <c r="EE9" s="101">
        <v>833</v>
      </c>
      <c r="EF9" s="102">
        <v>820</v>
      </c>
      <c r="EG9" s="103">
        <v>1653</v>
      </c>
      <c r="EH9" s="413">
        <v>0</v>
      </c>
      <c r="EI9" s="102">
        <v>1071</v>
      </c>
      <c r="EJ9" s="102">
        <v>725</v>
      </c>
      <c r="EK9" s="102">
        <v>431</v>
      </c>
      <c r="EL9" s="102">
        <v>442</v>
      </c>
      <c r="EM9" s="102">
        <v>367</v>
      </c>
      <c r="EN9" s="103">
        <v>3036</v>
      </c>
      <c r="EO9" s="104">
        <v>4689</v>
      </c>
      <c r="EP9" s="101">
        <v>1727</v>
      </c>
      <c r="EQ9" s="102">
        <v>1597</v>
      </c>
      <c r="ER9" s="103">
        <v>3324</v>
      </c>
      <c r="ES9" s="413">
        <v>0</v>
      </c>
      <c r="ET9" s="102">
        <v>2240</v>
      </c>
      <c r="EU9" s="102">
        <v>1521</v>
      </c>
      <c r="EV9" s="102">
        <v>1020</v>
      </c>
      <c r="EW9" s="102">
        <v>893</v>
      </c>
      <c r="EX9" s="102">
        <v>669</v>
      </c>
      <c r="EY9" s="103">
        <v>6343</v>
      </c>
      <c r="EZ9" s="104">
        <v>9667</v>
      </c>
      <c r="FA9" s="101">
        <v>1635</v>
      </c>
      <c r="FB9" s="102">
        <v>1676</v>
      </c>
      <c r="FC9" s="103">
        <v>3311</v>
      </c>
      <c r="FD9" s="413">
        <v>0</v>
      </c>
      <c r="FE9" s="102">
        <v>2772</v>
      </c>
      <c r="FF9" s="102">
        <v>2072</v>
      </c>
      <c r="FG9" s="102">
        <v>1445</v>
      </c>
      <c r="FH9" s="102">
        <v>1294</v>
      </c>
      <c r="FI9" s="102">
        <v>914</v>
      </c>
      <c r="FJ9" s="103">
        <v>8497</v>
      </c>
      <c r="FK9" s="104">
        <v>11808</v>
      </c>
      <c r="FL9" s="101">
        <v>886</v>
      </c>
      <c r="FM9" s="102">
        <v>1185</v>
      </c>
      <c r="FN9" s="103">
        <v>2071</v>
      </c>
      <c r="FO9" s="413">
        <v>0</v>
      </c>
      <c r="FP9" s="102">
        <v>2452</v>
      </c>
      <c r="FQ9" s="102">
        <v>2343</v>
      </c>
      <c r="FR9" s="102">
        <v>2064</v>
      </c>
      <c r="FS9" s="102">
        <v>2299</v>
      </c>
      <c r="FT9" s="102">
        <v>1446</v>
      </c>
      <c r="FU9" s="103">
        <v>10604</v>
      </c>
      <c r="FV9" s="104">
        <v>12675</v>
      </c>
      <c r="FW9" s="101">
        <v>62</v>
      </c>
      <c r="FX9" s="102">
        <v>94</v>
      </c>
      <c r="FY9" s="103">
        <v>156</v>
      </c>
      <c r="FZ9" s="413">
        <v>0</v>
      </c>
      <c r="GA9" s="102">
        <v>133</v>
      </c>
      <c r="GB9" s="102">
        <v>137</v>
      </c>
      <c r="GC9" s="102">
        <v>92</v>
      </c>
      <c r="GD9" s="102">
        <v>90</v>
      </c>
      <c r="GE9" s="102">
        <v>101</v>
      </c>
      <c r="GF9" s="103">
        <v>553</v>
      </c>
      <c r="GG9" s="104">
        <v>709</v>
      </c>
      <c r="GH9" s="101">
        <v>5594</v>
      </c>
      <c r="GI9" s="102">
        <v>5843</v>
      </c>
      <c r="GJ9" s="103">
        <v>11437</v>
      </c>
      <c r="GK9" s="413">
        <v>0</v>
      </c>
      <c r="GL9" s="102">
        <v>9256</v>
      </c>
      <c r="GM9" s="102">
        <v>7270</v>
      </c>
      <c r="GN9" s="102">
        <v>5384</v>
      </c>
      <c r="GO9" s="102">
        <v>5331</v>
      </c>
      <c r="GP9" s="102">
        <v>3765</v>
      </c>
      <c r="GQ9" s="103">
        <v>31006</v>
      </c>
      <c r="GR9" s="104">
        <v>42443</v>
      </c>
      <c r="GS9" s="105">
        <v>8439</v>
      </c>
      <c r="GT9" s="97">
        <v>8228</v>
      </c>
      <c r="GU9" s="98">
        <v>16667</v>
      </c>
      <c r="GV9" s="413">
        <v>0</v>
      </c>
      <c r="GW9" s="97">
        <v>14299</v>
      </c>
      <c r="GX9" s="97">
        <v>11485</v>
      </c>
      <c r="GY9" s="97">
        <v>8160</v>
      </c>
      <c r="GZ9" s="97">
        <v>7651</v>
      </c>
      <c r="HA9" s="97">
        <v>5215</v>
      </c>
      <c r="HB9" s="99">
        <v>46810</v>
      </c>
      <c r="HC9" s="100">
        <v>63477</v>
      </c>
      <c r="HD9" s="101">
        <v>269</v>
      </c>
      <c r="HE9" s="102">
        <v>300</v>
      </c>
      <c r="HF9" s="103">
        <v>569</v>
      </c>
      <c r="HG9" s="416">
        <v>0</v>
      </c>
      <c r="HH9" s="102">
        <v>443</v>
      </c>
      <c r="HI9" s="102">
        <v>378</v>
      </c>
      <c r="HJ9" s="102">
        <v>269</v>
      </c>
      <c r="HK9" s="102">
        <v>236</v>
      </c>
      <c r="HL9" s="102">
        <v>179</v>
      </c>
      <c r="HM9" s="103">
        <v>1505</v>
      </c>
      <c r="HN9" s="104">
        <v>2074</v>
      </c>
      <c r="HO9" s="101">
        <v>628</v>
      </c>
      <c r="HP9" s="102">
        <v>592</v>
      </c>
      <c r="HQ9" s="103">
        <v>1220</v>
      </c>
      <c r="HR9" s="413">
        <v>0</v>
      </c>
      <c r="HS9" s="102">
        <v>931</v>
      </c>
      <c r="HT9" s="102">
        <v>790</v>
      </c>
      <c r="HU9" s="102">
        <v>557</v>
      </c>
      <c r="HV9" s="102">
        <v>502</v>
      </c>
      <c r="HW9" s="102">
        <v>385</v>
      </c>
      <c r="HX9" s="103">
        <v>3165</v>
      </c>
      <c r="HY9" s="104">
        <v>4385</v>
      </c>
      <c r="HZ9" s="101">
        <v>1356</v>
      </c>
      <c r="IA9" s="102">
        <v>1236</v>
      </c>
      <c r="IB9" s="103">
        <v>2592</v>
      </c>
      <c r="IC9" s="413">
        <v>0</v>
      </c>
      <c r="ID9" s="102">
        <v>1939</v>
      </c>
      <c r="IE9" s="102">
        <v>1474</v>
      </c>
      <c r="IF9" s="102">
        <v>913</v>
      </c>
      <c r="IG9" s="102">
        <v>883</v>
      </c>
      <c r="IH9" s="102">
        <v>688</v>
      </c>
      <c r="II9" s="103">
        <v>5897</v>
      </c>
      <c r="IJ9" s="104">
        <v>8489</v>
      </c>
      <c r="IK9" s="101">
        <v>2455</v>
      </c>
      <c r="IL9" s="102">
        <v>2202</v>
      </c>
      <c r="IM9" s="103">
        <v>4657</v>
      </c>
      <c r="IN9" s="413">
        <v>0</v>
      </c>
      <c r="IO9" s="102">
        <v>3540</v>
      </c>
      <c r="IP9" s="102">
        <v>2559</v>
      </c>
      <c r="IQ9" s="102">
        <v>1660</v>
      </c>
      <c r="IR9" s="102">
        <v>1447</v>
      </c>
      <c r="IS9" s="102">
        <v>1009</v>
      </c>
      <c r="IT9" s="103">
        <v>10215</v>
      </c>
      <c r="IU9" s="104">
        <v>14872</v>
      </c>
      <c r="IV9" s="101">
        <v>2405</v>
      </c>
      <c r="IW9" s="102">
        <v>2288</v>
      </c>
      <c r="IX9" s="103">
        <v>4693</v>
      </c>
      <c r="IY9" s="413">
        <v>0</v>
      </c>
      <c r="IZ9" s="102">
        <v>4056</v>
      </c>
      <c r="JA9" s="102">
        <v>3094</v>
      </c>
      <c r="JB9" s="102">
        <v>2123</v>
      </c>
      <c r="JC9" s="102">
        <v>1782</v>
      </c>
      <c r="JD9" s="102">
        <v>1258</v>
      </c>
      <c r="JE9" s="103">
        <v>12313</v>
      </c>
      <c r="JF9" s="104">
        <v>17006</v>
      </c>
      <c r="JG9" s="101">
        <v>1326</v>
      </c>
      <c r="JH9" s="102">
        <v>1610</v>
      </c>
      <c r="JI9" s="103">
        <v>2936</v>
      </c>
      <c r="JJ9" s="413">
        <v>0</v>
      </c>
      <c r="JK9" s="102">
        <v>3390</v>
      </c>
      <c r="JL9" s="102">
        <v>3190</v>
      </c>
      <c r="JM9" s="102">
        <v>2638</v>
      </c>
      <c r="JN9" s="102">
        <v>2801</v>
      </c>
      <c r="JO9" s="102">
        <v>1696</v>
      </c>
      <c r="JP9" s="103">
        <v>13715</v>
      </c>
      <c r="JQ9" s="104">
        <v>16651</v>
      </c>
      <c r="JR9" s="101">
        <v>143</v>
      </c>
      <c r="JS9" s="102">
        <v>196</v>
      </c>
      <c r="JT9" s="103">
        <v>339</v>
      </c>
      <c r="JU9" s="413">
        <v>0</v>
      </c>
      <c r="JV9" s="102">
        <v>298</v>
      </c>
      <c r="JW9" s="102">
        <v>337</v>
      </c>
      <c r="JX9" s="102">
        <v>216</v>
      </c>
      <c r="JY9" s="102">
        <v>212</v>
      </c>
      <c r="JZ9" s="102">
        <v>236</v>
      </c>
      <c r="KA9" s="103">
        <v>1299</v>
      </c>
      <c r="KB9" s="104">
        <v>1638</v>
      </c>
      <c r="KC9" s="101">
        <v>8582</v>
      </c>
      <c r="KD9" s="102">
        <v>8424</v>
      </c>
      <c r="KE9" s="103">
        <v>17006</v>
      </c>
      <c r="KF9" s="413">
        <v>0</v>
      </c>
      <c r="KG9" s="102">
        <v>14597</v>
      </c>
      <c r="KH9" s="102">
        <v>11822</v>
      </c>
      <c r="KI9" s="102">
        <v>8376</v>
      </c>
      <c r="KJ9" s="102">
        <v>7863</v>
      </c>
      <c r="KK9" s="102">
        <v>5451</v>
      </c>
      <c r="KL9" s="103">
        <v>48109</v>
      </c>
      <c r="KM9" s="104">
        <v>65115</v>
      </c>
    </row>
    <row r="10" spans="2:299" s="70" customFormat="1" ht="21" customHeight="1" x14ac:dyDescent="0.2">
      <c r="B10" s="106" t="s">
        <v>14</v>
      </c>
      <c r="C10" s="96">
        <v>1679</v>
      </c>
      <c r="D10" s="97">
        <v>2066</v>
      </c>
      <c r="E10" s="98">
        <v>3745</v>
      </c>
      <c r="F10" s="413">
        <v>0</v>
      </c>
      <c r="G10" s="97">
        <v>2403</v>
      </c>
      <c r="H10" s="97">
        <v>2697</v>
      </c>
      <c r="I10" s="97">
        <v>1948</v>
      </c>
      <c r="J10" s="97">
        <v>1541</v>
      </c>
      <c r="K10" s="97">
        <v>923</v>
      </c>
      <c r="L10" s="99">
        <v>9512</v>
      </c>
      <c r="M10" s="100">
        <v>13257</v>
      </c>
      <c r="N10" s="101">
        <v>68</v>
      </c>
      <c r="O10" s="102">
        <v>95</v>
      </c>
      <c r="P10" s="103">
        <v>163</v>
      </c>
      <c r="Q10" s="413">
        <v>0</v>
      </c>
      <c r="R10" s="102">
        <v>93</v>
      </c>
      <c r="S10" s="102">
        <v>134</v>
      </c>
      <c r="T10" s="102">
        <v>91</v>
      </c>
      <c r="U10" s="102">
        <v>99</v>
      </c>
      <c r="V10" s="102">
        <v>60</v>
      </c>
      <c r="W10" s="103">
        <v>477</v>
      </c>
      <c r="X10" s="104">
        <v>640</v>
      </c>
      <c r="Y10" s="101">
        <v>150</v>
      </c>
      <c r="Z10" s="102">
        <v>261</v>
      </c>
      <c r="AA10" s="103">
        <v>411</v>
      </c>
      <c r="AB10" s="413">
        <v>0</v>
      </c>
      <c r="AC10" s="102">
        <v>194</v>
      </c>
      <c r="AD10" s="102">
        <v>246</v>
      </c>
      <c r="AE10" s="102">
        <v>187</v>
      </c>
      <c r="AF10" s="102">
        <v>154</v>
      </c>
      <c r="AG10" s="102">
        <v>124</v>
      </c>
      <c r="AH10" s="103">
        <v>905</v>
      </c>
      <c r="AI10" s="104">
        <v>1316</v>
      </c>
      <c r="AJ10" s="101">
        <v>259</v>
      </c>
      <c r="AK10" s="102">
        <v>369</v>
      </c>
      <c r="AL10" s="103">
        <v>628</v>
      </c>
      <c r="AM10" s="413">
        <v>0</v>
      </c>
      <c r="AN10" s="102">
        <v>377</v>
      </c>
      <c r="AO10" s="102">
        <v>450</v>
      </c>
      <c r="AP10" s="102">
        <v>321</v>
      </c>
      <c r="AQ10" s="102">
        <v>272</v>
      </c>
      <c r="AR10" s="102">
        <v>165</v>
      </c>
      <c r="AS10" s="103">
        <v>1585</v>
      </c>
      <c r="AT10" s="104">
        <v>2213</v>
      </c>
      <c r="AU10" s="101">
        <v>489</v>
      </c>
      <c r="AV10" s="102">
        <v>556</v>
      </c>
      <c r="AW10" s="103">
        <v>1045</v>
      </c>
      <c r="AX10" s="413">
        <v>0</v>
      </c>
      <c r="AY10" s="102">
        <v>667</v>
      </c>
      <c r="AZ10" s="102">
        <v>718</v>
      </c>
      <c r="BA10" s="102">
        <v>500</v>
      </c>
      <c r="BB10" s="102">
        <v>387</v>
      </c>
      <c r="BC10" s="102">
        <v>238</v>
      </c>
      <c r="BD10" s="103">
        <v>2510</v>
      </c>
      <c r="BE10" s="104">
        <v>3555</v>
      </c>
      <c r="BF10" s="101">
        <v>487</v>
      </c>
      <c r="BG10" s="102">
        <v>513</v>
      </c>
      <c r="BH10" s="103">
        <v>1000</v>
      </c>
      <c r="BI10" s="413">
        <v>0</v>
      </c>
      <c r="BJ10" s="102">
        <v>670</v>
      </c>
      <c r="BK10" s="102">
        <v>674</v>
      </c>
      <c r="BL10" s="102">
        <v>491</v>
      </c>
      <c r="BM10" s="102">
        <v>353</v>
      </c>
      <c r="BN10" s="102">
        <v>199</v>
      </c>
      <c r="BO10" s="103">
        <v>2387</v>
      </c>
      <c r="BP10" s="104">
        <v>3387</v>
      </c>
      <c r="BQ10" s="101">
        <v>226</v>
      </c>
      <c r="BR10" s="102">
        <v>272</v>
      </c>
      <c r="BS10" s="103">
        <v>498</v>
      </c>
      <c r="BT10" s="413">
        <v>0</v>
      </c>
      <c r="BU10" s="102">
        <v>402</v>
      </c>
      <c r="BV10" s="102">
        <v>475</v>
      </c>
      <c r="BW10" s="102">
        <v>358</v>
      </c>
      <c r="BX10" s="102">
        <v>276</v>
      </c>
      <c r="BY10" s="102">
        <v>137</v>
      </c>
      <c r="BZ10" s="103">
        <v>1648</v>
      </c>
      <c r="CA10" s="104">
        <v>2146</v>
      </c>
      <c r="CB10" s="101">
        <v>37</v>
      </c>
      <c r="CC10" s="102">
        <v>98</v>
      </c>
      <c r="CD10" s="103">
        <v>135</v>
      </c>
      <c r="CE10" s="413">
        <v>0</v>
      </c>
      <c r="CF10" s="102">
        <v>43</v>
      </c>
      <c r="CG10" s="102">
        <v>144</v>
      </c>
      <c r="CH10" s="102">
        <v>76</v>
      </c>
      <c r="CI10" s="102">
        <v>80</v>
      </c>
      <c r="CJ10" s="102">
        <v>61</v>
      </c>
      <c r="CK10" s="103">
        <v>404</v>
      </c>
      <c r="CL10" s="104">
        <v>539</v>
      </c>
      <c r="CM10" s="101">
        <v>1716</v>
      </c>
      <c r="CN10" s="102">
        <v>2164</v>
      </c>
      <c r="CO10" s="103">
        <v>3880</v>
      </c>
      <c r="CP10" s="413">
        <v>0</v>
      </c>
      <c r="CQ10" s="102">
        <v>2446</v>
      </c>
      <c r="CR10" s="102">
        <v>2841</v>
      </c>
      <c r="CS10" s="102">
        <v>2024</v>
      </c>
      <c r="CT10" s="102">
        <v>1621</v>
      </c>
      <c r="CU10" s="102">
        <v>984</v>
      </c>
      <c r="CV10" s="103">
        <v>9916</v>
      </c>
      <c r="CW10" s="104">
        <v>13796</v>
      </c>
      <c r="CX10" s="105">
        <v>3129</v>
      </c>
      <c r="CY10" s="97">
        <v>4362</v>
      </c>
      <c r="CZ10" s="98">
        <v>7491</v>
      </c>
      <c r="DA10" s="413">
        <v>0</v>
      </c>
      <c r="DB10" s="97">
        <v>4055</v>
      </c>
      <c r="DC10" s="97">
        <v>4388</v>
      </c>
      <c r="DD10" s="97">
        <v>3361</v>
      </c>
      <c r="DE10" s="97">
        <v>3167</v>
      </c>
      <c r="DF10" s="97">
        <v>1882</v>
      </c>
      <c r="DG10" s="99">
        <v>16853</v>
      </c>
      <c r="DH10" s="100">
        <v>24344</v>
      </c>
      <c r="DI10" s="101">
        <v>72</v>
      </c>
      <c r="DJ10" s="102">
        <v>90</v>
      </c>
      <c r="DK10" s="103">
        <v>162</v>
      </c>
      <c r="DL10" s="413">
        <v>0</v>
      </c>
      <c r="DM10" s="102">
        <v>64</v>
      </c>
      <c r="DN10" s="102">
        <v>103</v>
      </c>
      <c r="DO10" s="102">
        <v>70</v>
      </c>
      <c r="DP10" s="102">
        <v>72</v>
      </c>
      <c r="DQ10" s="102">
        <v>48</v>
      </c>
      <c r="DR10" s="103">
        <v>357</v>
      </c>
      <c r="DS10" s="104">
        <v>519</v>
      </c>
      <c r="DT10" s="101">
        <v>219</v>
      </c>
      <c r="DU10" s="102">
        <v>303</v>
      </c>
      <c r="DV10" s="103">
        <v>522</v>
      </c>
      <c r="DW10" s="413">
        <v>0</v>
      </c>
      <c r="DX10" s="102">
        <v>182</v>
      </c>
      <c r="DY10" s="102">
        <v>251</v>
      </c>
      <c r="DZ10" s="102">
        <v>153</v>
      </c>
      <c r="EA10" s="102">
        <v>129</v>
      </c>
      <c r="EB10" s="102">
        <v>104</v>
      </c>
      <c r="EC10" s="103">
        <v>819</v>
      </c>
      <c r="ED10" s="104">
        <v>1341</v>
      </c>
      <c r="EE10" s="101">
        <v>540</v>
      </c>
      <c r="EF10" s="102">
        <v>717</v>
      </c>
      <c r="EG10" s="103">
        <v>1257</v>
      </c>
      <c r="EH10" s="413">
        <v>0</v>
      </c>
      <c r="EI10" s="102">
        <v>492</v>
      </c>
      <c r="EJ10" s="102">
        <v>558</v>
      </c>
      <c r="EK10" s="102">
        <v>335</v>
      </c>
      <c r="EL10" s="102">
        <v>349</v>
      </c>
      <c r="EM10" s="102">
        <v>236</v>
      </c>
      <c r="EN10" s="103">
        <v>1970</v>
      </c>
      <c r="EO10" s="104">
        <v>3227</v>
      </c>
      <c r="EP10" s="101">
        <v>1033</v>
      </c>
      <c r="EQ10" s="102">
        <v>1360</v>
      </c>
      <c r="ER10" s="103">
        <v>2393</v>
      </c>
      <c r="ES10" s="413">
        <v>0</v>
      </c>
      <c r="ET10" s="102">
        <v>1180</v>
      </c>
      <c r="EU10" s="102">
        <v>1057</v>
      </c>
      <c r="EV10" s="102">
        <v>796</v>
      </c>
      <c r="EW10" s="102">
        <v>595</v>
      </c>
      <c r="EX10" s="102">
        <v>387</v>
      </c>
      <c r="EY10" s="103">
        <v>4015</v>
      </c>
      <c r="EZ10" s="104">
        <v>6408</v>
      </c>
      <c r="FA10" s="101">
        <v>860</v>
      </c>
      <c r="FB10" s="102">
        <v>1182</v>
      </c>
      <c r="FC10" s="103">
        <v>2042</v>
      </c>
      <c r="FD10" s="413">
        <v>0</v>
      </c>
      <c r="FE10" s="102">
        <v>1197</v>
      </c>
      <c r="FF10" s="102">
        <v>1198</v>
      </c>
      <c r="FG10" s="102">
        <v>856</v>
      </c>
      <c r="FH10" s="102">
        <v>825</v>
      </c>
      <c r="FI10" s="102">
        <v>454</v>
      </c>
      <c r="FJ10" s="103">
        <v>4530</v>
      </c>
      <c r="FK10" s="104">
        <v>6572</v>
      </c>
      <c r="FL10" s="101">
        <v>405</v>
      </c>
      <c r="FM10" s="102">
        <v>710</v>
      </c>
      <c r="FN10" s="103">
        <v>1115</v>
      </c>
      <c r="FO10" s="413">
        <v>0</v>
      </c>
      <c r="FP10" s="102">
        <v>940</v>
      </c>
      <c r="FQ10" s="102">
        <v>1221</v>
      </c>
      <c r="FR10" s="102">
        <v>1151</v>
      </c>
      <c r="FS10" s="102">
        <v>1197</v>
      </c>
      <c r="FT10" s="102">
        <v>653</v>
      </c>
      <c r="FU10" s="103">
        <v>5162</v>
      </c>
      <c r="FV10" s="104">
        <v>6277</v>
      </c>
      <c r="FW10" s="101">
        <v>26</v>
      </c>
      <c r="FX10" s="102">
        <v>83</v>
      </c>
      <c r="FY10" s="103">
        <v>109</v>
      </c>
      <c r="FZ10" s="413">
        <v>0</v>
      </c>
      <c r="GA10" s="102">
        <v>51</v>
      </c>
      <c r="GB10" s="102">
        <v>86</v>
      </c>
      <c r="GC10" s="102">
        <v>59</v>
      </c>
      <c r="GD10" s="102">
        <v>55</v>
      </c>
      <c r="GE10" s="102">
        <v>52</v>
      </c>
      <c r="GF10" s="103">
        <v>303</v>
      </c>
      <c r="GG10" s="104">
        <v>412</v>
      </c>
      <c r="GH10" s="101">
        <v>3155</v>
      </c>
      <c r="GI10" s="102">
        <v>4445</v>
      </c>
      <c r="GJ10" s="103">
        <v>7600</v>
      </c>
      <c r="GK10" s="413">
        <v>0</v>
      </c>
      <c r="GL10" s="102">
        <v>4106</v>
      </c>
      <c r="GM10" s="102">
        <v>4474</v>
      </c>
      <c r="GN10" s="102">
        <v>3420</v>
      </c>
      <c r="GO10" s="102">
        <v>3222</v>
      </c>
      <c r="GP10" s="102">
        <v>1934</v>
      </c>
      <c r="GQ10" s="103">
        <v>17156</v>
      </c>
      <c r="GR10" s="104">
        <v>24756</v>
      </c>
      <c r="GS10" s="105">
        <v>4808</v>
      </c>
      <c r="GT10" s="97">
        <v>6428</v>
      </c>
      <c r="GU10" s="98">
        <v>11236</v>
      </c>
      <c r="GV10" s="413">
        <v>0</v>
      </c>
      <c r="GW10" s="97">
        <v>6458</v>
      </c>
      <c r="GX10" s="97">
        <v>7085</v>
      </c>
      <c r="GY10" s="97">
        <v>5309</v>
      </c>
      <c r="GZ10" s="97">
        <v>4708</v>
      </c>
      <c r="HA10" s="97">
        <v>2805</v>
      </c>
      <c r="HB10" s="99">
        <v>26365</v>
      </c>
      <c r="HC10" s="100">
        <v>37601</v>
      </c>
      <c r="HD10" s="101">
        <v>140</v>
      </c>
      <c r="HE10" s="102">
        <v>185</v>
      </c>
      <c r="HF10" s="103">
        <v>325</v>
      </c>
      <c r="HG10" s="416">
        <v>0</v>
      </c>
      <c r="HH10" s="102">
        <v>157</v>
      </c>
      <c r="HI10" s="102">
        <v>237</v>
      </c>
      <c r="HJ10" s="102">
        <v>161</v>
      </c>
      <c r="HK10" s="102">
        <v>171</v>
      </c>
      <c r="HL10" s="102">
        <v>108</v>
      </c>
      <c r="HM10" s="103">
        <v>834</v>
      </c>
      <c r="HN10" s="104">
        <v>1159</v>
      </c>
      <c r="HO10" s="101">
        <v>369</v>
      </c>
      <c r="HP10" s="102">
        <v>564</v>
      </c>
      <c r="HQ10" s="103">
        <v>933</v>
      </c>
      <c r="HR10" s="413">
        <v>0</v>
      </c>
      <c r="HS10" s="102">
        <v>376</v>
      </c>
      <c r="HT10" s="102">
        <v>497</v>
      </c>
      <c r="HU10" s="102">
        <v>340</v>
      </c>
      <c r="HV10" s="102">
        <v>283</v>
      </c>
      <c r="HW10" s="102">
        <v>228</v>
      </c>
      <c r="HX10" s="103">
        <v>1724</v>
      </c>
      <c r="HY10" s="104">
        <v>2657</v>
      </c>
      <c r="HZ10" s="101">
        <v>799</v>
      </c>
      <c r="IA10" s="102">
        <v>1086</v>
      </c>
      <c r="IB10" s="103">
        <v>1885</v>
      </c>
      <c r="IC10" s="413">
        <v>0</v>
      </c>
      <c r="ID10" s="102">
        <v>869</v>
      </c>
      <c r="IE10" s="102">
        <v>1008</v>
      </c>
      <c r="IF10" s="102">
        <v>656</v>
      </c>
      <c r="IG10" s="102">
        <v>621</v>
      </c>
      <c r="IH10" s="102">
        <v>401</v>
      </c>
      <c r="II10" s="103">
        <v>3555</v>
      </c>
      <c r="IJ10" s="104">
        <v>5440</v>
      </c>
      <c r="IK10" s="101">
        <v>1522</v>
      </c>
      <c r="IL10" s="102">
        <v>1916</v>
      </c>
      <c r="IM10" s="103">
        <v>3438</v>
      </c>
      <c r="IN10" s="413">
        <v>0</v>
      </c>
      <c r="IO10" s="102">
        <v>1847</v>
      </c>
      <c r="IP10" s="102">
        <v>1775</v>
      </c>
      <c r="IQ10" s="102">
        <v>1296</v>
      </c>
      <c r="IR10" s="102">
        <v>982</v>
      </c>
      <c r="IS10" s="102">
        <v>625</v>
      </c>
      <c r="IT10" s="103">
        <v>6525</v>
      </c>
      <c r="IU10" s="104">
        <v>9963</v>
      </c>
      <c r="IV10" s="101">
        <v>1347</v>
      </c>
      <c r="IW10" s="102">
        <v>1695</v>
      </c>
      <c r="IX10" s="103">
        <v>3042</v>
      </c>
      <c r="IY10" s="413">
        <v>0</v>
      </c>
      <c r="IZ10" s="102">
        <v>1867</v>
      </c>
      <c r="JA10" s="102">
        <v>1872</v>
      </c>
      <c r="JB10" s="102">
        <v>1347</v>
      </c>
      <c r="JC10" s="102">
        <v>1178</v>
      </c>
      <c r="JD10" s="102">
        <v>653</v>
      </c>
      <c r="JE10" s="103">
        <v>6917</v>
      </c>
      <c r="JF10" s="104">
        <v>9959</v>
      </c>
      <c r="JG10" s="101">
        <v>631</v>
      </c>
      <c r="JH10" s="102">
        <v>982</v>
      </c>
      <c r="JI10" s="103">
        <v>1613</v>
      </c>
      <c r="JJ10" s="413">
        <v>0</v>
      </c>
      <c r="JK10" s="102">
        <v>1342</v>
      </c>
      <c r="JL10" s="102">
        <v>1696</v>
      </c>
      <c r="JM10" s="102">
        <v>1509</v>
      </c>
      <c r="JN10" s="102">
        <v>1473</v>
      </c>
      <c r="JO10" s="102">
        <v>790</v>
      </c>
      <c r="JP10" s="103">
        <v>6810</v>
      </c>
      <c r="JQ10" s="104">
        <v>8423</v>
      </c>
      <c r="JR10" s="101">
        <v>63</v>
      </c>
      <c r="JS10" s="102">
        <v>181</v>
      </c>
      <c r="JT10" s="103">
        <v>244</v>
      </c>
      <c r="JU10" s="413">
        <v>0</v>
      </c>
      <c r="JV10" s="102">
        <v>94</v>
      </c>
      <c r="JW10" s="102">
        <v>230</v>
      </c>
      <c r="JX10" s="102">
        <v>135</v>
      </c>
      <c r="JY10" s="102">
        <v>135</v>
      </c>
      <c r="JZ10" s="102">
        <v>113</v>
      </c>
      <c r="KA10" s="103">
        <v>707</v>
      </c>
      <c r="KB10" s="104">
        <v>951</v>
      </c>
      <c r="KC10" s="101">
        <v>4871</v>
      </c>
      <c r="KD10" s="102">
        <v>6609</v>
      </c>
      <c r="KE10" s="103">
        <v>11480</v>
      </c>
      <c r="KF10" s="413">
        <v>0</v>
      </c>
      <c r="KG10" s="102">
        <v>6552</v>
      </c>
      <c r="KH10" s="102">
        <v>7315</v>
      </c>
      <c r="KI10" s="102">
        <v>5444</v>
      </c>
      <c r="KJ10" s="102">
        <v>4843</v>
      </c>
      <c r="KK10" s="102">
        <v>2918</v>
      </c>
      <c r="KL10" s="103">
        <v>27072</v>
      </c>
      <c r="KM10" s="104">
        <v>38552</v>
      </c>
    </row>
    <row r="11" spans="2:299" s="70" customFormat="1" ht="21" customHeight="1" x14ac:dyDescent="0.2">
      <c r="B11" s="106" t="s">
        <v>7</v>
      </c>
      <c r="C11" s="96">
        <v>1070</v>
      </c>
      <c r="D11" s="97">
        <v>820</v>
      </c>
      <c r="E11" s="98">
        <v>1890</v>
      </c>
      <c r="F11" s="413">
        <v>0</v>
      </c>
      <c r="G11" s="97">
        <v>2441</v>
      </c>
      <c r="H11" s="97">
        <v>1502</v>
      </c>
      <c r="I11" s="97">
        <v>927</v>
      </c>
      <c r="J11" s="97">
        <v>871</v>
      </c>
      <c r="K11" s="97">
        <v>488</v>
      </c>
      <c r="L11" s="99">
        <v>6229</v>
      </c>
      <c r="M11" s="100">
        <v>8119</v>
      </c>
      <c r="N11" s="101">
        <v>48</v>
      </c>
      <c r="O11" s="102">
        <v>23</v>
      </c>
      <c r="P11" s="103">
        <v>71</v>
      </c>
      <c r="Q11" s="413">
        <v>0</v>
      </c>
      <c r="R11" s="102">
        <v>99</v>
      </c>
      <c r="S11" s="102">
        <v>71</v>
      </c>
      <c r="T11" s="102">
        <v>32</v>
      </c>
      <c r="U11" s="102">
        <v>37</v>
      </c>
      <c r="V11" s="102">
        <v>32</v>
      </c>
      <c r="W11" s="103">
        <v>271</v>
      </c>
      <c r="X11" s="104">
        <v>342</v>
      </c>
      <c r="Y11" s="101">
        <v>61</v>
      </c>
      <c r="Z11" s="102">
        <v>78</v>
      </c>
      <c r="AA11" s="103">
        <v>139</v>
      </c>
      <c r="AB11" s="413">
        <v>0</v>
      </c>
      <c r="AC11" s="102">
        <v>216</v>
      </c>
      <c r="AD11" s="102">
        <v>144</v>
      </c>
      <c r="AE11" s="102">
        <v>72</v>
      </c>
      <c r="AF11" s="102">
        <v>83</v>
      </c>
      <c r="AG11" s="102">
        <v>57</v>
      </c>
      <c r="AH11" s="103">
        <v>572</v>
      </c>
      <c r="AI11" s="104">
        <v>711</v>
      </c>
      <c r="AJ11" s="101">
        <v>157</v>
      </c>
      <c r="AK11" s="102">
        <v>121</v>
      </c>
      <c r="AL11" s="103">
        <v>278</v>
      </c>
      <c r="AM11" s="413">
        <v>0</v>
      </c>
      <c r="AN11" s="102">
        <v>394</v>
      </c>
      <c r="AO11" s="102">
        <v>239</v>
      </c>
      <c r="AP11" s="102">
        <v>150</v>
      </c>
      <c r="AQ11" s="102">
        <v>149</v>
      </c>
      <c r="AR11" s="102">
        <v>95</v>
      </c>
      <c r="AS11" s="103">
        <v>1027</v>
      </c>
      <c r="AT11" s="104">
        <v>1305</v>
      </c>
      <c r="AU11" s="101">
        <v>313</v>
      </c>
      <c r="AV11" s="102">
        <v>217</v>
      </c>
      <c r="AW11" s="103">
        <v>530</v>
      </c>
      <c r="AX11" s="413">
        <v>0</v>
      </c>
      <c r="AY11" s="102">
        <v>634</v>
      </c>
      <c r="AZ11" s="102">
        <v>366</v>
      </c>
      <c r="BA11" s="102">
        <v>236</v>
      </c>
      <c r="BB11" s="102">
        <v>205</v>
      </c>
      <c r="BC11" s="102">
        <v>124</v>
      </c>
      <c r="BD11" s="103">
        <v>1565</v>
      </c>
      <c r="BE11" s="104">
        <v>2095</v>
      </c>
      <c r="BF11" s="101">
        <v>300</v>
      </c>
      <c r="BG11" s="102">
        <v>235</v>
      </c>
      <c r="BH11" s="103">
        <v>535</v>
      </c>
      <c r="BI11" s="413">
        <v>0</v>
      </c>
      <c r="BJ11" s="102">
        <v>643</v>
      </c>
      <c r="BK11" s="102">
        <v>371</v>
      </c>
      <c r="BL11" s="102">
        <v>242</v>
      </c>
      <c r="BM11" s="102">
        <v>221</v>
      </c>
      <c r="BN11" s="102">
        <v>98</v>
      </c>
      <c r="BO11" s="103">
        <v>1575</v>
      </c>
      <c r="BP11" s="104">
        <v>2110</v>
      </c>
      <c r="BQ11" s="101">
        <v>191</v>
      </c>
      <c r="BR11" s="102">
        <v>146</v>
      </c>
      <c r="BS11" s="103">
        <v>337</v>
      </c>
      <c r="BT11" s="413">
        <v>0</v>
      </c>
      <c r="BU11" s="102">
        <v>455</v>
      </c>
      <c r="BV11" s="102">
        <v>311</v>
      </c>
      <c r="BW11" s="102">
        <v>195</v>
      </c>
      <c r="BX11" s="102">
        <v>176</v>
      </c>
      <c r="BY11" s="102">
        <v>82</v>
      </c>
      <c r="BZ11" s="103">
        <v>1219</v>
      </c>
      <c r="CA11" s="104">
        <v>1556</v>
      </c>
      <c r="CB11" s="101">
        <v>17</v>
      </c>
      <c r="CC11" s="102">
        <v>26</v>
      </c>
      <c r="CD11" s="103">
        <v>43</v>
      </c>
      <c r="CE11" s="413">
        <v>0</v>
      </c>
      <c r="CF11" s="102">
        <v>78</v>
      </c>
      <c r="CG11" s="102">
        <v>55</v>
      </c>
      <c r="CH11" s="102">
        <v>35</v>
      </c>
      <c r="CI11" s="102">
        <v>32</v>
      </c>
      <c r="CJ11" s="102">
        <v>25</v>
      </c>
      <c r="CK11" s="103">
        <v>225</v>
      </c>
      <c r="CL11" s="104">
        <v>268</v>
      </c>
      <c r="CM11" s="101">
        <v>1087</v>
      </c>
      <c r="CN11" s="102">
        <v>846</v>
      </c>
      <c r="CO11" s="103">
        <v>1933</v>
      </c>
      <c r="CP11" s="413">
        <v>0</v>
      </c>
      <c r="CQ11" s="102">
        <v>2519</v>
      </c>
      <c r="CR11" s="102">
        <v>1557</v>
      </c>
      <c r="CS11" s="102">
        <v>962</v>
      </c>
      <c r="CT11" s="102">
        <v>903</v>
      </c>
      <c r="CU11" s="102">
        <v>513</v>
      </c>
      <c r="CV11" s="103">
        <v>6454</v>
      </c>
      <c r="CW11" s="104">
        <v>8387</v>
      </c>
      <c r="CX11" s="105">
        <v>2055</v>
      </c>
      <c r="CY11" s="97">
        <v>2226</v>
      </c>
      <c r="CZ11" s="98">
        <v>4281</v>
      </c>
      <c r="DA11" s="413">
        <v>0</v>
      </c>
      <c r="DB11" s="97">
        <v>4380</v>
      </c>
      <c r="DC11" s="97">
        <v>2606</v>
      </c>
      <c r="DD11" s="97">
        <v>2060</v>
      </c>
      <c r="DE11" s="97">
        <v>2067</v>
      </c>
      <c r="DF11" s="97">
        <v>1183</v>
      </c>
      <c r="DG11" s="99">
        <v>12296</v>
      </c>
      <c r="DH11" s="100">
        <v>16577</v>
      </c>
      <c r="DI11" s="101">
        <v>36</v>
      </c>
      <c r="DJ11" s="102">
        <v>35</v>
      </c>
      <c r="DK11" s="103">
        <v>71</v>
      </c>
      <c r="DL11" s="413">
        <v>0</v>
      </c>
      <c r="DM11" s="102">
        <v>83</v>
      </c>
      <c r="DN11" s="102">
        <v>55</v>
      </c>
      <c r="DO11" s="102">
        <v>36</v>
      </c>
      <c r="DP11" s="102">
        <v>26</v>
      </c>
      <c r="DQ11" s="102">
        <v>34</v>
      </c>
      <c r="DR11" s="103">
        <v>234</v>
      </c>
      <c r="DS11" s="104">
        <v>305</v>
      </c>
      <c r="DT11" s="101">
        <v>111</v>
      </c>
      <c r="DU11" s="102">
        <v>109</v>
      </c>
      <c r="DV11" s="103">
        <v>220</v>
      </c>
      <c r="DW11" s="413">
        <v>0</v>
      </c>
      <c r="DX11" s="102">
        <v>203</v>
      </c>
      <c r="DY11" s="102">
        <v>120</v>
      </c>
      <c r="DZ11" s="102">
        <v>72</v>
      </c>
      <c r="EA11" s="102">
        <v>88</v>
      </c>
      <c r="EB11" s="102">
        <v>52</v>
      </c>
      <c r="EC11" s="103">
        <v>535</v>
      </c>
      <c r="ED11" s="104">
        <v>755</v>
      </c>
      <c r="EE11" s="101">
        <v>327</v>
      </c>
      <c r="EF11" s="102">
        <v>318</v>
      </c>
      <c r="EG11" s="103">
        <v>645</v>
      </c>
      <c r="EH11" s="413">
        <v>0</v>
      </c>
      <c r="EI11" s="102">
        <v>509</v>
      </c>
      <c r="EJ11" s="102">
        <v>265</v>
      </c>
      <c r="EK11" s="102">
        <v>183</v>
      </c>
      <c r="EL11" s="102">
        <v>195</v>
      </c>
      <c r="EM11" s="102">
        <v>128</v>
      </c>
      <c r="EN11" s="103">
        <v>1280</v>
      </c>
      <c r="EO11" s="104">
        <v>1925</v>
      </c>
      <c r="EP11" s="101">
        <v>612</v>
      </c>
      <c r="EQ11" s="102">
        <v>634</v>
      </c>
      <c r="ER11" s="103">
        <v>1246</v>
      </c>
      <c r="ES11" s="413">
        <v>0</v>
      </c>
      <c r="ET11" s="102">
        <v>1036</v>
      </c>
      <c r="EU11" s="102">
        <v>591</v>
      </c>
      <c r="EV11" s="102">
        <v>381</v>
      </c>
      <c r="EW11" s="102">
        <v>373</v>
      </c>
      <c r="EX11" s="102">
        <v>235</v>
      </c>
      <c r="EY11" s="103">
        <v>2616</v>
      </c>
      <c r="EZ11" s="104">
        <v>3862</v>
      </c>
      <c r="FA11" s="101">
        <v>629</v>
      </c>
      <c r="FB11" s="102">
        <v>676</v>
      </c>
      <c r="FC11" s="103">
        <v>1305</v>
      </c>
      <c r="FD11" s="413">
        <v>0</v>
      </c>
      <c r="FE11" s="102">
        <v>1290</v>
      </c>
      <c r="FF11" s="102">
        <v>701</v>
      </c>
      <c r="FG11" s="102">
        <v>544</v>
      </c>
      <c r="FH11" s="102">
        <v>524</v>
      </c>
      <c r="FI11" s="102">
        <v>284</v>
      </c>
      <c r="FJ11" s="103">
        <v>3343</v>
      </c>
      <c r="FK11" s="104">
        <v>4648</v>
      </c>
      <c r="FL11" s="101">
        <v>340</v>
      </c>
      <c r="FM11" s="102">
        <v>454</v>
      </c>
      <c r="FN11" s="103">
        <v>794</v>
      </c>
      <c r="FO11" s="413">
        <v>0</v>
      </c>
      <c r="FP11" s="102">
        <v>1259</v>
      </c>
      <c r="FQ11" s="102">
        <v>874</v>
      </c>
      <c r="FR11" s="102">
        <v>844</v>
      </c>
      <c r="FS11" s="102">
        <v>861</v>
      </c>
      <c r="FT11" s="102">
        <v>450</v>
      </c>
      <c r="FU11" s="103">
        <v>4288</v>
      </c>
      <c r="FV11" s="104">
        <v>5082</v>
      </c>
      <c r="FW11" s="101">
        <v>13</v>
      </c>
      <c r="FX11" s="102">
        <v>23</v>
      </c>
      <c r="FY11" s="103">
        <v>36</v>
      </c>
      <c r="FZ11" s="413">
        <v>0</v>
      </c>
      <c r="GA11" s="102">
        <v>65</v>
      </c>
      <c r="GB11" s="102">
        <v>44</v>
      </c>
      <c r="GC11" s="102">
        <v>31</v>
      </c>
      <c r="GD11" s="102">
        <v>37</v>
      </c>
      <c r="GE11" s="102">
        <v>20</v>
      </c>
      <c r="GF11" s="103">
        <v>197</v>
      </c>
      <c r="GG11" s="104">
        <v>233</v>
      </c>
      <c r="GH11" s="101">
        <v>2068</v>
      </c>
      <c r="GI11" s="102">
        <v>2249</v>
      </c>
      <c r="GJ11" s="103">
        <v>4317</v>
      </c>
      <c r="GK11" s="413">
        <v>0</v>
      </c>
      <c r="GL11" s="102">
        <v>4445</v>
      </c>
      <c r="GM11" s="102">
        <v>2650</v>
      </c>
      <c r="GN11" s="102">
        <v>2091</v>
      </c>
      <c r="GO11" s="102">
        <v>2104</v>
      </c>
      <c r="GP11" s="102">
        <v>1203</v>
      </c>
      <c r="GQ11" s="103">
        <v>12493</v>
      </c>
      <c r="GR11" s="104">
        <v>16810</v>
      </c>
      <c r="GS11" s="105">
        <v>3125</v>
      </c>
      <c r="GT11" s="97">
        <v>3046</v>
      </c>
      <c r="GU11" s="98">
        <v>6171</v>
      </c>
      <c r="GV11" s="413">
        <v>0</v>
      </c>
      <c r="GW11" s="97">
        <v>6821</v>
      </c>
      <c r="GX11" s="97">
        <v>4108</v>
      </c>
      <c r="GY11" s="97">
        <v>2987</v>
      </c>
      <c r="GZ11" s="97">
        <v>2938</v>
      </c>
      <c r="HA11" s="97">
        <v>1671</v>
      </c>
      <c r="HB11" s="99">
        <v>18525</v>
      </c>
      <c r="HC11" s="100">
        <v>24696</v>
      </c>
      <c r="HD11" s="101">
        <v>84</v>
      </c>
      <c r="HE11" s="102">
        <v>58</v>
      </c>
      <c r="HF11" s="103">
        <v>142</v>
      </c>
      <c r="HG11" s="416">
        <v>0</v>
      </c>
      <c r="HH11" s="102">
        <v>182</v>
      </c>
      <c r="HI11" s="102">
        <v>126</v>
      </c>
      <c r="HJ11" s="102">
        <v>68</v>
      </c>
      <c r="HK11" s="102">
        <v>63</v>
      </c>
      <c r="HL11" s="102">
        <v>66</v>
      </c>
      <c r="HM11" s="103">
        <v>505</v>
      </c>
      <c r="HN11" s="104">
        <v>647</v>
      </c>
      <c r="HO11" s="101">
        <v>172</v>
      </c>
      <c r="HP11" s="102">
        <v>187</v>
      </c>
      <c r="HQ11" s="103">
        <v>359</v>
      </c>
      <c r="HR11" s="413">
        <v>0</v>
      </c>
      <c r="HS11" s="102">
        <v>419</v>
      </c>
      <c r="HT11" s="102">
        <v>264</v>
      </c>
      <c r="HU11" s="102">
        <v>144</v>
      </c>
      <c r="HV11" s="102">
        <v>171</v>
      </c>
      <c r="HW11" s="102">
        <v>109</v>
      </c>
      <c r="HX11" s="103">
        <v>1107</v>
      </c>
      <c r="HY11" s="104">
        <v>1466</v>
      </c>
      <c r="HZ11" s="101">
        <v>484</v>
      </c>
      <c r="IA11" s="102">
        <v>439</v>
      </c>
      <c r="IB11" s="103">
        <v>923</v>
      </c>
      <c r="IC11" s="413">
        <v>0</v>
      </c>
      <c r="ID11" s="102">
        <v>903</v>
      </c>
      <c r="IE11" s="102">
        <v>504</v>
      </c>
      <c r="IF11" s="102">
        <v>333</v>
      </c>
      <c r="IG11" s="102">
        <v>344</v>
      </c>
      <c r="IH11" s="102">
        <v>223</v>
      </c>
      <c r="II11" s="103">
        <v>2307</v>
      </c>
      <c r="IJ11" s="104">
        <v>3230</v>
      </c>
      <c r="IK11" s="101">
        <v>925</v>
      </c>
      <c r="IL11" s="102">
        <v>851</v>
      </c>
      <c r="IM11" s="103">
        <v>1776</v>
      </c>
      <c r="IN11" s="413">
        <v>0</v>
      </c>
      <c r="IO11" s="102">
        <v>1670</v>
      </c>
      <c r="IP11" s="102">
        <v>957</v>
      </c>
      <c r="IQ11" s="102">
        <v>617</v>
      </c>
      <c r="IR11" s="102">
        <v>578</v>
      </c>
      <c r="IS11" s="102">
        <v>359</v>
      </c>
      <c r="IT11" s="103">
        <v>4181</v>
      </c>
      <c r="IU11" s="104">
        <v>5957</v>
      </c>
      <c r="IV11" s="101">
        <v>929</v>
      </c>
      <c r="IW11" s="102">
        <v>911</v>
      </c>
      <c r="IX11" s="103">
        <v>1840</v>
      </c>
      <c r="IY11" s="413">
        <v>0</v>
      </c>
      <c r="IZ11" s="102">
        <v>1933</v>
      </c>
      <c r="JA11" s="102">
        <v>1072</v>
      </c>
      <c r="JB11" s="102">
        <v>786</v>
      </c>
      <c r="JC11" s="102">
        <v>745</v>
      </c>
      <c r="JD11" s="102">
        <v>382</v>
      </c>
      <c r="JE11" s="103">
        <v>4918</v>
      </c>
      <c r="JF11" s="104">
        <v>6758</v>
      </c>
      <c r="JG11" s="101">
        <v>531</v>
      </c>
      <c r="JH11" s="102">
        <v>600</v>
      </c>
      <c r="JI11" s="103">
        <v>1131</v>
      </c>
      <c r="JJ11" s="413">
        <v>0</v>
      </c>
      <c r="JK11" s="102">
        <v>1714</v>
      </c>
      <c r="JL11" s="102">
        <v>1185</v>
      </c>
      <c r="JM11" s="102">
        <v>1039</v>
      </c>
      <c r="JN11" s="102">
        <v>1037</v>
      </c>
      <c r="JO11" s="102">
        <v>532</v>
      </c>
      <c r="JP11" s="103">
        <v>5507</v>
      </c>
      <c r="JQ11" s="104">
        <v>6638</v>
      </c>
      <c r="JR11" s="101">
        <v>30</v>
      </c>
      <c r="JS11" s="102">
        <v>49</v>
      </c>
      <c r="JT11" s="103">
        <v>79</v>
      </c>
      <c r="JU11" s="413">
        <v>0</v>
      </c>
      <c r="JV11" s="102">
        <v>143</v>
      </c>
      <c r="JW11" s="102">
        <v>99</v>
      </c>
      <c r="JX11" s="102">
        <v>66</v>
      </c>
      <c r="JY11" s="102">
        <v>69</v>
      </c>
      <c r="JZ11" s="102">
        <v>45</v>
      </c>
      <c r="KA11" s="103">
        <v>422</v>
      </c>
      <c r="KB11" s="104">
        <v>501</v>
      </c>
      <c r="KC11" s="101">
        <v>3155</v>
      </c>
      <c r="KD11" s="102">
        <v>3095</v>
      </c>
      <c r="KE11" s="103">
        <v>6250</v>
      </c>
      <c r="KF11" s="413">
        <v>0</v>
      </c>
      <c r="KG11" s="102">
        <v>6964</v>
      </c>
      <c r="KH11" s="102">
        <v>4207</v>
      </c>
      <c r="KI11" s="102">
        <v>3053</v>
      </c>
      <c r="KJ11" s="102">
        <v>3007</v>
      </c>
      <c r="KK11" s="102">
        <v>1716</v>
      </c>
      <c r="KL11" s="103">
        <v>18947</v>
      </c>
      <c r="KM11" s="104">
        <v>25197</v>
      </c>
    </row>
    <row r="12" spans="2:299" s="70" customFormat="1" ht="21" customHeight="1" x14ac:dyDescent="0.2">
      <c r="B12" s="106" t="s">
        <v>8</v>
      </c>
      <c r="C12" s="96">
        <v>558</v>
      </c>
      <c r="D12" s="97">
        <v>390</v>
      </c>
      <c r="E12" s="98">
        <v>948</v>
      </c>
      <c r="F12" s="413">
        <v>0</v>
      </c>
      <c r="G12" s="97">
        <v>1034</v>
      </c>
      <c r="H12" s="97">
        <v>958</v>
      </c>
      <c r="I12" s="97">
        <v>651</v>
      </c>
      <c r="J12" s="97">
        <v>515</v>
      </c>
      <c r="K12" s="97">
        <v>296</v>
      </c>
      <c r="L12" s="99">
        <v>3454</v>
      </c>
      <c r="M12" s="100">
        <v>4402</v>
      </c>
      <c r="N12" s="101">
        <v>14</v>
      </c>
      <c r="O12" s="102">
        <v>26</v>
      </c>
      <c r="P12" s="103">
        <v>40</v>
      </c>
      <c r="Q12" s="413">
        <v>0</v>
      </c>
      <c r="R12" s="102">
        <v>47</v>
      </c>
      <c r="S12" s="102">
        <v>50</v>
      </c>
      <c r="T12" s="102">
        <v>31</v>
      </c>
      <c r="U12" s="102">
        <v>29</v>
      </c>
      <c r="V12" s="102">
        <v>25</v>
      </c>
      <c r="W12" s="103">
        <v>182</v>
      </c>
      <c r="X12" s="104">
        <v>222</v>
      </c>
      <c r="Y12" s="101">
        <v>48</v>
      </c>
      <c r="Z12" s="102">
        <v>45</v>
      </c>
      <c r="AA12" s="103">
        <v>93</v>
      </c>
      <c r="AB12" s="413">
        <v>0</v>
      </c>
      <c r="AC12" s="102">
        <v>96</v>
      </c>
      <c r="AD12" s="102">
        <v>97</v>
      </c>
      <c r="AE12" s="102">
        <v>58</v>
      </c>
      <c r="AF12" s="102">
        <v>64</v>
      </c>
      <c r="AG12" s="102">
        <v>49</v>
      </c>
      <c r="AH12" s="103">
        <v>364</v>
      </c>
      <c r="AI12" s="104">
        <v>457</v>
      </c>
      <c r="AJ12" s="101">
        <v>100</v>
      </c>
      <c r="AK12" s="102">
        <v>65</v>
      </c>
      <c r="AL12" s="103">
        <v>165</v>
      </c>
      <c r="AM12" s="413">
        <v>0</v>
      </c>
      <c r="AN12" s="102">
        <v>183</v>
      </c>
      <c r="AO12" s="102">
        <v>175</v>
      </c>
      <c r="AP12" s="102">
        <v>111</v>
      </c>
      <c r="AQ12" s="102">
        <v>87</v>
      </c>
      <c r="AR12" s="102">
        <v>47</v>
      </c>
      <c r="AS12" s="103">
        <v>603</v>
      </c>
      <c r="AT12" s="104">
        <v>768</v>
      </c>
      <c r="AU12" s="101">
        <v>159</v>
      </c>
      <c r="AV12" s="102">
        <v>92</v>
      </c>
      <c r="AW12" s="103">
        <v>251</v>
      </c>
      <c r="AX12" s="413">
        <v>0</v>
      </c>
      <c r="AY12" s="102">
        <v>281</v>
      </c>
      <c r="AZ12" s="102">
        <v>259</v>
      </c>
      <c r="BA12" s="102">
        <v>146</v>
      </c>
      <c r="BB12" s="102">
        <v>132</v>
      </c>
      <c r="BC12" s="102">
        <v>64</v>
      </c>
      <c r="BD12" s="103">
        <v>882</v>
      </c>
      <c r="BE12" s="104">
        <v>1133</v>
      </c>
      <c r="BF12" s="101">
        <v>150</v>
      </c>
      <c r="BG12" s="102">
        <v>98</v>
      </c>
      <c r="BH12" s="103">
        <v>248</v>
      </c>
      <c r="BI12" s="413">
        <v>0</v>
      </c>
      <c r="BJ12" s="102">
        <v>251</v>
      </c>
      <c r="BK12" s="102">
        <v>216</v>
      </c>
      <c r="BL12" s="102">
        <v>171</v>
      </c>
      <c r="BM12" s="102">
        <v>100</v>
      </c>
      <c r="BN12" s="102">
        <v>65</v>
      </c>
      <c r="BO12" s="103">
        <v>803</v>
      </c>
      <c r="BP12" s="104">
        <v>1051</v>
      </c>
      <c r="BQ12" s="101">
        <v>87</v>
      </c>
      <c r="BR12" s="102">
        <v>64</v>
      </c>
      <c r="BS12" s="103">
        <v>151</v>
      </c>
      <c r="BT12" s="413">
        <v>0</v>
      </c>
      <c r="BU12" s="102">
        <v>176</v>
      </c>
      <c r="BV12" s="102">
        <v>161</v>
      </c>
      <c r="BW12" s="102">
        <v>134</v>
      </c>
      <c r="BX12" s="102">
        <v>103</v>
      </c>
      <c r="BY12" s="102">
        <v>46</v>
      </c>
      <c r="BZ12" s="103">
        <v>620</v>
      </c>
      <c r="CA12" s="104">
        <v>771</v>
      </c>
      <c r="CB12" s="101">
        <v>15</v>
      </c>
      <c r="CC12" s="102">
        <v>19</v>
      </c>
      <c r="CD12" s="103">
        <v>34</v>
      </c>
      <c r="CE12" s="413">
        <v>0</v>
      </c>
      <c r="CF12" s="102">
        <v>35</v>
      </c>
      <c r="CG12" s="102">
        <v>50</v>
      </c>
      <c r="CH12" s="102">
        <v>27</v>
      </c>
      <c r="CI12" s="102">
        <v>19</v>
      </c>
      <c r="CJ12" s="102">
        <v>18</v>
      </c>
      <c r="CK12" s="103">
        <v>149</v>
      </c>
      <c r="CL12" s="104">
        <v>183</v>
      </c>
      <c r="CM12" s="101">
        <v>573</v>
      </c>
      <c r="CN12" s="102">
        <v>409</v>
      </c>
      <c r="CO12" s="103">
        <v>982</v>
      </c>
      <c r="CP12" s="413">
        <v>0</v>
      </c>
      <c r="CQ12" s="102">
        <v>1069</v>
      </c>
      <c r="CR12" s="102">
        <v>1008</v>
      </c>
      <c r="CS12" s="102">
        <v>678</v>
      </c>
      <c r="CT12" s="102">
        <v>534</v>
      </c>
      <c r="CU12" s="102">
        <v>314</v>
      </c>
      <c r="CV12" s="103">
        <v>3603</v>
      </c>
      <c r="CW12" s="104">
        <v>4585</v>
      </c>
      <c r="CX12" s="105">
        <v>1210</v>
      </c>
      <c r="CY12" s="97">
        <v>1029</v>
      </c>
      <c r="CZ12" s="98">
        <v>2239</v>
      </c>
      <c r="DA12" s="413">
        <v>0</v>
      </c>
      <c r="DB12" s="97">
        <v>1882</v>
      </c>
      <c r="DC12" s="97">
        <v>1633</v>
      </c>
      <c r="DD12" s="97">
        <v>1325</v>
      </c>
      <c r="DE12" s="97">
        <v>1156</v>
      </c>
      <c r="DF12" s="97">
        <v>732</v>
      </c>
      <c r="DG12" s="99">
        <v>6728</v>
      </c>
      <c r="DH12" s="100">
        <v>8967</v>
      </c>
      <c r="DI12" s="101">
        <v>30</v>
      </c>
      <c r="DJ12" s="102">
        <v>25</v>
      </c>
      <c r="DK12" s="103">
        <v>55</v>
      </c>
      <c r="DL12" s="413">
        <v>0</v>
      </c>
      <c r="DM12" s="102">
        <v>36</v>
      </c>
      <c r="DN12" s="102">
        <v>39</v>
      </c>
      <c r="DO12" s="102">
        <v>15</v>
      </c>
      <c r="DP12" s="102">
        <v>26</v>
      </c>
      <c r="DQ12" s="102">
        <v>18</v>
      </c>
      <c r="DR12" s="103">
        <v>134</v>
      </c>
      <c r="DS12" s="104">
        <v>189</v>
      </c>
      <c r="DT12" s="101">
        <v>71</v>
      </c>
      <c r="DU12" s="102">
        <v>62</v>
      </c>
      <c r="DV12" s="103">
        <v>133</v>
      </c>
      <c r="DW12" s="413">
        <v>0</v>
      </c>
      <c r="DX12" s="102">
        <v>102</v>
      </c>
      <c r="DY12" s="102">
        <v>88</v>
      </c>
      <c r="DZ12" s="102">
        <v>45</v>
      </c>
      <c r="EA12" s="102">
        <v>55</v>
      </c>
      <c r="EB12" s="102">
        <v>43</v>
      </c>
      <c r="EC12" s="103">
        <v>333</v>
      </c>
      <c r="ED12" s="104">
        <v>466</v>
      </c>
      <c r="EE12" s="101">
        <v>171</v>
      </c>
      <c r="EF12" s="102">
        <v>156</v>
      </c>
      <c r="EG12" s="103">
        <v>327</v>
      </c>
      <c r="EH12" s="413">
        <v>0</v>
      </c>
      <c r="EI12" s="102">
        <v>236</v>
      </c>
      <c r="EJ12" s="102">
        <v>160</v>
      </c>
      <c r="EK12" s="102">
        <v>124</v>
      </c>
      <c r="EL12" s="102">
        <v>105</v>
      </c>
      <c r="EM12" s="102">
        <v>67</v>
      </c>
      <c r="EN12" s="103">
        <v>692</v>
      </c>
      <c r="EO12" s="104">
        <v>1019</v>
      </c>
      <c r="EP12" s="101">
        <v>394</v>
      </c>
      <c r="EQ12" s="102">
        <v>292</v>
      </c>
      <c r="ER12" s="103">
        <v>686</v>
      </c>
      <c r="ES12" s="413">
        <v>0</v>
      </c>
      <c r="ET12" s="102">
        <v>499</v>
      </c>
      <c r="EU12" s="102">
        <v>344</v>
      </c>
      <c r="EV12" s="102">
        <v>248</v>
      </c>
      <c r="EW12" s="102">
        <v>221</v>
      </c>
      <c r="EX12" s="102">
        <v>149</v>
      </c>
      <c r="EY12" s="103">
        <v>1461</v>
      </c>
      <c r="EZ12" s="104">
        <v>2147</v>
      </c>
      <c r="FA12" s="101">
        <v>361</v>
      </c>
      <c r="FB12" s="102">
        <v>290</v>
      </c>
      <c r="FC12" s="103">
        <v>651</v>
      </c>
      <c r="FD12" s="413">
        <v>0</v>
      </c>
      <c r="FE12" s="102">
        <v>547</v>
      </c>
      <c r="FF12" s="102">
        <v>457</v>
      </c>
      <c r="FG12" s="102">
        <v>364</v>
      </c>
      <c r="FH12" s="102">
        <v>275</v>
      </c>
      <c r="FI12" s="102">
        <v>181</v>
      </c>
      <c r="FJ12" s="103">
        <v>1824</v>
      </c>
      <c r="FK12" s="104">
        <v>2475</v>
      </c>
      <c r="FL12" s="101">
        <v>183</v>
      </c>
      <c r="FM12" s="102">
        <v>204</v>
      </c>
      <c r="FN12" s="103">
        <v>387</v>
      </c>
      <c r="FO12" s="413">
        <v>0</v>
      </c>
      <c r="FP12" s="102">
        <v>462</v>
      </c>
      <c r="FQ12" s="102">
        <v>545</v>
      </c>
      <c r="FR12" s="102">
        <v>529</v>
      </c>
      <c r="FS12" s="102">
        <v>474</v>
      </c>
      <c r="FT12" s="102">
        <v>274</v>
      </c>
      <c r="FU12" s="103">
        <v>2284</v>
      </c>
      <c r="FV12" s="104">
        <v>2671</v>
      </c>
      <c r="FW12" s="101">
        <v>8</v>
      </c>
      <c r="FX12" s="102">
        <v>18</v>
      </c>
      <c r="FY12" s="103">
        <v>26</v>
      </c>
      <c r="FZ12" s="413">
        <v>0</v>
      </c>
      <c r="GA12" s="102">
        <v>29</v>
      </c>
      <c r="GB12" s="102">
        <v>35</v>
      </c>
      <c r="GC12" s="102">
        <v>20</v>
      </c>
      <c r="GD12" s="102">
        <v>20</v>
      </c>
      <c r="GE12" s="102">
        <v>14</v>
      </c>
      <c r="GF12" s="103">
        <v>118</v>
      </c>
      <c r="GG12" s="104">
        <v>144</v>
      </c>
      <c r="GH12" s="101">
        <v>1218</v>
      </c>
      <c r="GI12" s="102">
        <v>1047</v>
      </c>
      <c r="GJ12" s="103">
        <v>2265</v>
      </c>
      <c r="GK12" s="413">
        <v>0</v>
      </c>
      <c r="GL12" s="102">
        <v>1911</v>
      </c>
      <c r="GM12" s="102">
        <v>1668</v>
      </c>
      <c r="GN12" s="102">
        <v>1345</v>
      </c>
      <c r="GO12" s="102">
        <v>1176</v>
      </c>
      <c r="GP12" s="102">
        <v>746</v>
      </c>
      <c r="GQ12" s="103">
        <v>6846</v>
      </c>
      <c r="GR12" s="104">
        <v>9111</v>
      </c>
      <c r="GS12" s="105">
        <v>1768</v>
      </c>
      <c r="GT12" s="97">
        <v>1419</v>
      </c>
      <c r="GU12" s="98">
        <v>3187</v>
      </c>
      <c r="GV12" s="413">
        <v>0</v>
      </c>
      <c r="GW12" s="97">
        <v>2916</v>
      </c>
      <c r="GX12" s="97">
        <v>2591</v>
      </c>
      <c r="GY12" s="97">
        <v>1976</v>
      </c>
      <c r="GZ12" s="97">
        <v>1671</v>
      </c>
      <c r="HA12" s="97">
        <v>1028</v>
      </c>
      <c r="HB12" s="99">
        <v>10182</v>
      </c>
      <c r="HC12" s="100">
        <v>13369</v>
      </c>
      <c r="HD12" s="101">
        <v>44</v>
      </c>
      <c r="HE12" s="102">
        <v>51</v>
      </c>
      <c r="HF12" s="103">
        <v>95</v>
      </c>
      <c r="HG12" s="416">
        <v>0</v>
      </c>
      <c r="HH12" s="102">
        <v>83</v>
      </c>
      <c r="HI12" s="102">
        <v>89</v>
      </c>
      <c r="HJ12" s="102">
        <v>46</v>
      </c>
      <c r="HK12" s="102">
        <v>55</v>
      </c>
      <c r="HL12" s="102">
        <v>43</v>
      </c>
      <c r="HM12" s="103">
        <v>316</v>
      </c>
      <c r="HN12" s="104">
        <v>411</v>
      </c>
      <c r="HO12" s="101">
        <v>119</v>
      </c>
      <c r="HP12" s="102">
        <v>107</v>
      </c>
      <c r="HQ12" s="103">
        <v>226</v>
      </c>
      <c r="HR12" s="413">
        <v>0</v>
      </c>
      <c r="HS12" s="102">
        <v>198</v>
      </c>
      <c r="HT12" s="102">
        <v>185</v>
      </c>
      <c r="HU12" s="102">
        <v>103</v>
      </c>
      <c r="HV12" s="102">
        <v>119</v>
      </c>
      <c r="HW12" s="102">
        <v>92</v>
      </c>
      <c r="HX12" s="103">
        <v>697</v>
      </c>
      <c r="HY12" s="104">
        <v>923</v>
      </c>
      <c r="HZ12" s="101">
        <v>271</v>
      </c>
      <c r="IA12" s="102">
        <v>221</v>
      </c>
      <c r="IB12" s="103">
        <v>492</v>
      </c>
      <c r="IC12" s="413">
        <v>0</v>
      </c>
      <c r="ID12" s="102">
        <v>419</v>
      </c>
      <c r="IE12" s="102">
        <v>335</v>
      </c>
      <c r="IF12" s="102">
        <v>235</v>
      </c>
      <c r="IG12" s="102">
        <v>192</v>
      </c>
      <c r="IH12" s="102">
        <v>114</v>
      </c>
      <c r="II12" s="103">
        <v>1295</v>
      </c>
      <c r="IJ12" s="104">
        <v>1787</v>
      </c>
      <c r="IK12" s="101">
        <v>553</v>
      </c>
      <c r="IL12" s="102">
        <v>384</v>
      </c>
      <c r="IM12" s="103">
        <v>937</v>
      </c>
      <c r="IN12" s="413">
        <v>0</v>
      </c>
      <c r="IO12" s="102">
        <v>780</v>
      </c>
      <c r="IP12" s="102">
        <v>603</v>
      </c>
      <c r="IQ12" s="102">
        <v>394</v>
      </c>
      <c r="IR12" s="102">
        <v>353</v>
      </c>
      <c r="IS12" s="102">
        <v>213</v>
      </c>
      <c r="IT12" s="103">
        <v>2343</v>
      </c>
      <c r="IU12" s="104">
        <v>3280</v>
      </c>
      <c r="IV12" s="101">
        <v>511</v>
      </c>
      <c r="IW12" s="102">
        <v>388</v>
      </c>
      <c r="IX12" s="103">
        <v>899</v>
      </c>
      <c r="IY12" s="413">
        <v>0</v>
      </c>
      <c r="IZ12" s="102">
        <v>798</v>
      </c>
      <c r="JA12" s="102">
        <v>673</v>
      </c>
      <c r="JB12" s="102">
        <v>535</v>
      </c>
      <c r="JC12" s="102">
        <v>375</v>
      </c>
      <c r="JD12" s="102">
        <v>246</v>
      </c>
      <c r="JE12" s="103">
        <v>2627</v>
      </c>
      <c r="JF12" s="104">
        <v>3526</v>
      </c>
      <c r="JG12" s="101">
        <v>270</v>
      </c>
      <c r="JH12" s="102">
        <v>268</v>
      </c>
      <c r="JI12" s="103">
        <v>538</v>
      </c>
      <c r="JJ12" s="413">
        <v>0</v>
      </c>
      <c r="JK12" s="102">
        <v>638</v>
      </c>
      <c r="JL12" s="102">
        <v>706</v>
      </c>
      <c r="JM12" s="102">
        <v>663</v>
      </c>
      <c r="JN12" s="102">
        <v>577</v>
      </c>
      <c r="JO12" s="102">
        <v>320</v>
      </c>
      <c r="JP12" s="103">
        <v>2904</v>
      </c>
      <c r="JQ12" s="104">
        <v>3442</v>
      </c>
      <c r="JR12" s="101">
        <v>23</v>
      </c>
      <c r="JS12" s="102">
        <v>37</v>
      </c>
      <c r="JT12" s="103">
        <v>60</v>
      </c>
      <c r="JU12" s="413">
        <v>0</v>
      </c>
      <c r="JV12" s="102">
        <v>64</v>
      </c>
      <c r="JW12" s="102">
        <v>85</v>
      </c>
      <c r="JX12" s="102">
        <v>47</v>
      </c>
      <c r="JY12" s="102">
        <v>39</v>
      </c>
      <c r="JZ12" s="102">
        <v>32</v>
      </c>
      <c r="KA12" s="103">
        <v>267</v>
      </c>
      <c r="KB12" s="104">
        <v>327</v>
      </c>
      <c r="KC12" s="101">
        <v>1791</v>
      </c>
      <c r="KD12" s="102">
        <v>1456</v>
      </c>
      <c r="KE12" s="103">
        <v>3247</v>
      </c>
      <c r="KF12" s="413">
        <v>0</v>
      </c>
      <c r="KG12" s="102">
        <v>2980</v>
      </c>
      <c r="KH12" s="102">
        <v>2676</v>
      </c>
      <c r="KI12" s="102">
        <v>2023</v>
      </c>
      <c r="KJ12" s="102">
        <v>1710</v>
      </c>
      <c r="KK12" s="102">
        <v>1060</v>
      </c>
      <c r="KL12" s="103">
        <v>10449</v>
      </c>
      <c r="KM12" s="104">
        <v>13696</v>
      </c>
    </row>
    <row r="13" spans="2:299" s="70" customFormat="1" ht="21" customHeight="1" x14ac:dyDescent="0.2">
      <c r="B13" s="106" t="s">
        <v>9</v>
      </c>
      <c r="C13" s="96">
        <v>743</v>
      </c>
      <c r="D13" s="97">
        <v>407</v>
      </c>
      <c r="E13" s="98">
        <v>1150</v>
      </c>
      <c r="F13" s="413">
        <v>0</v>
      </c>
      <c r="G13" s="97">
        <v>885</v>
      </c>
      <c r="H13" s="97">
        <v>580</v>
      </c>
      <c r="I13" s="97">
        <v>482</v>
      </c>
      <c r="J13" s="97">
        <v>397</v>
      </c>
      <c r="K13" s="97">
        <v>223</v>
      </c>
      <c r="L13" s="99">
        <v>2567</v>
      </c>
      <c r="M13" s="100">
        <v>3717</v>
      </c>
      <c r="N13" s="101">
        <v>18</v>
      </c>
      <c r="O13" s="102">
        <v>13</v>
      </c>
      <c r="P13" s="103">
        <v>31</v>
      </c>
      <c r="Q13" s="413">
        <v>0</v>
      </c>
      <c r="R13" s="102">
        <v>25</v>
      </c>
      <c r="S13" s="102">
        <v>23</v>
      </c>
      <c r="T13" s="102">
        <v>13</v>
      </c>
      <c r="U13" s="102">
        <v>11</v>
      </c>
      <c r="V13" s="102">
        <v>12</v>
      </c>
      <c r="W13" s="103">
        <v>84</v>
      </c>
      <c r="X13" s="104">
        <v>115</v>
      </c>
      <c r="Y13" s="101">
        <v>41</v>
      </c>
      <c r="Z13" s="102">
        <v>27</v>
      </c>
      <c r="AA13" s="103">
        <v>68</v>
      </c>
      <c r="AB13" s="413">
        <v>0</v>
      </c>
      <c r="AC13" s="102">
        <v>48</v>
      </c>
      <c r="AD13" s="102">
        <v>40</v>
      </c>
      <c r="AE13" s="102">
        <v>24</v>
      </c>
      <c r="AF13" s="102">
        <v>28</v>
      </c>
      <c r="AG13" s="102">
        <v>18</v>
      </c>
      <c r="AH13" s="103">
        <v>158</v>
      </c>
      <c r="AI13" s="104">
        <v>226</v>
      </c>
      <c r="AJ13" s="101">
        <v>85</v>
      </c>
      <c r="AK13" s="102">
        <v>45</v>
      </c>
      <c r="AL13" s="103">
        <v>130</v>
      </c>
      <c r="AM13" s="413">
        <v>0</v>
      </c>
      <c r="AN13" s="102">
        <v>92</v>
      </c>
      <c r="AO13" s="102">
        <v>82</v>
      </c>
      <c r="AP13" s="102">
        <v>71</v>
      </c>
      <c r="AQ13" s="102">
        <v>58</v>
      </c>
      <c r="AR13" s="102">
        <v>25</v>
      </c>
      <c r="AS13" s="103">
        <v>328</v>
      </c>
      <c r="AT13" s="104">
        <v>458</v>
      </c>
      <c r="AU13" s="101">
        <v>196</v>
      </c>
      <c r="AV13" s="102">
        <v>101</v>
      </c>
      <c r="AW13" s="103">
        <v>297</v>
      </c>
      <c r="AX13" s="413">
        <v>0</v>
      </c>
      <c r="AY13" s="102">
        <v>212</v>
      </c>
      <c r="AZ13" s="102">
        <v>120</v>
      </c>
      <c r="BA13" s="102">
        <v>99</v>
      </c>
      <c r="BB13" s="102">
        <v>69</v>
      </c>
      <c r="BC13" s="102">
        <v>56</v>
      </c>
      <c r="BD13" s="103">
        <v>556</v>
      </c>
      <c r="BE13" s="104">
        <v>853</v>
      </c>
      <c r="BF13" s="101">
        <v>240</v>
      </c>
      <c r="BG13" s="102">
        <v>123</v>
      </c>
      <c r="BH13" s="103">
        <v>363</v>
      </c>
      <c r="BI13" s="413">
        <v>0</v>
      </c>
      <c r="BJ13" s="102">
        <v>269</v>
      </c>
      <c r="BK13" s="102">
        <v>138</v>
      </c>
      <c r="BL13" s="102">
        <v>130</v>
      </c>
      <c r="BM13" s="102">
        <v>87</v>
      </c>
      <c r="BN13" s="102">
        <v>60</v>
      </c>
      <c r="BO13" s="103">
        <v>684</v>
      </c>
      <c r="BP13" s="104">
        <v>1047</v>
      </c>
      <c r="BQ13" s="101">
        <v>163</v>
      </c>
      <c r="BR13" s="102">
        <v>98</v>
      </c>
      <c r="BS13" s="103">
        <v>261</v>
      </c>
      <c r="BT13" s="413">
        <v>0</v>
      </c>
      <c r="BU13" s="102">
        <v>239</v>
      </c>
      <c r="BV13" s="102">
        <v>177</v>
      </c>
      <c r="BW13" s="102">
        <v>145</v>
      </c>
      <c r="BX13" s="102">
        <v>144</v>
      </c>
      <c r="BY13" s="102">
        <v>52</v>
      </c>
      <c r="BZ13" s="103">
        <v>757</v>
      </c>
      <c r="CA13" s="104">
        <v>1018</v>
      </c>
      <c r="CB13" s="101">
        <v>4</v>
      </c>
      <c r="CC13" s="102">
        <v>14</v>
      </c>
      <c r="CD13" s="103">
        <v>18</v>
      </c>
      <c r="CE13" s="413">
        <v>0</v>
      </c>
      <c r="CF13" s="102">
        <v>28</v>
      </c>
      <c r="CG13" s="102">
        <v>29</v>
      </c>
      <c r="CH13" s="102">
        <v>14</v>
      </c>
      <c r="CI13" s="102">
        <v>16</v>
      </c>
      <c r="CJ13" s="102">
        <v>10</v>
      </c>
      <c r="CK13" s="103">
        <v>97</v>
      </c>
      <c r="CL13" s="104">
        <v>115</v>
      </c>
      <c r="CM13" s="101">
        <v>747</v>
      </c>
      <c r="CN13" s="102">
        <v>421</v>
      </c>
      <c r="CO13" s="103">
        <v>1168</v>
      </c>
      <c r="CP13" s="413">
        <v>0</v>
      </c>
      <c r="CQ13" s="102">
        <v>913</v>
      </c>
      <c r="CR13" s="102">
        <v>609</v>
      </c>
      <c r="CS13" s="102">
        <v>496</v>
      </c>
      <c r="CT13" s="102">
        <v>413</v>
      </c>
      <c r="CU13" s="102">
        <v>233</v>
      </c>
      <c r="CV13" s="103">
        <v>2664</v>
      </c>
      <c r="CW13" s="104">
        <v>3832</v>
      </c>
      <c r="CX13" s="105">
        <v>1506</v>
      </c>
      <c r="CY13" s="97">
        <v>1062</v>
      </c>
      <c r="CZ13" s="98">
        <v>2568</v>
      </c>
      <c r="DA13" s="413">
        <v>0</v>
      </c>
      <c r="DB13" s="97">
        <v>1736</v>
      </c>
      <c r="DC13" s="97">
        <v>1162</v>
      </c>
      <c r="DD13" s="97">
        <v>1004</v>
      </c>
      <c r="DE13" s="97">
        <v>1040</v>
      </c>
      <c r="DF13" s="97">
        <v>769</v>
      </c>
      <c r="DG13" s="99">
        <v>5711</v>
      </c>
      <c r="DH13" s="100">
        <v>8279</v>
      </c>
      <c r="DI13" s="101">
        <v>29</v>
      </c>
      <c r="DJ13" s="102">
        <v>27</v>
      </c>
      <c r="DK13" s="103">
        <v>56</v>
      </c>
      <c r="DL13" s="413">
        <v>0</v>
      </c>
      <c r="DM13" s="102">
        <v>13</v>
      </c>
      <c r="DN13" s="102">
        <v>14</v>
      </c>
      <c r="DO13" s="102">
        <v>16</v>
      </c>
      <c r="DP13" s="102">
        <v>8</v>
      </c>
      <c r="DQ13" s="102">
        <v>13</v>
      </c>
      <c r="DR13" s="103">
        <v>64</v>
      </c>
      <c r="DS13" s="104">
        <v>120</v>
      </c>
      <c r="DT13" s="101">
        <v>58</v>
      </c>
      <c r="DU13" s="102">
        <v>52</v>
      </c>
      <c r="DV13" s="103">
        <v>110</v>
      </c>
      <c r="DW13" s="413">
        <v>0</v>
      </c>
      <c r="DX13" s="102">
        <v>53</v>
      </c>
      <c r="DY13" s="102">
        <v>28</v>
      </c>
      <c r="DZ13" s="102">
        <v>30</v>
      </c>
      <c r="EA13" s="102">
        <v>19</v>
      </c>
      <c r="EB13" s="102">
        <v>34</v>
      </c>
      <c r="EC13" s="103">
        <v>164</v>
      </c>
      <c r="ED13" s="104">
        <v>274</v>
      </c>
      <c r="EE13" s="101">
        <v>212</v>
      </c>
      <c r="EF13" s="102">
        <v>133</v>
      </c>
      <c r="EG13" s="103">
        <v>345</v>
      </c>
      <c r="EH13" s="413">
        <v>0</v>
      </c>
      <c r="EI13" s="102">
        <v>184</v>
      </c>
      <c r="EJ13" s="102">
        <v>101</v>
      </c>
      <c r="EK13" s="102">
        <v>78</v>
      </c>
      <c r="EL13" s="102">
        <v>61</v>
      </c>
      <c r="EM13" s="102">
        <v>62</v>
      </c>
      <c r="EN13" s="103">
        <v>486</v>
      </c>
      <c r="EO13" s="104">
        <v>831</v>
      </c>
      <c r="EP13" s="101">
        <v>437</v>
      </c>
      <c r="EQ13" s="102">
        <v>286</v>
      </c>
      <c r="ER13" s="103">
        <v>723</v>
      </c>
      <c r="ES13" s="413">
        <v>0</v>
      </c>
      <c r="ET13" s="102">
        <v>415</v>
      </c>
      <c r="EU13" s="102">
        <v>189</v>
      </c>
      <c r="EV13" s="102">
        <v>171</v>
      </c>
      <c r="EW13" s="102">
        <v>154</v>
      </c>
      <c r="EX13" s="102">
        <v>114</v>
      </c>
      <c r="EY13" s="103">
        <v>1043</v>
      </c>
      <c r="EZ13" s="104">
        <v>1766</v>
      </c>
      <c r="FA13" s="101">
        <v>483</v>
      </c>
      <c r="FB13" s="102">
        <v>308</v>
      </c>
      <c r="FC13" s="103">
        <v>791</v>
      </c>
      <c r="FD13" s="413">
        <v>0</v>
      </c>
      <c r="FE13" s="102">
        <v>518</v>
      </c>
      <c r="FF13" s="102">
        <v>308</v>
      </c>
      <c r="FG13" s="102">
        <v>257</v>
      </c>
      <c r="FH13" s="102">
        <v>267</v>
      </c>
      <c r="FI13" s="102">
        <v>174</v>
      </c>
      <c r="FJ13" s="103">
        <v>1524</v>
      </c>
      <c r="FK13" s="104">
        <v>2315</v>
      </c>
      <c r="FL13" s="101">
        <v>287</v>
      </c>
      <c r="FM13" s="102">
        <v>256</v>
      </c>
      <c r="FN13" s="103">
        <v>543</v>
      </c>
      <c r="FO13" s="413">
        <v>0</v>
      </c>
      <c r="FP13" s="102">
        <v>553</v>
      </c>
      <c r="FQ13" s="102">
        <v>522</v>
      </c>
      <c r="FR13" s="102">
        <v>452</v>
      </c>
      <c r="FS13" s="102">
        <v>531</v>
      </c>
      <c r="FT13" s="102">
        <v>372</v>
      </c>
      <c r="FU13" s="103">
        <v>2430</v>
      </c>
      <c r="FV13" s="104">
        <v>2973</v>
      </c>
      <c r="FW13" s="101">
        <v>6</v>
      </c>
      <c r="FX13" s="102">
        <v>14</v>
      </c>
      <c r="FY13" s="103">
        <v>20</v>
      </c>
      <c r="FZ13" s="413">
        <v>0</v>
      </c>
      <c r="GA13" s="102">
        <v>16</v>
      </c>
      <c r="GB13" s="102">
        <v>19</v>
      </c>
      <c r="GC13" s="102">
        <v>10</v>
      </c>
      <c r="GD13" s="102">
        <v>9</v>
      </c>
      <c r="GE13" s="102">
        <v>10</v>
      </c>
      <c r="GF13" s="103">
        <v>64</v>
      </c>
      <c r="GG13" s="104">
        <v>84</v>
      </c>
      <c r="GH13" s="101">
        <v>1512</v>
      </c>
      <c r="GI13" s="102">
        <v>1076</v>
      </c>
      <c r="GJ13" s="103">
        <v>2588</v>
      </c>
      <c r="GK13" s="413">
        <v>0</v>
      </c>
      <c r="GL13" s="102">
        <v>1752</v>
      </c>
      <c r="GM13" s="102">
        <v>1181</v>
      </c>
      <c r="GN13" s="102">
        <v>1014</v>
      </c>
      <c r="GO13" s="102">
        <v>1049</v>
      </c>
      <c r="GP13" s="102">
        <v>779</v>
      </c>
      <c r="GQ13" s="103">
        <v>5775</v>
      </c>
      <c r="GR13" s="104">
        <v>8363</v>
      </c>
      <c r="GS13" s="105">
        <v>2249</v>
      </c>
      <c r="GT13" s="97">
        <v>1469</v>
      </c>
      <c r="GU13" s="98">
        <v>3718</v>
      </c>
      <c r="GV13" s="413">
        <v>0</v>
      </c>
      <c r="GW13" s="97">
        <v>2621</v>
      </c>
      <c r="GX13" s="97">
        <v>1742</v>
      </c>
      <c r="GY13" s="97">
        <v>1486</v>
      </c>
      <c r="GZ13" s="97">
        <v>1437</v>
      </c>
      <c r="HA13" s="97">
        <v>992</v>
      </c>
      <c r="HB13" s="99">
        <v>8278</v>
      </c>
      <c r="HC13" s="100">
        <v>11996</v>
      </c>
      <c r="HD13" s="101">
        <v>47</v>
      </c>
      <c r="HE13" s="102">
        <v>40</v>
      </c>
      <c r="HF13" s="103">
        <v>87</v>
      </c>
      <c r="HG13" s="416">
        <v>0</v>
      </c>
      <c r="HH13" s="102">
        <v>38</v>
      </c>
      <c r="HI13" s="102">
        <v>37</v>
      </c>
      <c r="HJ13" s="102">
        <v>29</v>
      </c>
      <c r="HK13" s="102">
        <v>19</v>
      </c>
      <c r="HL13" s="102">
        <v>25</v>
      </c>
      <c r="HM13" s="103">
        <v>148</v>
      </c>
      <c r="HN13" s="104">
        <v>235</v>
      </c>
      <c r="HO13" s="101">
        <v>99</v>
      </c>
      <c r="HP13" s="102">
        <v>79</v>
      </c>
      <c r="HQ13" s="103">
        <v>178</v>
      </c>
      <c r="HR13" s="413">
        <v>0</v>
      </c>
      <c r="HS13" s="102">
        <v>101</v>
      </c>
      <c r="HT13" s="102">
        <v>68</v>
      </c>
      <c r="HU13" s="102">
        <v>54</v>
      </c>
      <c r="HV13" s="102">
        <v>47</v>
      </c>
      <c r="HW13" s="102">
        <v>52</v>
      </c>
      <c r="HX13" s="103">
        <v>322</v>
      </c>
      <c r="HY13" s="104">
        <v>500</v>
      </c>
      <c r="HZ13" s="101">
        <v>297</v>
      </c>
      <c r="IA13" s="102">
        <v>178</v>
      </c>
      <c r="IB13" s="103">
        <v>475</v>
      </c>
      <c r="IC13" s="413">
        <v>0</v>
      </c>
      <c r="ID13" s="102">
        <v>276</v>
      </c>
      <c r="IE13" s="102">
        <v>183</v>
      </c>
      <c r="IF13" s="102">
        <v>149</v>
      </c>
      <c r="IG13" s="102">
        <v>119</v>
      </c>
      <c r="IH13" s="102">
        <v>87</v>
      </c>
      <c r="II13" s="103">
        <v>814</v>
      </c>
      <c r="IJ13" s="104">
        <v>1289</v>
      </c>
      <c r="IK13" s="101">
        <v>633</v>
      </c>
      <c r="IL13" s="102">
        <v>387</v>
      </c>
      <c r="IM13" s="103">
        <v>1020</v>
      </c>
      <c r="IN13" s="413">
        <v>0</v>
      </c>
      <c r="IO13" s="102">
        <v>627</v>
      </c>
      <c r="IP13" s="102">
        <v>309</v>
      </c>
      <c r="IQ13" s="102">
        <v>270</v>
      </c>
      <c r="IR13" s="102">
        <v>223</v>
      </c>
      <c r="IS13" s="102">
        <v>170</v>
      </c>
      <c r="IT13" s="103">
        <v>1599</v>
      </c>
      <c r="IU13" s="104">
        <v>2619</v>
      </c>
      <c r="IV13" s="101">
        <v>723</v>
      </c>
      <c r="IW13" s="102">
        <v>431</v>
      </c>
      <c r="IX13" s="103">
        <v>1154</v>
      </c>
      <c r="IY13" s="413">
        <v>0</v>
      </c>
      <c r="IZ13" s="102">
        <v>787</v>
      </c>
      <c r="JA13" s="102">
        <v>446</v>
      </c>
      <c r="JB13" s="102">
        <v>387</v>
      </c>
      <c r="JC13" s="102">
        <v>354</v>
      </c>
      <c r="JD13" s="102">
        <v>234</v>
      </c>
      <c r="JE13" s="103">
        <v>2208</v>
      </c>
      <c r="JF13" s="104">
        <v>3362</v>
      </c>
      <c r="JG13" s="101">
        <v>450</v>
      </c>
      <c r="JH13" s="102">
        <v>354</v>
      </c>
      <c r="JI13" s="103">
        <v>804</v>
      </c>
      <c r="JJ13" s="413">
        <v>0</v>
      </c>
      <c r="JK13" s="102">
        <v>792</v>
      </c>
      <c r="JL13" s="102">
        <v>699</v>
      </c>
      <c r="JM13" s="102">
        <v>597</v>
      </c>
      <c r="JN13" s="102">
        <v>675</v>
      </c>
      <c r="JO13" s="102">
        <v>424</v>
      </c>
      <c r="JP13" s="103">
        <v>3187</v>
      </c>
      <c r="JQ13" s="104">
        <v>3991</v>
      </c>
      <c r="JR13" s="101">
        <v>10</v>
      </c>
      <c r="JS13" s="102">
        <v>28</v>
      </c>
      <c r="JT13" s="103">
        <v>38</v>
      </c>
      <c r="JU13" s="413">
        <v>0</v>
      </c>
      <c r="JV13" s="102">
        <v>44</v>
      </c>
      <c r="JW13" s="102">
        <v>48</v>
      </c>
      <c r="JX13" s="102">
        <v>24</v>
      </c>
      <c r="JY13" s="102">
        <v>25</v>
      </c>
      <c r="JZ13" s="102">
        <v>20</v>
      </c>
      <c r="KA13" s="103">
        <v>161</v>
      </c>
      <c r="KB13" s="104">
        <v>199</v>
      </c>
      <c r="KC13" s="101">
        <v>2259</v>
      </c>
      <c r="KD13" s="102">
        <v>1497</v>
      </c>
      <c r="KE13" s="103">
        <v>3756</v>
      </c>
      <c r="KF13" s="413">
        <v>0</v>
      </c>
      <c r="KG13" s="102">
        <v>2665</v>
      </c>
      <c r="KH13" s="102">
        <v>1790</v>
      </c>
      <c r="KI13" s="102">
        <v>1510</v>
      </c>
      <c r="KJ13" s="102">
        <v>1462</v>
      </c>
      <c r="KK13" s="102">
        <v>1012</v>
      </c>
      <c r="KL13" s="103">
        <v>8439</v>
      </c>
      <c r="KM13" s="104">
        <v>12195</v>
      </c>
    </row>
    <row r="14" spans="2:299" s="70" customFormat="1" ht="21" customHeight="1" x14ac:dyDescent="0.2">
      <c r="B14" s="106" t="s">
        <v>10</v>
      </c>
      <c r="C14" s="96">
        <v>1589</v>
      </c>
      <c r="D14" s="97">
        <v>977</v>
      </c>
      <c r="E14" s="98">
        <v>2566</v>
      </c>
      <c r="F14" s="413">
        <v>0</v>
      </c>
      <c r="G14" s="97">
        <v>1770</v>
      </c>
      <c r="H14" s="97">
        <v>1021</v>
      </c>
      <c r="I14" s="97">
        <v>716</v>
      </c>
      <c r="J14" s="97">
        <v>655</v>
      </c>
      <c r="K14" s="97">
        <v>448</v>
      </c>
      <c r="L14" s="99">
        <v>4610</v>
      </c>
      <c r="M14" s="100">
        <v>7176</v>
      </c>
      <c r="N14" s="101">
        <v>68</v>
      </c>
      <c r="O14" s="102">
        <v>45</v>
      </c>
      <c r="P14" s="103">
        <v>113</v>
      </c>
      <c r="Q14" s="413">
        <v>0</v>
      </c>
      <c r="R14" s="102">
        <v>68</v>
      </c>
      <c r="S14" s="102">
        <v>45</v>
      </c>
      <c r="T14" s="102">
        <v>28</v>
      </c>
      <c r="U14" s="102">
        <v>50</v>
      </c>
      <c r="V14" s="102">
        <v>31</v>
      </c>
      <c r="W14" s="103">
        <v>222</v>
      </c>
      <c r="X14" s="104">
        <v>335</v>
      </c>
      <c r="Y14" s="101">
        <v>125</v>
      </c>
      <c r="Z14" s="102">
        <v>86</v>
      </c>
      <c r="AA14" s="103">
        <v>211</v>
      </c>
      <c r="AB14" s="413">
        <v>0</v>
      </c>
      <c r="AC14" s="102">
        <v>140</v>
      </c>
      <c r="AD14" s="102">
        <v>124</v>
      </c>
      <c r="AE14" s="102">
        <v>65</v>
      </c>
      <c r="AF14" s="102">
        <v>59</v>
      </c>
      <c r="AG14" s="102">
        <v>63</v>
      </c>
      <c r="AH14" s="103">
        <v>451</v>
      </c>
      <c r="AI14" s="104">
        <v>662</v>
      </c>
      <c r="AJ14" s="101">
        <v>241</v>
      </c>
      <c r="AK14" s="102">
        <v>165</v>
      </c>
      <c r="AL14" s="103">
        <v>406</v>
      </c>
      <c r="AM14" s="413">
        <v>0</v>
      </c>
      <c r="AN14" s="102">
        <v>285</v>
      </c>
      <c r="AO14" s="102">
        <v>156</v>
      </c>
      <c r="AP14" s="102">
        <v>111</v>
      </c>
      <c r="AQ14" s="102">
        <v>105</v>
      </c>
      <c r="AR14" s="102">
        <v>80</v>
      </c>
      <c r="AS14" s="103">
        <v>737</v>
      </c>
      <c r="AT14" s="104">
        <v>1143</v>
      </c>
      <c r="AU14" s="101">
        <v>390</v>
      </c>
      <c r="AV14" s="102">
        <v>228</v>
      </c>
      <c r="AW14" s="103">
        <v>618</v>
      </c>
      <c r="AX14" s="413">
        <v>0</v>
      </c>
      <c r="AY14" s="102">
        <v>467</v>
      </c>
      <c r="AZ14" s="102">
        <v>234</v>
      </c>
      <c r="BA14" s="102">
        <v>160</v>
      </c>
      <c r="BB14" s="102">
        <v>156</v>
      </c>
      <c r="BC14" s="102">
        <v>102</v>
      </c>
      <c r="BD14" s="103">
        <v>1119</v>
      </c>
      <c r="BE14" s="104">
        <v>1737</v>
      </c>
      <c r="BF14" s="101">
        <v>473</v>
      </c>
      <c r="BG14" s="102">
        <v>258</v>
      </c>
      <c r="BH14" s="103">
        <v>731</v>
      </c>
      <c r="BI14" s="413">
        <v>0</v>
      </c>
      <c r="BJ14" s="102">
        <v>483</v>
      </c>
      <c r="BK14" s="102">
        <v>249</v>
      </c>
      <c r="BL14" s="102">
        <v>173</v>
      </c>
      <c r="BM14" s="102">
        <v>143</v>
      </c>
      <c r="BN14" s="102">
        <v>88</v>
      </c>
      <c r="BO14" s="103">
        <v>1136</v>
      </c>
      <c r="BP14" s="104">
        <v>1867</v>
      </c>
      <c r="BQ14" s="101">
        <v>292</v>
      </c>
      <c r="BR14" s="102">
        <v>195</v>
      </c>
      <c r="BS14" s="103">
        <v>487</v>
      </c>
      <c r="BT14" s="413">
        <v>0</v>
      </c>
      <c r="BU14" s="102">
        <v>327</v>
      </c>
      <c r="BV14" s="102">
        <v>213</v>
      </c>
      <c r="BW14" s="102">
        <v>179</v>
      </c>
      <c r="BX14" s="102">
        <v>142</v>
      </c>
      <c r="BY14" s="102">
        <v>84</v>
      </c>
      <c r="BZ14" s="103">
        <v>945</v>
      </c>
      <c r="CA14" s="104">
        <v>1432</v>
      </c>
      <c r="CB14" s="101">
        <v>46</v>
      </c>
      <c r="CC14" s="102">
        <v>29</v>
      </c>
      <c r="CD14" s="103">
        <v>75</v>
      </c>
      <c r="CE14" s="413">
        <v>0</v>
      </c>
      <c r="CF14" s="102">
        <v>69</v>
      </c>
      <c r="CG14" s="102">
        <v>47</v>
      </c>
      <c r="CH14" s="102">
        <v>41</v>
      </c>
      <c r="CI14" s="102">
        <v>31</v>
      </c>
      <c r="CJ14" s="102">
        <v>37</v>
      </c>
      <c r="CK14" s="103">
        <v>225</v>
      </c>
      <c r="CL14" s="104">
        <v>300</v>
      </c>
      <c r="CM14" s="101">
        <v>1635</v>
      </c>
      <c r="CN14" s="102">
        <v>1006</v>
      </c>
      <c r="CO14" s="103">
        <v>2641</v>
      </c>
      <c r="CP14" s="413">
        <v>0</v>
      </c>
      <c r="CQ14" s="102">
        <v>1839</v>
      </c>
      <c r="CR14" s="102">
        <v>1068</v>
      </c>
      <c r="CS14" s="102">
        <v>757</v>
      </c>
      <c r="CT14" s="102">
        <v>686</v>
      </c>
      <c r="CU14" s="102">
        <v>485</v>
      </c>
      <c r="CV14" s="103">
        <v>4835</v>
      </c>
      <c r="CW14" s="104">
        <v>7476</v>
      </c>
      <c r="CX14" s="105">
        <v>3244</v>
      </c>
      <c r="CY14" s="97">
        <v>2267</v>
      </c>
      <c r="CZ14" s="98">
        <v>5511</v>
      </c>
      <c r="DA14" s="413">
        <v>0</v>
      </c>
      <c r="DB14" s="97">
        <v>3492</v>
      </c>
      <c r="DC14" s="97">
        <v>1788</v>
      </c>
      <c r="DD14" s="97">
        <v>1425</v>
      </c>
      <c r="DE14" s="97">
        <v>1632</v>
      </c>
      <c r="DF14" s="97">
        <v>1174</v>
      </c>
      <c r="DG14" s="99">
        <v>9511</v>
      </c>
      <c r="DH14" s="100">
        <v>15022</v>
      </c>
      <c r="DI14" s="101">
        <v>60</v>
      </c>
      <c r="DJ14" s="102">
        <v>58</v>
      </c>
      <c r="DK14" s="103">
        <v>118</v>
      </c>
      <c r="DL14" s="413">
        <v>0</v>
      </c>
      <c r="DM14" s="102">
        <v>63</v>
      </c>
      <c r="DN14" s="102">
        <v>25</v>
      </c>
      <c r="DO14" s="102">
        <v>20</v>
      </c>
      <c r="DP14" s="102">
        <v>22</v>
      </c>
      <c r="DQ14" s="102">
        <v>22</v>
      </c>
      <c r="DR14" s="103">
        <v>152</v>
      </c>
      <c r="DS14" s="104">
        <v>270</v>
      </c>
      <c r="DT14" s="101">
        <v>180</v>
      </c>
      <c r="DU14" s="102">
        <v>119</v>
      </c>
      <c r="DV14" s="103">
        <v>299</v>
      </c>
      <c r="DW14" s="413">
        <v>0</v>
      </c>
      <c r="DX14" s="102">
        <v>176</v>
      </c>
      <c r="DY14" s="102">
        <v>86</v>
      </c>
      <c r="DZ14" s="102">
        <v>55</v>
      </c>
      <c r="EA14" s="102">
        <v>50</v>
      </c>
      <c r="EB14" s="102">
        <v>45</v>
      </c>
      <c r="EC14" s="103">
        <v>412</v>
      </c>
      <c r="ED14" s="104">
        <v>711</v>
      </c>
      <c r="EE14" s="101">
        <v>468</v>
      </c>
      <c r="EF14" s="102">
        <v>281</v>
      </c>
      <c r="EG14" s="103">
        <v>749</v>
      </c>
      <c r="EH14" s="413">
        <v>0</v>
      </c>
      <c r="EI14" s="102">
        <v>392</v>
      </c>
      <c r="EJ14" s="102">
        <v>207</v>
      </c>
      <c r="EK14" s="102">
        <v>106</v>
      </c>
      <c r="EL14" s="102">
        <v>132</v>
      </c>
      <c r="EM14" s="102">
        <v>105</v>
      </c>
      <c r="EN14" s="103">
        <v>942</v>
      </c>
      <c r="EO14" s="104">
        <v>1691</v>
      </c>
      <c r="EP14" s="101">
        <v>966</v>
      </c>
      <c r="EQ14" s="102">
        <v>628</v>
      </c>
      <c r="ER14" s="103">
        <v>1594</v>
      </c>
      <c r="ES14" s="413">
        <v>0</v>
      </c>
      <c r="ET14" s="102">
        <v>831</v>
      </c>
      <c r="EU14" s="102">
        <v>354</v>
      </c>
      <c r="EV14" s="102">
        <v>252</v>
      </c>
      <c r="EW14" s="102">
        <v>246</v>
      </c>
      <c r="EX14" s="102">
        <v>229</v>
      </c>
      <c r="EY14" s="103">
        <v>1912</v>
      </c>
      <c r="EZ14" s="104">
        <v>3506</v>
      </c>
      <c r="FA14" s="101">
        <v>1018</v>
      </c>
      <c r="FB14" s="102">
        <v>681</v>
      </c>
      <c r="FC14" s="103">
        <v>1699</v>
      </c>
      <c r="FD14" s="413">
        <v>0</v>
      </c>
      <c r="FE14" s="102">
        <v>1019</v>
      </c>
      <c r="FF14" s="102">
        <v>468</v>
      </c>
      <c r="FG14" s="102">
        <v>390</v>
      </c>
      <c r="FH14" s="102">
        <v>413</v>
      </c>
      <c r="FI14" s="102">
        <v>280</v>
      </c>
      <c r="FJ14" s="103">
        <v>2570</v>
      </c>
      <c r="FK14" s="104">
        <v>4269</v>
      </c>
      <c r="FL14" s="101">
        <v>552</v>
      </c>
      <c r="FM14" s="102">
        <v>500</v>
      </c>
      <c r="FN14" s="103">
        <v>1052</v>
      </c>
      <c r="FO14" s="413">
        <v>0</v>
      </c>
      <c r="FP14" s="102">
        <v>1011</v>
      </c>
      <c r="FQ14" s="102">
        <v>648</v>
      </c>
      <c r="FR14" s="102">
        <v>602</v>
      </c>
      <c r="FS14" s="102">
        <v>769</v>
      </c>
      <c r="FT14" s="102">
        <v>493</v>
      </c>
      <c r="FU14" s="103">
        <v>3523</v>
      </c>
      <c r="FV14" s="104">
        <v>4575</v>
      </c>
      <c r="FW14" s="101">
        <v>27</v>
      </c>
      <c r="FX14" s="102">
        <v>44</v>
      </c>
      <c r="FY14" s="103">
        <v>71</v>
      </c>
      <c r="FZ14" s="413">
        <v>0</v>
      </c>
      <c r="GA14" s="102">
        <v>58</v>
      </c>
      <c r="GB14" s="102">
        <v>44</v>
      </c>
      <c r="GC14" s="102">
        <v>32</v>
      </c>
      <c r="GD14" s="102">
        <v>21</v>
      </c>
      <c r="GE14" s="102">
        <v>27</v>
      </c>
      <c r="GF14" s="103">
        <v>182</v>
      </c>
      <c r="GG14" s="104">
        <v>253</v>
      </c>
      <c r="GH14" s="101">
        <v>3271</v>
      </c>
      <c r="GI14" s="102">
        <v>2311</v>
      </c>
      <c r="GJ14" s="103">
        <v>5582</v>
      </c>
      <c r="GK14" s="413">
        <v>0</v>
      </c>
      <c r="GL14" s="102">
        <v>3550</v>
      </c>
      <c r="GM14" s="102">
        <v>1832</v>
      </c>
      <c r="GN14" s="102">
        <v>1457</v>
      </c>
      <c r="GO14" s="102">
        <v>1653</v>
      </c>
      <c r="GP14" s="102">
        <v>1201</v>
      </c>
      <c r="GQ14" s="103">
        <v>9693</v>
      </c>
      <c r="GR14" s="104">
        <v>15275</v>
      </c>
      <c r="GS14" s="105">
        <v>4833</v>
      </c>
      <c r="GT14" s="97">
        <v>3244</v>
      </c>
      <c r="GU14" s="98">
        <v>8077</v>
      </c>
      <c r="GV14" s="413">
        <v>0</v>
      </c>
      <c r="GW14" s="97">
        <v>5262</v>
      </c>
      <c r="GX14" s="97">
        <v>2809</v>
      </c>
      <c r="GY14" s="97">
        <v>2141</v>
      </c>
      <c r="GZ14" s="97">
        <v>2287</v>
      </c>
      <c r="HA14" s="97">
        <v>1622</v>
      </c>
      <c r="HB14" s="99">
        <v>14121</v>
      </c>
      <c r="HC14" s="100">
        <v>22198</v>
      </c>
      <c r="HD14" s="101">
        <v>128</v>
      </c>
      <c r="HE14" s="102">
        <v>103</v>
      </c>
      <c r="HF14" s="103">
        <v>231</v>
      </c>
      <c r="HG14" s="416">
        <v>0</v>
      </c>
      <c r="HH14" s="102">
        <v>131</v>
      </c>
      <c r="HI14" s="102">
        <v>70</v>
      </c>
      <c r="HJ14" s="102">
        <v>48</v>
      </c>
      <c r="HK14" s="102">
        <v>72</v>
      </c>
      <c r="HL14" s="102">
        <v>53</v>
      </c>
      <c r="HM14" s="103">
        <v>374</v>
      </c>
      <c r="HN14" s="104">
        <v>605</v>
      </c>
      <c r="HO14" s="101">
        <v>305</v>
      </c>
      <c r="HP14" s="102">
        <v>205</v>
      </c>
      <c r="HQ14" s="103">
        <v>510</v>
      </c>
      <c r="HR14" s="413">
        <v>0</v>
      </c>
      <c r="HS14" s="102">
        <v>316</v>
      </c>
      <c r="HT14" s="102">
        <v>210</v>
      </c>
      <c r="HU14" s="102">
        <v>120</v>
      </c>
      <c r="HV14" s="102">
        <v>109</v>
      </c>
      <c r="HW14" s="102">
        <v>108</v>
      </c>
      <c r="HX14" s="103">
        <v>863</v>
      </c>
      <c r="HY14" s="104">
        <v>1373</v>
      </c>
      <c r="HZ14" s="101">
        <v>709</v>
      </c>
      <c r="IA14" s="102">
        <v>446</v>
      </c>
      <c r="IB14" s="103">
        <v>1155</v>
      </c>
      <c r="IC14" s="413">
        <v>0</v>
      </c>
      <c r="ID14" s="102">
        <v>677</v>
      </c>
      <c r="IE14" s="102">
        <v>363</v>
      </c>
      <c r="IF14" s="102">
        <v>217</v>
      </c>
      <c r="IG14" s="102">
        <v>237</v>
      </c>
      <c r="IH14" s="102">
        <v>185</v>
      </c>
      <c r="II14" s="103">
        <v>1679</v>
      </c>
      <c r="IJ14" s="104">
        <v>2834</v>
      </c>
      <c r="IK14" s="101">
        <v>1356</v>
      </c>
      <c r="IL14" s="102">
        <v>856</v>
      </c>
      <c r="IM14" s="103">
        <v>2212</v>
      </c>
      <c r="IN14" s="413">
        <v>0</v>
      </c>
      <c r="IO14" s="102">
        <v>1298</v>
      </c>
      <c r="IP14" s="102">
        <v>588</v>
      </c>
      <c r="IQ14" s="102">
        <v>412</v>
      </c>
      <c r="IR14" s="102">
        <v>402</v>
      </c>
      <c r="IS14" s="102">
        <v>331</v>
      </c>
      <c r="IT14" s="103">
        <v>3031</v>
      </c>
      <c r="IU14" s="104">
        <v>5243</v>
      </c>
      <c r="IV14" s="101">
        <v>1491</v>
      </c>
      <c r="IW14" s="102">
        <v>939</v>
      </c>
      <c r="IX14" s="103">
        <v>2430</v>
      </c>
      <c r="IY14" s="413">
        <v>0</v>
      </c>
      <c r="IZ14" s="102">
        <v>1502</v>
      </c>
      <c r="JA14" s="102">
        <v>717</v>
      </c>
      <c r="JB14" s="102">
        <v>563</v>
      </c>
      <c r="JC14" s="102">
        <v>556</v>
      </c>
      <c r="JD14" s="102">
        <v>368</v>
      </c>
      <c r="JE14" s="103">
        <v>3706</v>
      </c>
      <c r="JF14" s="104">
        <v>6136</v>
      </c>
      <c r="JG14" s="101">
        <v>844</v>
      </c>
      <c r="JH14" s="102">
        <v>695</v>
      </c>
      <c r="JI14" s="103">
        <v>1539</v>
      </c>
      <c r="JJ14" s="413">
        <v>0</v>
      </c>
      <c r="JK14" s="102">
        <v>1338</v>
      </c>
      <c r="JL14" s="102">
        <v>861</v>
      </c>
      <c r="JM14" s="102">
        <v>781</v>
      </c>
      <c r="JN14" s="102">
        <v>911</v>
      </c>
      <c r="JO14" s="102">
        <v>577</v>
      </c>
      <c r="JP14" s="103">
        <v>4468</v>
      </c>
      <c r="JQ14" s="104">
        <v>6007</v>
      </c>
      <c r="JR14" s="101">
        <v>73</v>
      </c>
      <c r="JS14" s="102">
        <v>73</v>
      </c>
      <c r="JT14" s="103">
        <v>146</v>
      </c>
      <c r="JU14" s="413">
        <v>0</v>
      </c>
      <c r="JV14" s="102">
        <v>127</v>
      </c>
      <c r="JW14" s="102">
        <v>91</v>
      </c>
      <c r="JX14" s="102">
        <v>73</v>
      </c>
      <c r="JY14" s="102">
        <v>52</v>
      </c>
      <c r="JZ14" s="102">
        <v>64</v>
      </c>
      <c r="KA14" s="103">
        <v>407</v>
      </c>
      <c r="KB14" s="104">
        <v>553</v>
      </c>
      <c r="KC14" s="101">
        <v>4906</v>
      </c>
      <c r="KD14" s="102">
        <v>3317</v>
      </c>
      <c r="KE14" s="103">
        <v>8223</v>
      </c>
      <c r="KF14" s="413">
        <v>0</v>
      </c>
      <c r="KG14" s="102">
        <v>5389</v>
      </c>
      <c r="KH14" s="102">
        <v>2900</v>
      </c>
      <c r="KI14" s="102">
        <v>2214</v>
      </c>
      <c r="KJ14" s="102">
        <v>2339</v>
      </c>
      <c r="KK14" s="102">
        <v>1686</v>
      </c>
      <c r="KL14" s="103">
        <v>14528</v>
      </c>
      <c r="KM14" s="104">
        <v>22751</v>
      </c>
    </row>
    <row r="15" spans="2:299" s="70" customFormat="1" ht="21" customHeight="1" x14ac:dyDescent="0.2">
      <c r="B15" s="106" t="s">
        <v>11</v>
      </c>
      <c r="C15" s="96">
        <v>480</v>
      </c>
      <c r="D15" s="97">
        <v>391</v>
      </c>
      <c r="E15" s="98">
        <v>871</v>
      </c>
      <c r="F15" s="413">
        <v>0</v>
      </c>
      <c r="G15" s="97">
        <v>872</v>
      </c>
      <c r="H15" s="97">
        <v>626</v>
      </c>
      <c r="I15" s="97">
        <v>480</v>
      </c>
      <c r="J15" s="97">
        <v>442</v>
      </c>
      <c r="K15" s="97">
        <v>249</v>
      </c>
      <c r="L15" s="99">
        <v>2669</v>
      </c>
      <c r="M15" s="100">
        <v>3540</v>
      </c>
      <c r="N15" s="101">
        <v>15</v>
      </c>
      <c r="O15" s="102">
        <v>18</v>
      </c>
      <c r="P15" s="103">
        <v>33</v>
      </c>
      <c r="Q15" s="413">
        <v>0</v>
      </c>
      <c r="R15" s="102">
        <v>47</v>
      </c>
      <c r="S15" s="102">
        <v>23</v>
      </c>
      <c r="T15" s="102">
        <v>22</v>
      </c>
      <c r="U15" s="102">
        <v>15</v>
      </c>
      <c r="V15" s="102">
        <v>11</v>
      </c>
      <c r="W15" s="103">
        <v>118</v>
      </c>
      <c r="X15" s="104">
        <v>151</v>
      </c>
      <c r="Y15" s="101">
        <v>34</v>
      </c>
      <c r="Z15" s="102">
        <v>49</v>
      </c>
      <c r="AA15" s="103">
        <v>83</v>
      </c>
      <c r="AB15" s="413">
        <v>0</v>
      </c>
      <c r="AC15" s="102">
        <v>90</v>
      </c>
      <c r="AD15" s="102">
        <v>56</v>
      </c>
      <c r="AE15" s="102">
        <v>47</v>
      </c>
      <c r="AF15" s="102">
        <v>47</v>
      </c>
      <c r="AG15" s="102">
        <v>31</v>
      </c>
      <c r="AH15" s="103">
        <v>271</v>
      </c>
      <c r="AI15" s="104">
        <v>354</v>
      </c>
      <c r="AJ15" s="101">
        <v>74</v>
      </c>
      <c r="AK15" s="102">
        <v>55</v>
      </c>
      <c r="AL15" s="103">
        <v>129</v>
      </c>
      <c r="AM15" s="413">
        <v>0</v>
      </c>
      <c r="AN15" s="102">
        <v>136</v>
      </c>
      <c r="AO15" s="102">
        <v>118</v>
      </c>
      <c r="AP15" s="102">
        <v>80</v>
      </c>
      <c r="AQ15" s="102">
        <v>74</v>
      </c>
      <c r="AR15" s="102">
        <v>41</v>
      </c>
      <c r="AS15" s="103">
        <v>449</v>
      </c>
      <c r="AT15" s="104">
        <v>578</v>
      </c>
      <c r="AU15" s="101">
        <v>121</v>
      </c>
      <c r="AV15" s="102">
        <v>101</v>
      </c>
      <c r="AW15" s="103">
        <v>222</v>
      </c>
      <c r="AX15" s="413">
        <v>0</v>
      </c>
      <c r="AY15" s="102">
        <v>215</v>
      </c>
      <c r="AZ15" s="102">
        <v>142</v>
      </c>
      <c r="BA15" s="102">
        <v>126</v>
      </c>
      <c r="BB15" s="102">
        <v>103</v>
      </c>
      <c r="BC15" s="102">
        <v>69</v>
      </c>
      <c r="BD15" s="103">
        <v>655</v>
      </c>
      <c r="BE15" s="104">
        <v>877</v>
      </c>
      <c r="BF15" s="101">
        <v>140</v>
      </c>
      <c r="BG15" s="102">
        <v>95</v>
      </c>
      <c r="BH15" s="103">
        <v>235</v>
      </c>
      <c r="BI15" s="413">
        <v>0</v>
      </c>
      <c r="BJ15" s="102">
        <v>201</v>
      </c>
      <c r="BK15" s="102">
        <v>162</v>
      </c>
      <c r="BL15" s="102">
        <v>106</v>
      </c>
      <c r="BM15" s="102">
        <v>112</v>
      </c>
      <c r="BN15" s="102">
        <v>47</v>
      </c>
      <c r="BO15" s="103">
        <v>628</v>
      </c>
      <c r="BP15" s="104">
        <v>863</v>
      </c>
      <c r="BQ15" s="101">
        <v>96</v>
      </c>
      <c r="BR15" s="102">
        <v>73</v>
      </c>
      <c r="BS15" s="103">
        <v>169</v>
      </c>
      <c r="BT15" s="413">
        <v>0</v>
      </c>
      <c r="BU15" s="102">
        <v>183</v>
      </c>
      <c r="BV15" s="102">
        <v>125</v>
      </c>
      <c r="BW15" s="102">
        <v>99</v>
      </c>
      <c r="BX15" s="102">
        <v>91</v>
      </c>
      <c r="BY15" s="102">
        <v>50</v>
      </c>
      <c r="BZ15" s="103">
        <v>548</v>
      </c>
      <c r="CA15" s="104">
        <v>717</v>
      </c>
      <c r="CB15" s="101">
        <v>5</v>
      </c>
      <c r="CC15" s="102">
        <v>15</v>
      </c>
      <c r="CD15" s="103">
        <v>20</v>
      </c>
      <c r="CE15" s="413">
        <v>0</v>
      </c>
      <c r="CF15" s="102">
        <v>27</v>
      </c>
      <c r="CG15" s="102">
        <v>16</v>
      </c>
      <c r="CH15" s="102">
        <v>16</v>
      </c>
      <c r="CI15" s="102">
        <v>22</v>
      </c>
      <c r="CJ15" s="102">
        <v>16</v>
      </c>
      <c r="CK15" s="103">
        <v>97</v>
      </c>
      <c r="CL15" s="104">
        <v>117</v>
      </c>
      <c r="CM15" s="101">
        <v>485</v>
      </c>
      <c r="CN15" s="102">
        <v>406</v>
      </c>
      <c r="CO15" s="103">
        <v>891</v>
      </c>
      <c r="CP15" s="413">
        <v>0</v>
      </c>
      <c r="CQ15" s="102">
        <v>899</v>
      </c>
      <c r="CR15" s="102">
        <v>642</v>
      </c>
      <c r="CS15" s="102">
        <v>496</v>
      </c>
      <c r="CT15" s="102">
        <v>464</v>
      </c>
      <c r="CU15" s="102">
        <v>265</v>
      </c>
      <c r="CV15" s="103">
        <v>2766</v>
      </c>
      <c r="CW15" s="104">
        <v>3657</v>
      </c>
      <c r="CX15" s="105">
        <v>952</v>
      </c>
      <c r="CY15" s="97">
        <v>858</v>
      </c>
      <c r="CZ15" s="98">
        <v>1810</v>
      </c>
      <c r="DA15" s="413">
        <v>0</v>
      </c>
      <c r="DB15" s="97">
        <v>1677</v>
      </c>
      <c r="DC15" s="97">
        <v>1111</v>
      </c>
      <c r="DD15" s="97">
        <v>939</v>
      </c>
      <c r="DE15" s="97">
        <v>1008</v>
      </c>
      <c r="DF15" s="97">
        <v>626</v>
      </c>
      <c r="DG15" s="99">
        <v>5361</v>
      </c>
      <c r="DH15" s="100">
        <v>7171</v>
      </c>
      <c r="DI15" s="101">
        <v>24</v>
      </c>
      <c r="DJ15" s="102">
        <v>18</v>
      </c>
      <c r="DK15" s="103">
        <v>42</v>
      </c>
      <c r="DL15" s="413">
        <v>0</v>
      </c>
      <c r="DM15" s="102">
        <v>46</v>
      </c>
      <c r="DN15" s="102">
        <v>11</v>
      </c>
      <c r="DO15" s="102">
        <v>17</v>
      </c>
      <c r="DP15" s="102">
        <v>13</v>
      </c>
      <c r="DQ15" s="102">
        <v>20</v>
      </c>
      <c r="DR15" s="103">
        <v>107</v>
      </c>
      <c r="DS15" s="104">
        <v>149</v>
      </c>
      <c r="DT15" s="101">
        <v>48</v>
      </c>
      <c r="DU15" s="102">
        <v>60</v>
      </c>
      <c r="DV15" s="103">
        <v>108</v>
      </c>
      <c r="DW15" s="413">
        <v>0</v>
      </c>
      <c r="DX15" s="102">
        <v>79</v>
      </c>
      <c r="DY15" s="102">
        <v>52</v>
      </c>
      <c r="DZ15" s="102">
        <v>42</v>
      </c>
      <c r="EA15" s="102">
        <v>45</v>
      </c>
      <c r="EB15" s="102">
        <v>25</v>
      </c>
      <c r="EC15" s="103">
        <v>243</v>
      </c>
      <c r="ED15" s="104">
        <v>351</v>
      </c>
      <c r="EE15" s="101">
        <v>129</v>
      </c>
      <c r="EF15" s="102">
        <v>118</v>
      </c>
      <c r="EG15" s="103">
        <v>247</v>
      </c>
      <c r="EH15" s="413">
        <v>0</v>
      </c>
      <c r="EI15" s="102">
        <v>172</v>
      </c>
      <c r="EJ15" s="102">
        <v>105</v>
      </c>
      <c r="EK15" s="102">
        <v>80</v>
      </c>
      <c r="EL15" s="102">
        <v>81</v>
      </c>
      <c r="EM15" s="102">
        <v>58</v>
      </c>
      <c r="EN15" s="103">
        <v>496</v>
      </c>
      <c r="EO15" s="104">
        <v>743</v>
      </c>
      <c r="EP15" s="101">
        <v>278</v>
      </c>
      <c r="EQ15" s="102">
        <v>217</v>
      </c>
      <c r="ER15" s="103">
        <v>495</v>
      </c>
      <c r="ES15" s="413">
        <v>0</v>
      </c>
      <c r="ET15" s="102">
        <v>398</v>
      </c>
      <c r="EU15" s="102">
        <v>267</v>
      </c>
      <c r="EV15" s="102">
        <v>165</v>
      </c>
      <c r="EW15" s="102">
        <v>170</v>
      </c>
      <c r="EX15" s="102">
        <v>117</v>
      </c>
      <c r="EY15" s="103">
        <v>1117</v>
      </c>
      <c r="EZ15" s="104">
        <v>1612</v>
      </c>
      <c r="FA15" s="101">
        <v>304</v>
      </c>
      <c r="FB15" s="102">
        <v>253</v>
      </c>
      <c r="FC15" s="103">
        <v>557</v>
      </c>
      <c r="FD15" s="413">
        <v>0</v>
      </c>
      <c r="FE15" s="102">
        <v>502</v>
      </c>
      <c r="FF15" s="102">
        <v>306</v>
      </c>
      <c r="FG15" s="102">
        <v>236</v>
      </c>
      <c r="FH15" s="102">
        <v>224</v>
      </c>
      <c r="FI15" s="102">
        <v>155</v>
      </c>
      <c r="FJ15" s="103">
        <v>1423</v>
      </c>
      <c r="FK15" s="104">
        <v>1980</v>
      </c>
      <c r="FL15" s="101">
        <v>169</v>
      </c>
      <c r="FM15" s="102">
        <v>192</v>
      </c>
      <c r="FN15" s="103">
        <v>361</v>
      </c>
      <c r="FO15" s="413">
        <v>0</v>
      </c>
      <c r="FP15" s="102">
        <v>480</v>
      </c>
      <c r="FQ15" s="102">
        <v>370</v>
      </c>
      <c r="FR15" s="102">
        <v>399</v>
      </c>
      <c r="FS15" s="102">
        <v>475</v>
      </c>
      <c r="FT15" s="102">
        <v>251</v>
      </c>
      <c r="FU15" s="103">
        <v>1975</v>
      </c>
      <c r="FV15" s="104">
        <v>2336</v>
      </c>
      <c r="FW15" s="101">
        <v>15</v>
      </c>
      <c r="FX15" s="102">
        <v>13</v>
      </c>
      <c r="FY15" s="103">
        <v>28</v>
      </c>
      <c r="FZ15" s="413">
        <v>0</v>
      </c>
      <c r="GA15" s="102">
        <v>23</v>
      </c>
      <c r="GB15" s="102">
        <v>15</v>
      </c>
      <c r="GC15" s="102">
        <v>20</v>
      </c>
      <c r="GD15" s="102">
        <v>12</v>
      </c>
      <c r="GE15" s="102">
        <v>13</v>
      </c>
      <c r="GF15" s="103">
        <v>83</v>
      </c>
      <c r="GG15" s="104">
        <v>111</v>
      </c>
      <c r="GH15" s="101">
        <v>967</v>
      </c>
      <c r="GI15" s="102">
        <v>871</v>
      </c>
      <c r="GJ15" s="103">
        <v>1838</v>
      </c>
      <c r="GK15" s="413">
        <v>0</v>
      </c>
      <c r="GL15" s="102">
        <v>1700</v>
      </c>
      <c r="GM15" s="102">
        <v>1126</v>
      </c>
      <c r="GN15" s="102">
        <v>959</v>
      </c>
      <c r="GO15" s="102">
        <v>1020</v>
      </c>
      <c r="GP15" s="102">
        <v>639</v>
      </c>
      <c r="GQ15" s="103">
        <v>5444</v>
      </c>
      <c r="GR15" s="104">
        <v>7282</v>
      </c>
      <c r="GS15" s="105">
        <v>1432</v>
      </c>
      <c r="GT15" s="97">
        <v>1249</v>
      </c>
      <c r="GU15" s="98">
        <v>2681</v>
      </c>
      <c r="GV15" s="413">
        <v>0</v>
      </c>
      <c r="GW15" s="97">
        <v>2549</v>
      </c>
      <c r="GX15" s="97">
        <v>1737</v>
      </c>
      <c r="GY15" s="97">
        <v>1419</v>
      </c>
      <c r="GZ15" s="97">
        <v>1450</v>
      </c>
      <c r="HA15" s="97">
        <v>875</v>
      </c>
      <c r="HB15" s="99">
        <v>8030</v>
      </c>
      <c r="HC15" s="100">
        <v>10711</v>
      </c>
      <c r="HD15" s="101">
        <v>39</v>
      </c>
      <c r="HE15" s="102">
        <v>36</v>
      </c>
      <c r="HF15" s="103">
        <v>75</v>
      </c>
      <c r="HG15" s="416">
        <v>0</v>
      </c>
      <c r="HH15" s="102">
        <v>93</v>
      </c>
      <c r="HI15" s="102">
        <v>34</v>
      </c>
      <c r="HJ15" s="102">
        <v>39</v>
      </c>
      <c r="HK15" s="102">
        <v>28</v>
      </c>
      <c r="HL15" s="102">
        <v>31</v>
      </c>
      <c r="HM15" s="103">
        <v>225</v>
      </c>
      <c r="HN15" s="104">
        <v>300</v>
      </c>
      <c r="HO15" s="101">
        <v>82</v>
      </c>
      <c r="HP15" s="102">
        <v>109</v>
      </c>
      <c r="HQ15" s="103">
        <v>191</v>
      </c>
      <c r="HR15" s="413">
        <v>0</v>
      </c>
      <c r="HS15" s="102">
        <v>169</v>
      </c>
      <c r="HT15" s="102">
        <v>108</v>
      </c>
      <c r="HU15" s="102">
        <v>89</v>
      </c>
      <c r="HV15" s="102">
        <v>92</v>
      </c>
      <c r="HW15" s="102">
        <v>56</v>
      </c>
      <c r="HX15" s="103">
        <v>514</v>
      </c>
      <c r="HY15" s="104">
        <v>705</v>
      </c>
      <c r="HZ15" s="101">
        <v>203</v>
      </c>
      <c r="IA15" s="102">
        <v>173</v>
      </c>
      <c r="IB15" s="103">
        <v>376</v>
      </c>
      <c r="IC15" s="413">
        <v>0</v>
      </c>
      <c r="ID15" s="102">
        <v>308</v>
      </c>
      <c r="IE15" s="102">
        <v>223</v>
      </c>
      <c r="IF15" s="102">
        <v>160</v>
      </c>
      <c r="IG15" s="102">
        <v>155</v>
      </c>
      <c r="IH15" s="102">
        <v>99</v>
      </c>
      <c r="II15" s="103">
        <v>945</v>
      </c>
      <c r="IJ15" s="104">
        <v>1321</v>
      </c>
      <c r="IK15" s="101">
        <v>399</v>
      </c>
      <c r="IL15" s="102">
        <v>318</v>
      </c>
      <c r="IM15" s="103">
        <v>717</v>
      </c>
      <c r="IN15" s="413">
        <v>0</v>
      </c>
      <c r="IO15" s="102">
        <v>613</v>
      </c>
      <c r="IP15" s="102">
        <v>409</v>
      </c>
      <c r="IQ15" s="102">
        <v>291</v>
      </c>
      <c r="IR15" s="102">
        <v>273</v>
      </c>
      <c r="IS15" s="102">
        <v>186</v>
      </c>
      <c r="IT15" s="103">
        <v>1772</v>
      </c>
      <c r="IU15" s="104">
        <v>2489</v>
      </c>
      <c r="IV15" s="101">
        <v>444</v>
      </c>
      <c r="IW15" s="102">
        <v>348</v>
      </c>
      <c r="IX15" s="103">
        <v>792</v>
      </c>
      <c r="IY15" s="413">
        <v>0</v>
      </c>
      <c r="IZ15" s="102">
        <v>703</v>
      </c>
      <c r="JA15" s="102">
        <v>468</v>
      </c>
      <c r="JB15" s="102">
        <v>342</v>
      </c>
      <c r="JC15" s="102">
        <v>336</v>
      </c>
      <c r="JD15" s="102">
        <v>202</v>
      </c>
      <c r="JE15" s="103">
        <v>2051</v>
      </c>
      <c r="JF15" s="104">
        <v>2843</v>
      </c>
      <c r="JG15" s="101">
        <v>265</v>
      </c>
      <c r="JH15" s="102">
        <v>265</v>
      </c>
      <c r="JI15" s="103">
        <v>530</v>
      </c>
      <c r="JJ15" s="413">
        <v>0</v>
      </c>
      <c r="JK15" s="102">
        <v>663</v>
      </c>
      <c r="JL15" s="102">
        <v>495</v>
      </c>
      <c r="JM15" s="102">
        <v>498</v>
      </c>
      <c r="JN15" s="102">
        <v>566</v>
      </c>
      <c r="JO15" s="102">
        <v>301</v>
      </c>
      <c r="JP15" s="103">
        <v>2523</v>
      </c>
      <c r="JQ15" s="104">
        <v>3053</v>
      </c>
      <c r="JR15" s="101">
        <v>20</v>
      </c>
      <c r="JS15" s="102">
        <v>28</v>
      </c>
      <c r="JT15" s="103">
        <v>48</v>
      </c>
      <c r="JU15" s="413">
        <v>0</v>
      </c>
      <c r="JV15" s="102">
        <v>50</v>
      </c>
      <c r="JW15" s="102">
        <v>31</v>
      </c>
      <c r="JX15" s="102">
        <v>36</v>
      </c>
      <c r="JY15" s="102">
        <v>34</v>
      </c>
      <c r="JZ15" s="102">
        <v>29</v>
      </c>
      <c r="KA15" s="103">
        <v>180</v>
      </c>
      <c r="KB15" s="104">
        <v>228</v>
      </c>
      <c r="KC15" s="101">
        <v>1452</v>
      </c>
      <c r="KD15" s="102">
        <v>1277</v>
      </c>
      <c r="KE15" s="103">
        <v>2729</v>
      </c>
      <c r="KF15" s="413">
        <v>0</v>
      </c>
      <c r="KG15" s="102">
        <v>2599</v>
      </c>
      <c r="KH15" s="102">
        <v>1768</v>
      </c>
      <c r="KI15" s="102">
        <v>1455</v>
      </c>
      <c r="KJ15" s="102">
        <v>1484</v>
      </c>
      <c r="KK15" s="102">
        <v>904</v>
      </c>
      <c r="KL15" s="103">
        <v>8210</v>
      </c>
      <c r="KM15" s="104">
        <v>10939</v>
      </c>
    </row>
    <row r="16" spans="2:299" s="70" customFormat="1" ht="21" customHeight="1" x14ac:dyDescent="0.2">
      <c r="B16" s="106" t="s">
        <v>12</v>
      </c>
      <c r="C16" s="96">
        <v>747</v>
      </c>
      <c r="D16" s="97">
        <v>709</v>
      </c>
      <c r="E16" s="98">
        <v>1456</v>
      </c>
      <c r="F16" s="413">
        <v>0</v>
      </c>
      <c r="G16" s="97">
        <v>748</v>
      </c>
      <c r="H16" s="97">
        <v>736</v>
      </c>
      <c r="I16" s="97">
        <v>459</v>
      </c>
      <c r="J16" s="97">
        <v>487</v>
      </c>
      <c r="K16" s="97">
        <v>207</v>
      </c>
      <c r="L16" s="99">
        <v>2637</v>
      </c>
      <c r="M16" s="100">
        <v>4093</v>
      </c>
      <c r="N16" s="107">
        <v>25</v>
      </c>
      <c r="O16" s="102">
        <v>23</v>
      </c>
      <c r="P16" s="103">
        <v>48</v>
      </c>
      <c r="Q16" s="413">
        <v>0</v>
      </c>
      <c r="R16" s="102">
        <v>16</v>
      </c>
      <c r="S16" s="102">
        <v>37</v>
      </c>
      <c r="T16" s="102">
        <v>12</v>
      </c>
      <c r="U16" s="102">
        <v>20</v>
      </c>
      <c r="V16" s="102">
        <v>6</v>
      </c>
      <c r="W16" s="103">
        <v>91</v>
      </c>
      <c r="X16" s="104">
        <v>139</v>
      </c>
      <c r="Y16" s="101">
        <v>52</v>
      </c>
      <c r="Z16" s="102">
        <v>63</v>
      </c>
      <c r="AA16" s="103">
        <v>115</v>
      </c>
      <c r="AB16" s="413">
        <v>0</v>
      </c>
      <c r="AC16" s="102">
        <v>47</v>
      </c>
      <c r="AD16" s="102">
        <v>50</v>
      </c>
      <c r="AE16" s="102">
        <v>41</v>
      </c>
      <c r="AF16" s="102">
        <v>47</v>
      </c>
      <c r="AG16" s="102">
        <v>18</v>
      </c>
      <c r="AH16" s="103">
        <v>203</v>
      </c>
      <c r="AI16" s="104">
        <v>318</v>
      </c>
      <c r="AJ16" s="107">
        <v>102</v>
      </c>
      <c r="AK16" s="102">
        <v>110</v>
      </c>
      <c r="AL16" s="103">
        <v>212</v>
      </c>
      <c r="AM16" s="413">
        <v>0</v>
      </c>
      <c r="AN16" s="102">
        <v>112</v>
      </c>
      <c r="AO16" s="102">
        <v>104</v>
      </c>
      <c r="AP16" s="102">
        <v>67</v>
      </c>
      <c r="AQ16" s="102">
        <v>75</v>
      </c>
      <c r="AR16" s="102">
        <v>40</v>
      </c>
      <c r="AS16" s="103">
        <v>398</v>
      </c>
      <c r="AT16" s="104">
        <v>610</v>
      </c>
      <c r="AU16" s="101">
        <v>191</v>
      </c>
      <c r="AV16" s="102">
        <v>187</v>
      </c>
      <c r="AW16" s="103">
        <v>378</v>
      </c>
      <c r="AX16" s="413">
        <v>0</v>
      </c>
      <c r="AY16" s="102">
        <v>177</v>
      </c>
      <c r="AZ16" s="102">
        <v>202</v>
      </c>
      <c r="BA16" s="102">
        <v>110</v>
      </c>
      <c r="BB16" s="102">
        <v>100</v>
      </c>
      <c r="BC16" s="102">
        <v>53</v>
      </c>
      <c r="BD16" s="103">
        <v>642</v>
      </c>
      <c r="BE16" s="104">
        <v>1020</v>
      </c>
      <c r="BF16" s="107">
        <v>239</v>
      </c>
      <c r="BG16" s="102">
        <v>181</v>
      </c>
      <c r="BH16" s="103">
        <v>420</v>
      </c>
      <c r="BI16" s="413">
        <v>0</v>
      </c>
      <c r="BJ16" s="102">
        <v>226</v>
      </c>
      <c r="BK16" s="102">
        <v>179</v>
      </c>
      <c r="BL16" s="102">
        <v>126</v>
      </c>
      <c r="BM16" s="102">
        <v>136</v>
      </c>
      <c r="BN16" s="102">
        <v>56</v>
      </c>
      <c r="BO16" s="103">
        <v>723</v>
      </c>
      <c r="BP16" s="104">
        <v>1143</v>
      </c>
      <c r="BQ16" s="101">
        <v>138</v>
      </c>
      <c r="BR16" s="102">
        <v>145</v>
      </c>
      <c r="BS16" s="103">
        <v>283</v>
      </c>
      <c r="BT16" s="413">
        <v>0</v>
      </c>
      <c r="BU16" s="102">
        <v>170</v>
      </c>
      <c r="BV16" s="102">
        <v>164</v>
      </c>
      <c r="BW16" s="102">
        <v>103</v>
      </c>
      <c r="BX16" s="102">
        <v>109</v>
      </c>
      <c r="BY16" s="102">
        <v>34</v>
      </c>
      <c r="BZ16" s="103">
        <v>580</v>
      </c>
      <c r="CA16" s="104">
        <v>863</v>
      </c>
      <c r="CB16" s="101">
        <v>14</v>
      </c>
      <c r="CC16" s="102">
        <v>36</v>
      </c>
      <c r="CD16" s="103">
        <v>50</v>
      </c>
      <c r="CE16" s="413">
        <v>0</v>
      </c>
      <c r="CF16" s="102">
        <v>10</v>
      </c>
      <c r="CG16" s="102">
        <v>27</v>
      </c>
      <c r="CH16" s="102">
        <v>20</v>
      </c>
      <c r="CI16" s="102">
        <v>18</v>
      </c>
      <c r="CJ16" s="102">
        <v>19</v>
      </c>
      <c r="CK16" s="103">
        <v>94</v>
      </c>
      <c r="CL16" s="104">
        <v>144</v>
      </c>
      <c r="CM16" s="101">
        <v>761</v>
      </c>
      <c r="CN16" s="102">
        <v>745</v>
      </c>
      <c r="CO16" s="103">
        <v>1506</v>
      </c>
      <c r="CP16" s="413">
        <v>0</v>
      </c>
      <c r="CQ16" s="102">
        <v>758</v>
      </c>
      <c r="CR16" s="102">
        <v>763</v>
      </c>
      <c r="CS16" s="102">
        <v>479</v>
      </c>
      <c r="CT16" s="102">
        <v>505</v>
      </c>
      <c r="CU16" s="102">
        <v>226</v>
      </c>
      <c r="CV16" s="103">
        <v>2731</v>
      </c>
      <c r="CW16" s="104">
        <v>4237</v>
      </c>
      <c r="CX16" s="105">
        <v>1482</v>
      </c>
      <c r="CY16" s="97">
        <v>1555</v>
      </c>
      <c r="CZ16" s="98">
        <v>3037</v>
      </c>
      <c r="DA16" s="413">
        <v>0</v>
      </c>
      <c r="DB16" s="97">
        <v>1560</v>
      </c>
      <c r="DC16" s="97">
        <v>1178</v>
      </c>
      <c r="DD16" s="97">
        <v>998</v>
      </c>
      <c r="DE16" s="97">
        <v>1080</v>
      </c>
      <c r="DF16" s="97">
        <v>648</v>
      </c>
      <c r="DG16" s="99">
        <v>5464</v>
      </c>
      <c r="DH16" s="100">
        <v>8501</v>
      </c>
      <c r="DI16" s="107">
        <v>26</v>
      </c>
      <c r="DJ16" s="102">
        <v>36</v>
      </c>
      <c r="DK16" s="103">
        <v>62</v>
      </c>
      <c r="DL16" s="413">
        <v>0</v>
      </c>
      <c r="DM16" s="102">
        <v>22</v>
      </c>
      <c r="DN16" s="102">
        <v>20</v>
      </c>
      <c r="DO16" s="102">
        <v>21</v>
      </c>
      <c r="DP16" s="102">
        <v>14</v>
      </c>
      <c r="DQ16" s="102">
        <v>12</v>
      </c>
      <c r="DR16" s="103">
        <v>89</v>
      </c>
      <c r="DS16" s="104">
        <v>151</v>
      </c>
      <c r="DT16" s="101">
        <v>85</v>
      </c>
      <c r="DU16" s="102">
        <v>86</v>
      </c>
      <c r="DV16" s="103">
        <v>171</v>
      </c>
      <c r="DW16" s="413">
        <v>0</v>
      </c>
      <c r="DX16" s="102">
        <v>42</v>
      </c>
      <c r="DY16" s="102">
        <v>44</v>
      </c>
      <c r="DZ16" s="102">
        <v>38</v>
      </c>
      <c r="EA16" s="102">
        <v>36</v>
      </c>
      <c r="EB16" s="102">
        <v>34</v>
      </c>
      <c r="EC16" s="103">
        <v>194</v>
      </c>
      <c r="ED16" s="104">
        <v>365</v>
      </c>
      <c r="EE16" s="107">
        <v>214</v>
      </c>
      <c r="EF16" s="102">
        <v>236</v>
      </c>
      <c r="EG16" s="103">
        <v>450</v>
      </c>
      <c r="EH16" s="413">
        <v>0</v>
      </c>
      <c r="EI16" s="102">
        <v>157</v>
      </c>
      <c r="EJ16" s="102">
        <v>105</v>
      </c>
      <c r="EK16" s="102">
        <v>88</v>
      </c>
      <c r="EL16" s="102">
        <v>97</v>
      </c>
      <c r="EM16" s="102">
        <v>66</v>
      </c>
      <c r="EN16" s="103">
        <v>513</v>
      </c>
      <c r="EO16" s="104">
        <v>963</v>
      </c>
      <c r="EP16" s="101">
        <v>466</v>
      </c>
      <c r="EQ16" s="102">
        <v>405</v>
      </c>
      <c r="ER16" s="103">
        <v>871</v>
      </c>
      <c r="ES16" s="413">
        <v>0</v>
      </c>
      <c r="ET16" s="102">
        <v>372</v>
      </c>
      <c r="EU16" s="102">
        <v>244</v>
      </c>
      <c r="EV16" s="102">
        <v>170</v>
      </c>
      <c r="EW16" s="102">
        <v>173</v>
      </c>
      <c r="EX16" s="102">
        <v>112</v>
      </c>
      <c r="EY16" s="103">
        <v>1071</v>
      </c>
      <c r="EZ16" s="104">
        <v>1942</v>
      </c>
      <c r="FA16" s="107">
        <v>448</v>
      </c>
      <c r="FB16" s="102">
        <v>439</v>
      </c>
      <c r="FC16" s="103">
        <v>887</v>
      </c>
      <c r="FD16" s="413">
        <v>0</v>
      </c>
      <c r="FE16" s="102">
        <v>503</v>
      </c>
      <c r="FF16" s="102">
        <v>328</v>
      </c>
      <c r="FG16" s="102">
        <v>259</v>
      </c>
      <c r="FH16" s="102">
        <v>272</v>
      </c>
      <c r="FI16" s="102">
        <v>173</v>
      </c>
      <c r="FJ16" s="103">
        <v>1535</v>
      </c>
      <c r="FK16" s="104">
        <v>2422</v>
      </c>
      <c r="FL16" s="101">
        <v>243</v>
      </c>
      <c r="FM16" s="102">
        <v>353</v>
      </c>
      <c r="FN16" s="103">
        <v>596</v>
      </c>
      <c r="FO16" s="413">
        <v>0</v>
      </c>
      <c r="FP16" s="102">
        <v>464</v>
      </c>
      <c r="FQ16" s="102">
        <v>437</v>
      </c>
      <c r="FR16" s="102">
        <v>422</v>
      </c>
      <c r="FS16" s="102">
        <v>488</v>
      </c>
      <c r="FT16" s="102">
        <v>251</v>
      </c>
      <c r="FU16" s="103">
        <v>2062</v>
      </c>
      <c r="FV16" s="104">
        <v>2658</v>
      </c>
      <c r="FW16" s="101">
        <v>14</v>
      </c>
      <c r="FX16" s="102">
        <v>23</v>
      </c>
      <c r="FY16" s="103">
        <v>37</v>
      </c>
      <c r="FZ16" s="413">
        <v>0</v>
      </c>
      <c r="GA16" s="102">
        <v>12</v>
      </c>
      <c r="GB16" s="102">
        <v>18</v>
      </c>
      <c r="GC16" s="102">
        <v>18</v>
      </c>
      <c r="GD16" s="102">
        <v>10</v>
      </c>
      <c r="GE16" s="102">
        <v>10</v>
      </c>
      <c r="GF16" s="103">
        <v>68</v>
      </c>
      <c r="GG16" s="104">
        <v>105</v>
      </c>
      <c r="GH16" s="101">
        <v>1496</v>
      </c>
      <c r="GI16" s="102">
        <v>1578</v>
      </c>
      <c r="GJ16" s="103">
        <v>3074</v>
      </c>
      <c r="GK16" s="413">
        <v>0</v>
      </c>
      <c r="GL16" s="102">
        <v>1572</v>
      </c>
      <c r="GM16" s="102">
        <v>1196</v>
      </c>
      <c r="GN16" s="102">
        <v>1016</v>
      </c>
      <c r="GO16" s="102">
        <v>1090</v>
      </c>
      <c r="GP16" s="102">
        <v>658</v>
      </c>
      <c r="GQ16" s="103">
        <v>5532</v>
      </c>
      <c r="GR16" s="104">
        <v>8606</v>
      </c>
      <c r="GS16" s="105">
        <v>2229</v>
      </c>
      <c r="GT16" s="97">
        <v>2264</v>
      </c>
      <c r="GU16" s="98">
        <v>4493</v>
      </c>
      <c r="GV16" s="413">
        <v>0</v>
      </c>
      <c r="GW16" s="97">
        <v>2308</v>
      </c>
      <c r="GX16" s="97">
        <v>1914</v>
      </c>
      <c r="GY16" s="97">
        <v>1457</v>
      </c>
      <c r="GZ16" s="97">
        <v>1567</v>
      </c>
      <c r="HA16" s="97">
        <v>855</v>
      </c>
      <c r="HB16" s="99">
        <v>8101</v>
      </c>
      <c r="HC16" s="100">
        <v>12594</v>
      </c>
      <c r="HD16" s="107">
        <v>51</v>
      </c>
      <c r="HE16" s="102">
        <v>59</v>
      </c>
      <c r="HF16" s="103">
        <v>110</v>
      </c>
      <c r="HG16" s="416">
        <v>0</v>
      </c>
      <c r="HH16" s="102">
        <v>38</v>
      </c>
      <c r="HI16" s="102">
        <v>57</v>
      </c>
      <c r="HJ16" s="102">
        <v>33</v>
      </c>
      <c r="HK16" s="102">
        <v>34</v>
      </c>
      <c r="HL16" s="102">
        <v>18</v>
      </c>
      <c r="HM16" s="103">
        <v>180</v>
      </c>
      <c r="HN16" s="104">
        <v>290</v>
      </c>
      <c r="HO16" s="101">
        <v>137</v>
      </c>
      <c r="HP16" s="102">
        <v>149</v>
      </c>
      <c r="HQ16" s="103">
        <v>286</v>
      </c>
      <c r="HR16" s="413">
        <v>0</v>
      </c>
      <c r="HS16" s="102">
        <v>89</v>
      </c>
      <c r="HT16" s="102">
        <v>94</v>
      </c>
      <c r="HU16" s="102">
        <v>79</v>
      </c>
      <c r="HV16" s="102">
        <v>83</v>
      </c>
      <c r="HW16" s="102">
        <v>52</v>
      </c>
      <c r="HX16" s="103">
        <v>397</v>
      </c>
      <c r="HY16" s="104">
        <v>683</v>
      </c>
      <c r="HZ16" s="107">
        <v>316</v>
      </c>
      <c r="IA16" s="102">
        <v>346</v>
      </c>
      <c r="IB16" s="103">
        <v>662</v>
      </c>
      <c r="IC16" s="413">
        <v>0</v>
      </c>
      <c r="ID16" s="102">
        <v>269</v>
      </c>
      <c r="IE16" s="102">
        <v>209</v>
      </c>
      <c r="IF16" s="102">
        <v>155</v>
      </c>
      <c r="IG16" s="102">
        <v>172</v>
      </c>
      <c r="IH16" s="102">
        <v>106</v>
      </c>
      <c r="II16" s="103">
        <v>911</v>
      </c>
      <c r="IJ16" s="104">
        <v>1573</v>
      </c>
      <c r="IK16" s="101">
        <v>657</v>
      </c>
      <c r="IL16" s="102">
        <v>592</v>
      </c>
      <c r="IM16" s="103">
        <v>1249</v>
      </c>
      <c r="IN16" s="413">
        <v>0</v>
      </c>
      <c r="IO16" s="102">
        <v>549</v>
      </c>
      <c r="IP16" s="102">
        <v>446</v>
      </c>
      <c r="IQ16" s="102">
        <v>280</v>
      </c>
      <c r="IR16" s="102">
        <v>273</v>
      </c>
      <c r="IS16" s="102">
        <v>165</v>
      </c>
      <c r="IT16" s="103">
        <v>1713</v>
      </c>
      <c r="IU16" s="104">
        <v>2962</v>
      </c>
      <c r="IV16" s="107">
        <v>687</v>
      </c>
      <c r="IW16" s="102">
        <v>620</v>
      </c>
      <c r="IX16" s="103">
        <v>1307</v>
      </c>
      <c r="IY16" s="413">
        <v>0</v>
      </c>
      <c r="IZ16" s="102">
        <v>729</v>
      </c>
      <c r="JA16" s="102">
        <v>507</v>
      </c>
      <c r="JB16" s="102">
        <v>385</v>
      </c>
      <c r="JC16" s="102">
        <v>408</v>
      </c>
      <c r="JD16" s="102">
        <v>229</v>
      </c>
      <c r="JE16" s="103">
        <v>2258</v>
      </c>
      <c r="JF16" s="104">
        <v>3565</v>
      </c>
      <c r="JG16" s="101">
        <v>381</v>
      </c>
      <c r="JH16" s="102">
        <v>498</v>
      </c>
      <c r="JI16" s="103">
        <v>879</v>
      </c>
      <c r="JJ16" s="413">
        <v>0</v>
      </c>
      <c r="JK16" s="102">
        <v>634</v>
      </c>
      <c r="JL16" s="102">
        <v>601</v>
      </c>
      <c r="JM16" s="102">
        <v>525</v>
      </c>
      <c r="JN16" s="102">
        <v>597</v>
      </c>
      <c r="JO16" s="102">
        <v>285</v>
      </c>
      <c r="JP16" s="103">
        <v>2642</v>
      </c>
      <c r="JQ16" s="104">
        <v>3521</v>
      </c>
      <c r="JR16" s="101">
        <v>28</v>
      </c>
      <c r="JS16" s="102">
        <v>59</v>
      </c>
      <c r="JT16" s="103">
        <v>87</v>
      </c>
      <c r="JU16" s="413">
        <v>0</v>
      </c>
      <c r="JV16" s="102">
        <v>22</v>
      </c>
      <c r="JW16" s="102">
        <v>45</v>
      </c>
      <c r="JX16" s="102">
        <v>38</v>
      </c>
      <c r="JY16" s="102">
        <v>28</v>
      </c>
      <c r="JZ16" s="102">
        <v>29</v>
      </c>
      <c r="KA16" s="103">
        <v>162</v>
      </c>
      <c r="KB16" s="104">
        <v>249</v>
      </c>
      <c r="KC16" s="101">
        <v>2257</v>
      </c>
      <c r="KD16" s="102">
        <v>2323</v>
      </c>
      <c r="KE16" s="103">
        <v>4580</v>
      </c>
      <c r="KF16" s="413">
        <v>0</v>
      </c>
      <c r="KG16" s="102">
        <v>2330</v>
      </c>
      <c r="KH16" s="102">
        <v>1959</v>
      </c>
      <c r="KI16" s="102">
        <v>1495</v>
      </c>
      <c r="KJ16" s="102">
        <v>1595</v>
      </c>
      <c r="KK16" s="102">
        <v>884</v>
      </c>
      <c r="KL16" s="103">
        <v>8263</v>
      </c>
      <c r="KM16" s="104">
        <v>12843</v>
      </c>
    </row>
    <row r="17" spans="2:299" s="70" customFormat="1" ht="21" customHeight="1" x14ac:dyDescent="0.2">
      <c r="B17" s="106" t="s">
        <v>13</v>
      </c>
      <c r="C17" s="96">
        <v>166</v>
      </c>
      <c r="D17" s="97">
        <v>169</v>
      </c>
      <c r="E17" s="98">
        <v>335</v>
      </c>
      <c r="F17" s="413">
        <v>0</v>
      </c>
      <c r="G17" s="97">
        <v>326</v>
      </c>
      <c r="H17" s="97">
        <v>287</v>
      </c>
      <c r="I17" s="97">
        <v>176</v>
      </c>
      <c r="J17" s="97">
        <v>130</v>
      </c>
      <c r="K17" s="97">
        <v>102</v>
      </c>
      <c r="L17" s="99">
        <v>1021</v>
      </c>
      <c r="M17" s="100">
        <v>1356</v>
      </c>
      <c r="N17" s="101">
        <v>6</v>
      </c>
      <c r="O17" s="102">
        <v>4</v>
      </c>
      <c r="P17" s="103">
        <v>10</v>
      </c>
      <c r="Q17" s="413">
        <v>0</v>
      </c>
      <c r="R17" s="102">
        <v>12</v>
      </c>
      <c r="S17" s="102">
        <v>7</v>
      </c>
      <c r="T17" s="102">
        <v>4</v>
      </c>
      <c r="U17" s="102">
        <v>8</v>
      </c>
      <c r="V17" s="102">
        <v>6</v>
      </c>
      <c r="W17" s="103">
        <v>37</v>
      </c>
      <c r="X17" s="104">
        <v>47</v>
      </c>
      <c r="Y17" s="101">
        <v>9</v>
      </c>
      <c r="Z17" s="102">
        <v>8</v>
      </c>
      <c r="AA17" s="103">
        <v>17</v>
      </c>
      <c r="AB17" s="413">
        <v>0</v>
      </c>
      <c r="AC17" s="102">
        <v>18</v>
      </c>
      <c r="AD17" s="102">
        <v>20</v>
      </c>
      <c r="AE17" s="102">
        <v>11</v>
      </c>
      <c r="AF17" s="102">
        <v>13</v>
      </c>
      <c r="AG17" s="102">
        <v>11</v>
      </c>
      <c r="AH17" s="103">
        <v>73</v>
      </c>
      <c r="AI17" s="104">
        <v>90</v>
      </c>
      <c r="AJ17" s="101">
        <v>17</v>
      </c>
      <c r="AK17" s="102">
        <v>18</v>
      </c>
      <c r="AL17" s="103">
        <v>35</v>
      </c>
      <c r="AM17" s="413">
        <v>0</v>
      </c>
      <c r="AN17" s="102">
        <v>43</v>
      </c>
      <c r="AO17" s="102">
        <v>46</v>
      </c>
      <c r="AP17" s="102">
        <v>23</v>
      </c>
      <c r="AQ17" s="102">
        <v>15</v>
      </c>
      <c r="AR17" s="102">
        <v>13</v>
      </c>
      <c r="AS17" s="103">
        <v>140</v>
      </c>
      <c r="AT17" s="104">
        <v>175</v>
      </c>
      <c r="AU17" s="101">
        <v>43</v>
      </c>
      <c r="AV17" s="102">
        <v>39</v>
      </c>
      <c r="AW17" s="103">
        <v>82</v>
      </c>
      <c r="AX17" s="413">
        <v>0</v>
      </c>
      <c r="AY17" s="102">
        <v>76</v>
      </c>
      <c r="AZ17" s="102">
        <v>63</v>
      </c>
      <c r="BA17" s="102">
        <v>44</v>
      </c>
      <c r="BB17" s="102">
        <v>20</v>
      </c>
      <c r="BC17" s="102">
        <v>18</v>
      </c>
      <c r="BD17" s="103">
        <v>221</v>
      </c>
      <c r="BE17" s="104">
        <v>303</v>
      </c>
      <c r="BF17" s="101">
        <v>51</v>
      </c>
      <c r="BG17" s="102">
        <v>58</v>
      </c>
      <c r="BH17" s="103">
        <v>109</v>
      </c>
      <c r="BI17" s="413">
        <v>0</v>
      </c>
      <c r="BJ17" s="102">
        <v>99</v>
      </c>
      <c r="BK17" s="102">
        <v>86</v>
      </c>
      <c r="BL17" s="102">
        <v>46</v>
      </c>
      <c r="BM17" s="102">
        <v>38</v>
      </c>
      <c r="BN17" s="102">
        <v>24</v>
      </c>
      <c r="BO17" s="103">
        <v>293</v>
      </c>
      <c r="BP17" s="104">
        <v>402</v>
      </c>
      <c r="BQ17" s="101">
        <v>40</v>
      </c>
      <c r="BR17" s="102">
        <v>42</v>
      </c>
      <c r="BS17" s="103">
        <v>82</v>
      </c>
      <c r="BT17" s="413">
        <v>0</v>
      </c>
      <c r="BU17" s="102">
        <v>78</v>
      </c>
      <c r="BV17" s="102">
        <v>65</v>
      </c>
      <c r="BW17" s="102">
        <v>48</v>
      </c>
      <c r="BX17" s="102">
        <v>36</v>
      </c>
      <c r="BY17" s="102">
        <v>30</v>
      </c>
      <c r="BZ17" s="103">
        <v>257</v>
      </c>
      <c r="CA17" s="104">
        <v>339</v>
      </c>
      <c r="CB17" s="101">
        <v>5</v>
      </c>
      <c r="CC17" s="102">
        <v>3</v>
      </c>
      <c r="CD17" s="103">
        <v>8</v>
      </c>
      <c r="CE17" s="413">
        <v>0</v>
      </c>
      <c r="CF17" s="102">
        <v>10</v>
      </c>
      <c r="CG17" s="102">
        <v>10</v>
      </c>
      <c r="CH17" s="102">
        <v>6</v>
      </c>
      <c r="CI17" s="102">
        <v>3</v>
      </c>
      <c r="CJ17" s="102">
        <v>7</v>
      </c>
      <c r="CK17" s="103">
        <v>36</v>
      </c>
      <c r="CL17" s="104">
        <v>44</v>
      </c>
      <c r="CM17" s="101">
        <v>171</v>
      </c>
      <c r="CN17" s="102">
        <v>172</v>
      </c>
      <c r="CO17" s="103">
        <v>343</v>
      </c>
      <c r="CP17" s="413">
        <v>0</v>
      </c>
      <c r="CQ17" s="102">
        <v>336</v>
      </c>
      <c r="CR17" s="102">
        <v>297</v>
      </c>
      <c r="CS17" s="102">
        <v>182</v>
      </c>
      <c r="CT17" s="102">
        <v>133</v>
      </c>
      <c r="CU17" s="102">
        <v>109</v>
      </c>
      <c r="CV17" s="103">
        <v>1057</v>
      </c>
      <c r="CW17" s="104">
        <v>1400</v>
      </c>
      <c r="CX17" s="105">
        <v>388</v>
      </c>
      <c r="CY17" s="97">
        <v>424</v>
      </c>
      <c r="CZ17" s="98">
        <v>812</v>
      </c>
      <c r="DA17" s="413">
        <v>0</v>
      </c>
      <c r="DB17" s="97">
        <v>595</v>
      </c>
      <c r="DC17" s="97">
        <v>533</v>
      </c>
      <c r="DD17" s="97">
        <v>337</v>
      </c>
      <c r="DE17" s="97">
        <v>389</v>
      </c>
      <c r="DF17" s="97">
        <v>293</v>
      </c>
      <c r="DG17" s="99">
        <v>2147</v>
      </c>
      <c r="DH17" s="100">
        <v>2959</v>
      </c>
      <c r="DI17" s="101">
        <v>5</v>
      </c>
      <c r="DJ17" s="102">
        <v>5</v>
      </c>
      <c r="DK17" s="103">
        <v>10</v>
      </c>
      <c r="DL17" s="413">
        <v>0</v>
      </c>
      <c r="DM17" s="102">
        <v>11</v>
      </c>
      <c r="DN17" s="102">
        <v>2</v>
      </c>
      <c r="DO17" s="102">
        <v>2</v>
      </c>
      <c r="DP17" s="102">
        <v>7</v>
      </c>
      <c r="DQ17" s="102">
        <v>4</v>
      </c>
      <c r="DR17" s="103">
        <v>26</v>
      </c>
      <c r="DS17" s="104">
        <v>36</v>
      </c>
      <c r="DT17" s="101">
        <v>20</v>
      </c>
      <c r="DU17" s="102">
        <v>28</v>
      </c>
      <c r="DV17" s="103">
        <v>48</v>
      </c>
      <c r="DW17" s="413">
        <v>0</v>
      </c>
      <c r="DX17" s="102">
        <v>15</v>
      </c>
      <c r="DY17" s="102">
        <v>22</v>
      </c>
      <c r="DZ17" s="102">
        <v>10</v>
      </c>
      <c r="EA17" s="102">
        <v>9</v>
      </c>
      <c r="EB17" s="102">
        <v>7</v>
      </c>
      <c r="EC17" s="103">
        <v>63</v>
      </c>
      <c r="ED17" s="104">
        <v>111</v>
      </c>
      <c r="EE17" s="101">
        <v>42</v>
      </c>
      <c r="EF17" s="102">
        <v>33</v>
      </c>
      <c r="EG17" s="103">
        <v>75</v>
      </c>
      <c r="EH17" s="413">
        <v>0</v>
      </c>
      <c r="EI17" s="102">
        <v>60</v>
      </c>
      <c r="EJ17" s="102">
        <v>38</v>
      </c>
      <c r="EK17" s="102">
        <v>37</v>
      </c>
      <c r="EL17" s="102">
        <v>26</v>
      </c>
      <c r="EM17" s="102">
        <v>23</v>
      </c>
      <c r="EN17" s="103">
        <v>184</v>
      </c>
      <c r="EO17" s="104">
        <v>259</v>
      </c>
      <c r="EP17" s="101">
        <v>111</v>
      </c>
      <c r="EQ17" s="102">
        <v>132</v>
      </c>
      <c r="ER17" s="103">
        <v>243</v>
      </c>
      <c r="ES17" s="413">
        <v>0</v>
      </c>
      <c r="ET17" s="102">
        <v>146</v>
      </c>
      <c r="EU17" s="102">
        <v>110</v>
      </c>
      <c r="EV17" s="102">
        <v>53</v>
      </c>
      <c r="EW17" s="102">
        <v>64</v>
      </c>
      <c r="EX17" s="102">
        <v>53</v>
      </c>
      <c r="EY17" s="103">
        <v>426</v>
      </c>
      <c r="EZ17" s="104">
        <v>669</v>
      </c>
      <c r="FA17" s="101">
        <v>137</v>
      </c>
      <c r="FB17" s="102">
        <v>134</v>
      </c>
      <c r="FC17" s="103">
        <v>271</v>
      </c>
      <c r="FD17" s="413">
        <v>0</v>
      </c>
      <c r="FE17" s="102">
        <v>179</v>
      </c>
      <c r="FF17" s="102">
        <v>153</v>
      </c>
      <c r="FG17" s="102">
        <v>72</v>
      </c>
      <c r="FH17" s="102">
        <v>88</v>
      </c>
      <c r="FI17" s="102">
        <v>78</v>
      </c>
      <c r="FJ17" s="103">
        <v>570</v>
      </c>
      <c r="FK17" s="104">
        <v>841</v>
      </c>
      <c r="FL17" s="101">
        <v>73</v>
      </c>
      <c r="FM17" s="102">
        <v>92</v>
      </c>
      <c r="FN17" s="103">
        <v>165</v>
      </c>
      <c r="FO17" s="413">
        <v>0</v>
      </c>
      <c r="FP17" s="102">
        <v>184</v>
      </c>
      <c r="FQ17" s="102">
        <v>208</v>
      </c>
      <c r="FR17" s="102">
        <v>163</v>
      </c>
      <c r="FS17" s="102">
        <v>195</v>
      </c>
      <c r="FT17" s="102">
        <v>128</v>
      </c>
      <c r="FU17" s="103">
        <v>878</v>
      </c>
      <c r="FV17" s="104">
        <v>1043</v>
      </c>
      <c r="FW17" s="101">
        <v>1</v>
      </c>
      <c r="FX17" s="102">
        <v>2</v>
      </c>
      <c r="FY17" s="103">
        <v>3</v>
      </c>
      <c r="FZ17" s="413">
        <v>0</v>
      </c>
      <c r="GA17" s="102">
        <v>11</v>
      </c>
      <c r="GB17" s="102">
        <v>8</v>
      </c>
      <c r="GC17" s="102">
        <v>5</v>
      </c>
      <c r="GD17" s="102">
        <v>1</v>
      </c>
      <c r="GE17" s="102">
        <v>7</v>
      </c>
      <c r="GF17" s="103">
        <v>32</v>
      </c>
      <c r="GG17" s="104">
        <v>35</v>
      </c>
      <c r="GH17" s="101">
        <v>389</v>
      </c>
      <c r="GI17" s="102">
        <v>426</v>
      </c>
      <c r="GJ17" s="103">
        <v>815</v>
      </c>
      <c r="GK17" s="413">
        <v>0</v>
      </c>
      <c r="GL17" s="102">
        <v>606</v>
      </c>
      <c r="GM17" s="102">
        <v>541</v>
      </c>
      <c r="GN17" s="102">
        <v>342</v>
      </c>
      <c r="GO17" s="102">
        <v>390</v>
      </c>
      <c r="GP17" s="102">
        <v>300</v>
      </c>
      <c r="GQ17" s="103">
        <v>2179</v>
      </c>
      <c r="GR17" s="104">
        <v>2994</v>
      </c>
      <c r="GS17" s="105">
        <v>554</v>
      </c>
      <c r="GT17" s="97">
        <v>593</v>
      </c>
      <c r="GU17" s="98">
        <v>1147</v>
      </c>
      <c r="GV17" s="413">
        <v>0</v>
      </c>
      <c r="GW17" s="97">
        <v>921</v>
      </c>
      <c r="GX17" s="97">
        <v>820</v>
      </c>
      <c r="GY17" s="97">
        <v>513</v>
      </c>
      <c r="GZ17" s="97">
        <v>519</v>
      </c>
      <c r="HA17" s="97">
        <v>395</v>
      </c>
      <c r="HB17" s="99">
        <v>3168</v>
      </c>
      <c r="HC17" s="100">
        <v>4315</v>
      </c>
      <c r="HD17" s="101">
        <v>11</v>
      </c>
      <c r="HE17" s="102">
        <v>9</v>
      </c>
      <c r="HF17" s="103">
        <v>20</v>
      </c>
      <c r="HG17" s="416">
        <v>0</v>
      </c>
      <c r="HH17" s="102">
        <v>23</v>
      </c>
      <c r="HI17" s="102">
        <v>9</v>
      </c>
      <c r="HJ17" s="102">
        <v>6</v>
      </c>
      <c r="HK17" s="102">
        <v>15</v>
      </c>
      <c r="HL17" s="102">
        <v>10</v>
      </c>
      <c r="HM17" s="103">
        <v>63</v>
      </c>
      <c r="HN17" s="104">
        <v>83</v>
      </c>
      <c r="HO17" s="101">
        <v>29</v>
      </c>
      <c r="HP17" s="102">
        <v>36</v>
      </c>
      <c r="HQ17" s="103">
        <v>65</v>
      </c>
      <c r="HR17" s="413">
        <v>0</v>
      </c>
      <c r="HS17" s="102">
        <v>33</v>
      </c>
      <c r="HT17" s="102">
        <v>42</v>
      </c>
      <c r="HU17" s="102">
        <v>21</v>
      </c>
      <c r="HV17" s="102">
        <v>22</v>
      </c>
      <c r="HW17" s="102">
        <v>18</v>
      </c>
      <c r="HX17" s="103">
        <v>136</v>
      </c>
      <c r="HY17" s="104">
        <v>201</v>
      </c>
      <c r="HZ17" s="101">
        <v>59</v>
      </c>
      <c r="IA17" s="102">
        <v>51</v>
      </c>
      <c r="IB17" s="103">
        <v>110</v>
      </c>
      <c r="IC17" s="413">
        <v>0</v>
      </c>
      <c r="ID17" s="102">
        <v>103</v>
      </c>
      <c r="IE17" s="102">
        <v>84</v>
      </c>
      <c r="IF17" s="102">
        <v>60</v>
      </c>
      <c r="IG17" s="102">
        <v>41</v>
      </c>
      <c r="IH17" s="102">
        <v>36</v>
      </c>
      <c r="II17" s="103">
        <v>324</v>
      </c>
      <c r="IJ17" s="104">
        <v>434</v>
      </c>
      <c r="IK17" s="101">
        <v>154</v>
      </c>
      <c r="IL17" s="102">
        <v>171</v>
      </c>
      <c r="IM17" s="103">
        <v>325</v>
      </c>
      <c r="IN17" s="413">
        <v>0</v>
      </c>
      <c r="IO17" s="102">
        <v>222</v>
      </c>
      <c r="IP17" s="102">
        <v>173</v>
      </c>
      <c r="IQ17" s="102">
        <v>97</v>
      </c>
      <c r="IR17" s="102">
        <v>84</v>
      </c>
      <c r="IS17" s="102">
        <v>71</v>
      </c>
      <c r="IT17" s="103">
        <v>647</v>
      </c>
      <c r="IU17" s="104">
        <v>972</v>
      </c>
      <c r="IV17" s="101">
        <v>188</v>
      </c>
      <c r="IW17" s="102">
        <v>192</v>
      </c>
      <c r="IX17" s="103">
        <v>380</v>
      </c>
      <c r="IY17" s="413">
        <v>0</v>
      </c>
      <c r="IZ17" s="102">
        <v>278</v>
      </c>
      <c r="JA17" s="102">
        <v>239</v>
      </c>
      <c r="JB17" s="102">
        <v>118</v>
      </c>
      <c r="JC17" s="102">
        <v>126</v>
      </c>
      <c r="JD17" s="102">
        <v>102</v>
      </c>
      <c r="JE17" s="103">
        <v>863</v>
      </c>
      <c r="JF17" s="104">
        <v>1243</v>
      </c>
      <c r="JG17" s="101">
        <v>113</v>
      </c>
      <c r="JH17" s="102">
        <v>134</v>
      </c>
      <c r="JI17" s="103">
        <v>247</v>
      </c>
      <c r="JJ17" s="413">
        <v>0</v>
      </c>
      <c r="JK17" s="102">
        <v>262</v>
      </c>
      <c r="JL17" s="102">
        <v>273</v>
      </c>
      <c r="JM17" s="102">
        <v>211</v>
      </c>
      <c r="JN17" s="102">
        <v>231</v>
      </c>
      <c r="JO17" s="102">
        <v>158</v>
      </c>
      <c r="JP17" s="103">
        <v>1135</v>
      </c>
      <c r="JQ17" s="104">
        <v>1382</v>
      </c>
      <c r="JR17" s="101">
        <v>6</v>
      </c>
      <c r="JS17" s="102">
        <v>5</v>
      </c>
      <c r="JT17" s="103">
        <v>11</v>
      </c>
      <c r="JU17" s="413">
        <v>0</v>
      </c>
      <c r="JV17" s="102">
        <v>21</v>
      </c>
      <c r="JW17" s="102">
        <v>18</v>
      </c>
      <c r="JX17" s="102">
        <v>11</v>
      </c>
      <c r="JY17" s="102">
        <v>4</v>
      </c>
      <c r="JZ17" s="102">
        <v>14</v>
      </c>
      <c r="KA17" s="103">
        <v>68</v>
      </c>
      <c r="KB17" s="104">
        <v>79</v>
      </c>
      <c r="KC17" s="101">
        <v>560</v>
      </c>
      <c r="KD17" s="102">
        <v>598</v>
      </c>
      <c r="KE17" s="103">
        <v>1158</v>
      </c>
      <c r="KF17" s="413">
        <v>0</v>
      </c>
      <c r="KG17" s="102">
        <v>942</v>
      </c>
      <c r="KH17" s="102">
        <v>838</v>
      </c>
      <c r="KI17" s="102">
        <v>524</v>
      </c>
      <c r="KJ17" s="102">
        <v>523</v>
      </c>
      <c r="KK17" s="102">
        <v>409</v>
      </c>
      <c r="KL17" s="103">
        <v>3236</v>
      </c>
      <c r="KM17" s="104">
        <v>4394</v>
      </c>
    </row>
    <row r="18" spans="2:299" s="70" customFormat="1" ht="21" customHeight="1" x14ac:dyDescent="0.2">
      <c r="B18" s="106" t="s">
        <v>15</v>
      </c>
      <c r="C18" s="96">
        <v>121</v>
      </c>
      <c r="D18" s="97">
        <v>142</v>
      </c>
      <c r="E18" s="98">
        <v>263</v>
      </c>
      <c r="F18" s="413">
        <v>0</v>
      </c>
      <c r="G18" s="97">
        <v>267</v>
      </c>
      <c r="H18" s="97">
        <v>214</v>
      </c>
      <c r="I18" s="97">
        <v>131</v>
      </c>
      <c r="J18" s="97">
        <v>147</v>
      </c>
      <c r="K18" s="97">
        <v>62</v>
      </c>
      <c r="L18" s="99">
        <v>821</v>
      </c>
      <c r="M18" s="100">
        <v>1084</v>
      </c>
      <c r="N18" s="101">
        <v>6</v>
      </c>
      <c r="O18" s="102">
        <v>6</v>
      </c>
      <c r="P18" s="103">
        <v>12</v>
      </c>
      <c r="Q18" s="413">
        <v>0</v>
      </c>
      <c r="R18" s="102">
        <v>11</v>
      </c>
      <c r="S18" s="102">
        <v>17</v>
      </c>
      <c r="T18" s="102">
        <v>3</v>
      </c>
      <c r="U18" s="102">
        <v>4</v>
      </c>
      <c r="V18" s="102">
        <v>6</v>
      </c>
      <c r="W18" s="103">
        <v>41</v>
      </c>
      <c r="X18" s="104">
        <v>53</v>
      </c>
      <c r="Y18" s="101">
        <v>12</v>
      </c>
      <c r="Z18" s="102">
        <v>12</v>
      </c>
      <c r="AA18" s="103">
        <v>24</v>
      </c>
      <c r="AB18" s="413">
        <v>0</v>
      </c>
      <c r="AC18" s="102">
        <v>30</v>
      </c>
      <c r="AD18" s="102">
        <v>22</v>
      </c>
      <c r="AE18" s="102">
        <v>20</v>
      </c>
      <c r="AF18" s="102">
        <v>17</v>
      </c>
      <c r="AG18" s="102">
        <v>5</v>
      </c>
      <c r="AH18" s="103">
        <v>94</v>
      </c>
      <c r="AI18" s="104">
        <v>118</v>
      </c>
      <c r="AJ18" s="101">
        <v>21</v>
      </c>
      <c r="AK18" s="102">
        <v>22</v>
      </c>
      <c r="AL18" s="103">
        <v>43</v>
      </c>
      <c r="AM18" s="413">
        <v>0</v>
      </c>
      <c r="AN18" s="102">
        <v>42</v>
      </c>
      <c r="AO18" s="102">
        <v>47</v>
      </c>
      <c r="AP18" s="102">
        <v>18</v>
      </c>
      <c r="AQ18" s="102">
        <v>31</v>
      </c>
      <c r="AR18" s="102">
        <v>17</v>
      </c>
      <c r="AS18" s="103">
        <v>155</v>
      </c>
      <c r="AT18" s="104">
        <v>198</v>
      </c>
      <c r="AU18" s="101">
        <v>37</v>
      </c>
      <c r="AV18" s="102">
        <v>38</v>
      </c>
      <c r="AW18" s="103">
        <v>75</v>
      </c>
      <c r="AX18" s="413">
        <v>0</v>
      </c>
      <c r="AY18" s="102">
        <v>79</v>
      </c>
      <c r="AZ18" s="102">
        <v>42</v>
      </c>
      <c r="BA18" s="102">
        <v>29</v>
      </c>
      <c r="BB18" s="102">
        <v>36</v>
      </c>
      <c r="BC18" s="102">
        <v>15</v>
      </c>
      <c r="BD18" s="103">
        <v>201</v>
      </c>
      <c r="BE18" s="104">
        <v>276</v>
      </c>
      <c r="BF18" s="101">
        <v>32</v>
      </c>
      <c r="BG18" s="102">
        <v>40</v>
      </c>
      <c r="BH18" s="103">
        <v>72</v>
      </c>
      <c r="BI18" s="413">
        <v>0</v>
      </c>
      <c r="BJ18" s="102">
        <v>56</v>
      </c>
      <c r="BK18" s="102">
        <v>45</v>
      </c>
      <c r="BL18" s="102">
        <v>32</v>
      </c>
      <c r="BM18" s="102">
        <v>34</v>
      </c>
      <c r="BN18" s="102">
        <v>10</v>
      </c>
      <c r="BO18" s="103">
        <v>177</v>
      </c>
      <c r="BP18" s="104">
        <v>249</v>
      </c>
      <c r="BQ18" s="101">
        <v>13</v>
      </c>
      <c r="BR18" s="102">
        <v>24</v>
      </c>
      <c r="BS18" s="103">
        <v>37</v>
      </c>
      <c r="BT18" s="413">
        <v>0</v>
      </c>
      <c r="BU18" s="102">
        <v>49</v>
      </c>
      <c r="BV18" s="102">
        <v>41</v>
      </c>
      <c r="BW18" s="102">
        <v>29</v>
      </c>
      <c r="BX18" s="102">
        <v>25</v>
      </c>
      <c r="BY18" s="102">
        <v>9</v>
      </c>
      <c r="BZ18" s="103">
        <v>153</v>
      </c>
      <c r="CA18" s="104">
        <v>190</v>
      </c>
      <c r="CB18" s="101">
        <v>0</v>
      </c>
      <c r="CC18" s="102">
        <v>2</v>
      </c>
      <c r="CD18" s="103">
        <v>2</v>
      </c>
      <c r="CE18" s="413">
        <v>0</v>
      </c>
      <c r="CF18" s="102">
        <v>5</v>
      </c>
      <c r="CG18" s="102">
        <v>11</v>
      </c>
      <c r="CH18" s="102">
        <v>6</v>
      </c>
      <c r="CI18" s="102">
        <v>12</v>
      </c>
      <c r="CJ18" s="102">
        <v>7</v>
      </c>
      <c r="CK18" s="103">
        <v>41</v>
      </c>
      <c r="CL18" s="104">
        <v>43</v>
      </c>
      <c r="CM18" s="101">
        <v>121</v>
      </c>
      <c r="CN18" s="102">
        <v>144</v>
      </c>
      <c r="CO18" s="103">
        <v>265</v>
      </c>
      <c r="CP18" s="413">
        <v>0</v>
      </c>
      <c r="CQ18" s="102">
        <v>272</v>
      </c>
      <c r="CR18" s="102">
        <v>225</v>
      </c>
      <c r="CS18" s="102">
        <v>137</v>
      </c>
      <c r="CT18" s="102">
        <v>159</v>
      </c>
      <c r="CU18" s="102">
        <v>69</v>
      </c>
      <c r="CV18" s="103">
        <v>862</v>
      </c>
      <c r="CW18" s="104">
        <v>1127</v>
      </c>
      <c r="CX18" s="105">
        <v>269</v>
      </c>
      <c r="CY18" s="97">
        <v>382</v>
      </c>
      <c r="CZ18" s="98">
        <v>651</v>
      </c>
      <c r="DA18" s="413">
        <v>0</v>
      </c>
      <c r="DB18" s="97">
        <v>460</v>
      </c>
      <c r="DC18" s="97">
        <v>458</v>
      </c>
      <c r="DD18" s="97">
        <v>277</v>
      </c>
      <c r="DE18" s="97">
        <v>324</v>
      </c>
      <c r="DF18" s="97">
        <v>166</v>
      </c>
      <c r="DG18" s="99">
        <v>1685</v>
      </c>
      <c r="DH18" s="100">
        <v>2336</v>
      </c>
      <c r="DI18" s="101">
        <v>6</v>
      </c>
      <c r="DJ18" s="102">
        <v>6</v>
      </c>
      <c r="DK18" s="103">
        <v>12</v>
      </c>
      <c r="DL18" s="413">
        <v>0</v>
      </c>
      <c r="DM18" s="102">
        <v>9</v>
      </c>
      <c r="DN18" s="102">
        <v>14</v>
      </c>
      <c r="DO18" s="102">
        <v>4</v>
      </c>
      <c r="DP18" s="102">
        <v>0</v>
      </c>
      <c r="DQ18" s="102">
        <v>3</v>
      </c>
      <c r="DR18" s="103">
        <v>30</v>
      </c>
      <c r="DS18" s="104">
        <v>42</v>
      </c>
      <c r="DT18" s="101">
        <v>15</v>
      </c>
      <c r="DU18" s="102">
        <v>22</v>
      </c>
      <c r="DV18" s="103">
        <v>37</v>
      </c>
      <c r="DW18" s="413">
        <v>0</v>
      </c>
      <c r="DX18" s="102">
        <v>26</v>
      </c>
      <c r="DY18" s="102">
        <v>25</v>
      </c>
      <c r="DZ18" s="102">
        <v>13</v>
      </c>
      <c r="EA18" s="102">
        <v>13</v>
      </c>
      <c r="EB18" s="102">
        <v>8</v>
      </c>
      <c r="EC18" s="103">
        <v>85</v>
      </c>
      <c r="ED18" s="104">
        <v>122</v>
      </c>
      <c r="EE18" s="101">
        <v>46</v>
      </c>
      <c r="EF18" s="102">
        <v>54</v>
      </c>
      <c r="EG18" s="103">
        <v>100</v>
      </c>
      <c r="EH18" s="413">
        <v>0</v>
      </c>
      <c r="EI18" s="102">
        <v>49</v>
      </c>
      <c r="EJ18" s="102">
        <v>63</v>
      </c>
      <c r="EK18" s="102">
        <v>25</v>
      </c>
      <c r="EL18" s="102">
        <v>18</v>
      </c>
      <c r="EM18" s="102">
        <v>18</v>
      </c>
      <c r="EN18" s="103">
        <v>173</v>
      </c>
      <c r="EO18" s="104">
        <v>273</v>
      </c>
      <c r="EP18" s="101">
        <v>92</v>
      </c>
      <c r="EQ18" s="102">
        <v>120</v>
      </c>
      <c r="ER18" s="103">
        <v>212</v>
      </c>
      <c r="ES18" s="413">
        <v>0</v>
      </c>
      <c r="ET18" s="102">
        <v>110</v>
      </c>
      <c r="EU18" s="102">
        <v>93</v>
      </c>
      <c r="EV18" s="102">
        <v>55</v>
      </c>
      <c r="EW18" s="102">
        <v>47</v>
      </c>
      <c r="EX18" s="102">
        <v>37</v>
      </c>
      <c r="EY18" s="103">
        <v>342</v>
      </c>
      <c r="EZ18" s="104">
        <v>554</v>
      </c>
      <c r="FA18" s="101">
        <v>71</v>
      </c>
      <c r="FB18" s="102">
        <v>114</v>
      </c>
      <c r="FC18" s="103">
        <v>185</v>
      </c>
      <c r="FD18" s="413">
        <v>0</v>
      </c>
      <c r="FE18" s="102">
        <v>131</v>
      </c>
      <c r="FF18" s="102">
        <v>139</v>
      </c>
      <c r="FG18" s="102">
        <v>76</v>
      </c>
      <c r="FH18" s="102">
        <v>86</v>
      </c>
      <c r="FI18" s="102">
        <v>45</v>
      </c>
      <c r="FJ18" s="103">
        <v>477</v>
      </c>
      <c r="FK18" s="104">
        <v>662</v>
      </c>
      <c r="FL18" s="101">
        <v>39</v>
      </c>
      <c r="FM18" s="102">
        <v>66</v>
      </c>
      <c r="FN18" s="103">
        <v>105</v>
      </c>
      <c r="FO18" s="413">
        <v>0</v>
      </c>
      <c r="FP18" s="102">
        <v>135</v>
      </c>
      <c r="FQ18" s="102">
        <v>124</v>
      </c>
      <c r="FR18" s="102">
        <v>104</v>
      </c>
      <c r="FS18" s="102">
        <v>160</v>
      </c>
      <c r="FT18" s="102">
        <v>55</v>
      </c>
      <c r="FU18" s="103">
        <v>578</v>
      </c>
      <c r="FV18" s="104">
        <v>683</v>
      </c>
      <c r="FW18" s="101">
        <v>0</v>
      </c>
      <c r="FX18" s="102">
        <v>4</v>
      </c>
      <c r="FY18" s="103">
        <v>4</v>
      </c>
      <c r="FZ18" s="413">
        <v>0</v>
      </c>
      <c r="GA18" s="102">
        <v>3</v>
      </c>
      <c r="GB18" s="102">
        <v>4</v>
      </c>
      <c r="GC18" s="102">
        <v>5</v>
      </c>
      <c r="GD18" s="102">
        <v>3</v>
      </c>
      <c r="GE18" s="102">
        <v>7</v>
      </c>
      <c r="GF18" s="103">
        <v>22</v>
      </c>
      <c r="GG18" s="104">
        <v>26</v>
      </c>
      <c r="GH18" s="101">
        <v>269</v>
      </c>
      <c r="GI18" s="102">
        <v>386</v>
      </c>
      <c r="GJ18" s="103">
        <v>655</v>
      </c>
      <c r="GK18" s="413">
        <v>0</v>
      </c>
      <c r="GL18" s="102">
        <v>463</v>
      </c>
      <c r="GM18" s="102">
        <v>462</v>
      </c>
      <c r="GN18" s="102">
        <v>282</v>
      </c>
      <c r="GO18" s="102">
        <v>327</v>
      </c>
      <c r="GP18" s="102">
        <v>173</v>
      </c>
      <c r="GQ18" s="103">
        <v>1707</v>
      </c>
      <c r="GR18" s="104">
        <v>2362</v>
      </c>
      <c r="GS18" s="105">
        <v>390</v>
      </c>
      <c r="GT18" s="97">
        <v>524</v>
      </c>
      <c r="GU18" s="98">
        <v>914</v>
      </c>
      <c r="GV18" s="413">
        <v>0</v>
      </c>
      <c r="GW18" s="97">
        <v>727</v>
      </c>
      <c r="GX18" s="97">
        <v>672</v>
      </c>
      <c r="GY18" s="97">
        <v>408</v>
      </c>
      <c r="GZ18" s="97">
        <v>471</v>
      </c>
      <c r="HA18" s="97">
        <v>228</v>
      </c>
      <c r="HB18" s="99">
        <v>2506</v>
      </c>
      <c r="HC18" s="100">
        <v>3420</v>
      </c>
      <c r="HD18" s="101">
        <v>12</v>
      </c>
      <c r="HE18" s="102">
        <v>12</v>
      </c>
      <c r="HF18" s="103">
        <v>24</v>
      </c>
      <c r="HG18" s="416">
        <v>0</v>
      </c>
      <c r="HH18" s="102">
        <v>20</v>
      </c>
      <c r="HI18" s="102">
        <v>31</v>
      </c>
      <c r="HJ18" s="102">
        <v>7</v>
      </c>
      <c r="HK18" s="102">
        <v>4</v>
      </c>
      <c r="HL18" s="102">
        <v>9</v>
      </c>
      <c r="HM18" s="103">
        <v>71</v>
      </c>
      <c r="HN18" s="104">
        <v>95</v>
      </c>
      <c r="HO18" s="101">
        <v>27</v>
      </c>
      <c r="HP18" s="102">
        <v>34</v>
      </c>
      <c r="HQ18" s="103">
        <v>61</v>
      </c>
      <c r="HR18" s="413">
        <v>0</v>
      </c>
      <c r="HS18" s="102">
        <v>56</v>
      </c>
      <c r="HT18" s="102">
        <v>47</v>
      </c>
      <c r="HU18" s="102">
        <v>33</v>
      </c>
      <c r="HV18" s="102">
        <v>30</v>
      </c>
      <c r="HW18" s="102">
        <v>13</v>
      </c>
      <c r="HX18" s="103">
        <v>179</v>
      </c>
      <c r="HY18" s="104">
        <v>240</v>
      </c>
      <c r="HZ18" s="101">
        <v>67</v>
      </c>
      <c r="IA18" s="102">
        <v>76</v>
      </c>
      <c r="IB18" s="103">
        <v>143</v>
      </c>
      <c r="IC18" s="413">
        <v>0</v>
      </c>
      <c r="ID18" s="102">
        <v>91</v>
      </c>
      <c r="IE18" s="102">
        <v>110</v>
      </c>
      <c r="IF18" s="102">
        <v>43</v>
      </c>
      <c r="IG18" s="102">
        <v>49</v>
      </c>
      <c r="IH18" s="102">
        <v>35</v>
      </c>
      <c r="II18" s="103">
        <v>328</v>
      </c>
      <c r="IJ18" s="104">
        <v>471</v>
      </c>
      <c r="IK18" s="101">
        <v>129</v>
      </c>
      <c r="IL18" s="102">
        <v>158</v>
      </c>
      <c r="IM18" s="103">
        <v>287</v>
      </c>
      <c r="IN18" s="413">
        <v>0</v>
      </c>
      <c r="IO18" s="102">
        <v>189</v>
      </c>
      <c r="IP18" s="102">
        <v>135</v>
      </c>
      <c r="IQ18" s="102">
        <v>84</v>
      </c>
      <c r="IR18" s="102">
        <v>83</v>
      </c>
      <c r="IS18" s="102">
        <v>52</v>
      </c>
      <c r="IT18" s="103">
        <v>543</v>
      </c>
      <c r="IU18" s="104">
        <v>830</v>
      </c>
      <c r="IV18" s="101">
        <v>103</v>
      </c>
      <c r="IW18" s="102">
        <v>154</v>
      </c>
      <c r="IX18" s="103">
        <v>257</v>
      </c>
      <c r="IY18" s="413">
        <v>0</v>
      </c>
      <c r="IZ18" s="102">
        <v>187</v>
      </c>
      <c r="JA18" s="102">
        <v>184</v>
      </c>
      <c r="JB18" s="102">
        <v>108</v>
      </c>
      <c r="JC18" s="102">
        <v>120</v>
      </c>
      <c r="JD18" s="102">
        <v>55</v>
      </c>
      <c r="JE18" s="103">
        <v>654</v>
      </c>
      <c r="JF18" s="104">
        <v>911</v>
      </c>
      <c r="JG18" s="101">
        <v>52</v>
      </c>
      <c r="JH18" s="102">
        <v>90</v>
      </c>
      <c r="JI18" s="103">
        <v>142</v>
      </c>
      <c r="JJ18" s="413">
        <v>0</v>
      </c>
      <c r="JK18" s="102">
        <v>184</v>
      </c>
      <c r="JL18" s="102">
        <v>165</v>
      </c>
      <c r="JM18" s="102">
        <v>133</v>
      </c>
      <c r="JN18" s="102">
        <v>185</v>
      </c>
      <c r="JO18" s="102">
        <v>64</v>
      </c>
      <c r="JP18" s="103">
        <v>731</v>
      </c>
      <c r="JQ18" s="104">
        <v>873</v>
      </c>
      <c r="JR18" s="101">
        <v>0</v>
      </c>
      <c r="JS18" s="102">
        <v>6</v>
      </c>
      <c r="JT18" s="103">
        <v>6</v>
      </c>
      <c r="JU18" s="413">
        <v>0</v>
      </c>
      <c r="JV18" s="102">
        <v>8</v>
      </c>
      <c r="JW18" s="102">
        <v>15</v>
      </c>
      <c r="JX18" s="102">
        <v>11</v>
      </c>
      <c r="JY18" s="102">
        <v>15</v>
      </c>
      <c r="JZ18" s="102">
        <v>14</v>
      </c>
      <c r="KA18" s="103">
        <v>63</v>
      </c>
      <c r="KB18" s="104">
        <v>69</v>
      </c>
      <c r="KC18" s="101">
        <v>390</v>
      </c>
      <c r="KD18" s="102">
        <v>530</v>
      </c>
      <c r="KE18" s="103">
        <v>920</v>
      </c>
      <c r="KF18" s="413">
        <v>0</v>
      </c>
      <c r="KG18" s="102">
        <v>735</v>
      </c>
      <c r="KH18" s="102">
        <v>687</v>
      </c>
      <c r="KI18" s="102">
        <v>419</v>
      </c>
      <c r="KJ18" s="102">
        <v>486</v>
      </c>
      <c r="KK18" s="102">
        <v>242</v>
      </c>
      <c r="KL18" s="103">
        <v>2569</v>
      </c>
      <c r="KM18" s="104">
        <v>3489</v>
      </c>
    </row>
    <row r="19" spans="2:299" s="70" customFormat="1" ht="21" customHeight="1" x14ac:dyDescent="0.2">
      <c r="B19" s="106" t="s">
        <v>16</v>
      </c>
      <c r="C19" s="96">
        <v>244</v>
      </c>
      <c r="D19" s="97">
        <v>306</v>
      </c>
      <c r="E19" s="98">
        <v>550</v>
      </c>
      <c r="F19" s="413">
        <v>0</v>
      </c>
      <c r="G19" s="97">
        <v>534</v>
      </c>
      <c r="H19" s="97">
        <v>622</v>
      </c>
      <c r="I19" s="97">
        <v>427</v>
      </c>
      <c r="J19" s="97">
        <v>339</v>
      </c>
      <c r="K19" s="97">
        <v>190</v>
      </c>
      <c r="L19" s="99">
        <v>2112</v>
      </c>
      <c r="M19" s="100">
        <v>2662</v>
      </c>
      <c r="N19" s="101">
        <v>8</v>
      </c>
      <c r="O19" s="102">
        <v>11</v>
      </c>
      <c r="P19" s="103">
        <v>19</v>
      </c>
      <c r="Q19" s="413">
        <v>0</v>
      </c>
      <c r="R19" s="102">
        <v>19</v>
      </c>
      <c r="S19" s="102">
        <v>28</v>
      </c>
      <c r="T19" s="102">
        <v>24</v>
      </c>
      <c r="U19" s="102">
        <v>10</v>
      </c>
      <c r="V19" s="102">
        <v>14</v>
      </c>
      <c r="W19" s="103">
        <v>95</v>
      </c>
      <c r="X19" s="104">
        <v>114</v>
      </c>
      <c r="Y19" s="101">
        <v>33</v>
      </c>
      <c r="Z19" s="102">
        <v>37</v>
      </c>
      <c r="AA19" s="103">
        <v>70</v>
      </c>
      <c r="AB19" s="413">
        <v>0</v>
      </c>
      <c r="AC19" s="102">
        <v>48</v>
      </c>
      <c r="AD19" s="102">
        <v>68</v>
      </c>
      <c r="AE19" s="102">
        <v>44</v>
      </c>
      <c r="AF19" s="102">
        <v>42</v>
      </c>
      <c r="AG19" s="102">
        <v>27</v>
      </c>
      <c r="AH19" s="103">
        <v>229</v>
      </c>
      <c r="AI19" s="104">
        <v>299</v>
      </c>
      <c r="AJ19" s="101">
        <v>50</v>
      </c>
      <c r="AK19" s="102">
        <v>68</v>
      </c>
      <c r="AL19" s="103">
        <v>118</v>
      </c>
      <c r="AM19" s="413">
        <v>0</v>
      </c>
      <c r="AN19" s="102">
        <v>87</v>
      </c>
      <c r="AO19" s="102">
        <v>105</v>
      </c>
      <c r="AP19" s="102">
        <v>74</v>
      </c>
      <c r="AQ19" s="102">
        <v>66</v>
      </c>
      <c r="AR19" s="102">
        <v>42</v>
      </c>
      <c r="AS19" s="103">
        <v>374</v>
      </c>
      <c r="AT19" s="104">
        <v>492</v>
      </c>
      <c r="AU19" s="101">
        <v>78</v>
      </c>
      <c r="AV19" s="102">
        <v>71</v>
      </c>
      <c r="AW19" s="103">
        <v>149</v>
      </c>
      <c r="AX19" s="413">
        <v>0</v>
      </c>
      <c r="AY19" s="102">
        <v>152</v>
      </c>
      <c r="AZ19" s="102">
        <v>169</v>
      </c>
      <c r="BA19" s="102">
        <v>103</v>
      </c>
      <c r="BB19" s="102">
        <v>91</v>
      </c>
      <c r="BC19" s="102">
        <v>43</v>
      </c>
      <c r="BD19" s="103">
        <v>558</v>
      </c>
      <c r="BE19" s="104">
        <v>707</v>
      </c>
      <c r="BF19" s="101">
        <v>50</v>
      </c>
      <c r="BG19" s="102">
        <v>72</v>
      </c>
      <c r="BH19" s="103">
        <v>122</v>
      </c>
      <c r="BI19" s="413">
        <v>0</v>
      </c>
      <c r="BJ19" s="102">
        <v>153</v>
      </c>
      <c r="BK19" s="102">
        <v>141</v>
      </c>
      <c r="BL19" s="102">
        <v>101</v>
      </c>
      <c r="BM19" s="102">
        <v>71</v>
      </c>
      <c r="BN19" s="102">
        <v>37</v>
      </c>
      <c r="BO19" s="103">
        <v>503</v>
      </c>
      <c r="BP19" s="104">
        <v>625</v>
      </c>
      <c r="BQ19" s="101">
        <v>25</v>
      </c>
      <c r="BR19" s="102">
        <v>47</v>
      </c>
      <c r="BS19" s="103">
        <v>72</v>
      </c>
      <c r="BT19" s="413">
        <v>0</v>
      </c>
      <c r="BU19" s="102">
        <v>75</v>
      </c>
      <c r="BV19" s="102">
        <v>111</v>
      </c>
      <c r="BW19" s="102">
        <v>81</v>
      </c>
      <c r="BX19" s="102">
        <v>59</v>
      </c>
      <c r="BY19" s="102">
        <v>27</v>
      </c>
      <c r="BZ19" s="103">
        <v>353</v>
      </c>
      <c r="CA19" s="104">
        <v>425</v>
      </c>
      <c r="CB19" s="101">
        <v>10</v>
      </c>
      <c r="CC19" s="102">
        <v>18</v>
      </c>
      <c r="CD19" s="103">
        <v>28</v>
      </c>
      <c r="CE19" s="413">
        <v>0</v>
      </c>
      <c r="CF19" s="102">
        <v>12</v>
      </c>
      <c r="CG19" s="102">
        <v>25</v>
      </c>
      <c r="CH19" s="102">
        <v>21</v>
      </c>
      <c r="CI19" s="102">
        <v>13</v>
      </c>
      <c r="CJ19" s="102">
        <v>13</v>
      </c>
      <c r="CK19" s="103">
        <v>84</v>
      </c>
      <c r="CL19" s="104">
        <v>112</v>
      </c>
      <c r="CM19" s="101">
        <v>254</v>
      </c>
      <c r="CN19" s="102">
        <v>324</v>
      </c>
      <c r="CO19" s="103">
        <v>578</v>
      </c>
      <c r="CP19" s="413">
        <v>0</v>
      </c>
      <c r="CQ19" s="102">
        <v>546</v>
      </c>
      <c r="CR19" s="102">
        <v>647</v>
      </c>
      <c r="CS19" s="102">
        <v>448</v>
      </c>
      <c r="CT19" s="102">
        <v>352</v>
      </c>
      <c r="CU19" s="102">
        <v>203</v>
      </c>
      <c r="CV19" s="103">
        <v>2196</v>
      </c>
      <c r="CW19" s="104">
        <v>2774</v>
      </c>
      <c r="CX19" s="105">
        <v>473</v>
      </c>
      <c r="CY19" s="97">
        <v>673</v>
      </c>
      <c r="CZ19" s="98">
        <v>1146</v>
      </c>
      <c r="DA19" s="413">
        <v>0</v>
      </c>
      <c r="DB19" s="97">
        <v>872</v>
      </c>
      <c r="DC19" s="97">
        <v>1003</v>
      </c>
      <c r="DD19" s="97">
        <v>766</v>
      </c>
      <c r="DE19" s="97">
        <v>806</v>
      </c>
      <c r="DF19" s="97">
        <v>478</v>
      </c>
      <c r="DG19" s="99">
        <v>3925</v>
      </c>
      <c r="DH19" s="100">
        <v>5071</v>
      </c>
      <c r="DI19" s="101">
        <v>19</v>
      </c>
      <c r="DJ19" s="102">
        <v>22</v>
      </c>
      <c r="DK19" s="103">
        <v>41</v>
      </c>
      <c r="DL19" s="413">
        <v>0</v>
      </c>
      <c r="DM19" s="102">
        <v>9</v>
      </c>
      <c r="DN19" s="102">
        <v>23</v>
      </c>
      <c r="DO19" s="102">
        <v>17</v>
      </c>
      <c r="DP19" s="102">
        <v>10</v>
      </c>
      <c r="DQ19" s="102">
        <v>11</v>
      </c>
      <c r="DR19" s="103">
        <v>70</v>
      </c>
      <c r="DS19" s="104">
        <v>111</v>
      </c>
      <c r="DT19" s="101">
        <v>35</v>
      </c>
      <c r="DU19" s="102">
        <v>64</v>
      </c>
      <c r="DV19" s="103">
        <v>99</v>
      </c>
      <c r="DW19" s="413">
        <v>0</v>
      </c>
      <c r="DX19" s="102">
        <v>38</v>
      </c>
      <c r="DY19" s="102">
        <v>79</v>
      </c>
      <c r="DZ19" s="102">
        <v>34</v>
      </c>
      <c r="EA19" s="102">
        <v>49</v>
      </c>
      <c r="EB19" s="102">
        <v>22</v>
      </c>
      <c r="EC19" s="103">
        <v>222</v>
      </c>
      <c r="ED19" s="104">
        <v>321</v>
      </c>
      <c r="EE19" s="101">
        <v>81</v>
      </c>
      <c r="EF19" s="102">
        <v>101</v>
      </c>
      <c r="EG19" s="103">
        <v>182</v>
      </c>
      <c r="EH19" s="413">
        <v>0</v>
      </c>
      <c r="EI19" s="102">
        <v>113</v>
      </c>
      <c r="EJ19" s="102">
        <v>116</v>
      </c>
      <c r="EK19" s="102">
        <v>82</v>
      </c>
      <c r="EL19" s="102">
        <v>84</v>
      </c>
      <c r="EM19" s="102">
        <v>53</v>
      </c>
      <c r="EN19" s="103">
        <v>448</v>
      </c>
      <c r="EO19" s="104">
        <v>630</v>
      </c>
      <c r="EP19" s="101">
        <v>143</v>
      </c>
      <c r="EQ19" s="102">
        <v>178</v>
      </c>
      <c r="ER19" s="103">
        <v>321</v>
      </c>
      <c r="ES19" s="413">
        <v>0</v>
      </c>
      <c r="ET19" s="102">
        <v>216</v>
      </c>
      <c r="EU19" s="102">
        <v>250</v>
      </c>
      <c r="EV19" s="102">
        <v>153</v>
      </c>
      <c r="EW19" s="102">
        <v>147</v>
      </c>
      <c r="EX19" s="102">
        <v>100</v>
      </c>
      <c r="EY19" s="103">
        <v>866</v>
      </c>
      <c r="EZ19" s="104">
        <v>1187</v>
      </c>
      <c r="FA19" s="101">
        <v>129</v>
      </c>
      <c r="FB19" s="102">
        <v>171</v>
      </c>
      <c r="FC19" s="103">
        <v>300</v>
      </c>
      <c r="FD19" s="413">
        <v>0</v>
      </c>
      <c r="FE19" s="102">
        <v>256</v>
      </c>
      <c r="FF19" s="102">
        <v>245</v>
      </c>
      <c r="FG19" s="102">
        <v>192</v>
      </c>
      <c r="FH19" s="102">
        <v>195</v>
      </c>
      <c r="FI19" s="102">
        <v>108</v>
      </c>
      <c r="FJ19" s="103">
        <v>996</v>
      </c>
      <c r="FK19" s="104">
        <v>1296</v>
      </c>
      <c r="FL19" s="101">
        <v>66</v>
      </c>
      <c r="FM19" s="102">
        <v>137</v>
      </c>
      <c r="FN19" s="103">
        <v>203</v>
      </c>
      <c r="FO19" s="413">
        <v>0</v>
      </c>
      <c r="FP19" s="102">
        <v>240</v>
      </c>
      <c r="FQ19" s="102">
        <v>290</v>
      </c>
      <c r="FR19" s="102">
        <v>288</v>
      </c>
      <c r="FS19" s="102">
        <v>321</v>
      </c>
      <c r="FT19" s="102">
        <v>184</v>
      </c>
      <c r="FU19" s="103">
        <v>1323</v>
      </c>
      <c r="FV19" s="104">
        <v>1526</v>
      </c>
      <c r="FW19" s="101">
        <v>9</v>
      </c>
      <c r="FX19" s="102">
        <v>17</v>
      </c>
      <c r="FY19" s="103">
        <v>26</v>
      </c>
      <c r="FZ19" s="413">
        <v>0</v>
      </c>
      <c r="GA19" s="102">
        <v>7</v>
      </c>
      <c r="GB19" s="102">
        <v>17</v>
      </c>
      <c r="GC19" s="102">
        <v>14</v>
      </c>
      <c r="GD19" s="102">
        <v>12</v>
      </c>
      <c r="GE19" s="102">
        <v>10</v>
      </c>
      <c r="GF19" s="103">
        <v>60</v>
      </c>
      <c r="GG19" s="104">
        <v>86</v>
      </c>
      <c r="GH19" s="101">
        <v>482</v>
      </c>
      <c r="GI19" s="102">
        <v>690</v>
      </c>
      <c r="GJ19" s="103">
        <v>1172</v>
      </c>
      <c r="GK19" s="413">
        <v>0</v>
      </c>
      <c r="GL19" s="102">
        <v>879</v>
      </c>
      <c r="GM19" s="102">
        <v>1020</v>
      </c>
      <c r="GN19" s="102">
        <v>780</v>
      </c>
      <c r="GO19" s="102">
        <v>818</v>
      </c>
      <c r="GP19" s="102">
        <v>488</v>
      </c>
      <c r="GQ19" s="103">
        <v>3985</v>
      </c>
      <c r="GR19" s="104">
        <v>5157</v>
      </c>
      <c r="GS19" s="105">
        <v>717</v>
      </c>
      <c r="GT19" s="97">
        <v>979</v>
      </c>
      <c r="GU19" s="98">
        <v>1696</v>
      </c>
      <c r="GV19" s="413">
        <v>0</v>
      </c>
      <c r="GW19" s="97">
        <v>1406</v>
      </c>
      <c r="GX19" s="97">
        <v>1625</v>
      </c>
      <c r="GY19" s="97">
        <v>1193</v>
      </c>
      <c r="GZ19" s="97">
        <v>1145</v>
      </c>
      <c r="HA19" s="97">
        <v>668</v>
      </c>
      <c r="HB19" s="99">
        <v>6037</v>
      </c>
      <c r="HC19" s="100">
        <v>7733</v>
      </c>
      <c r="HD19" s="101">
        <v>27</v>
      </c>
      <c r="HE19" s="102">
        <v>33</v>
      </c>
      <c r="HF19" s="103">
        <v>60</v>
      </c>
      <c r="HG19" s="416">
        <v>0</v>
      </c>
      <c r="HH19" s="102">
        <v>28</v>
      </c>
      <c r="HI19" s="102">
        <v>51</v>
      </c>
      <c r="HJ19" s="102">
        <v>41</v>
      </c>
      <c r="HK19" s="102">
        <v>20</v>
      </c>
      <c r="HL19" s="102">
        <v>25</v>
      </c>
      <c r="HM19" s="103">
        <v>165</v>
      </c>
      <c r="HN19" s="104">
        <v>225</v>
      </c>
      <c r="HO19" s="101">
        <v>68</v>
      </c>
      <c r="HP19" s="102">
        <v>101</v>
      </c>
      <c r="HQ19" s="103">
        <v>169</v>
      </c>
      <c r="HR19" s="413">
        <v>0</v>
      </c>
      <c r="HS19" s="102">
        <v>86</v>
      </c>
      <c r="HT19" s="102">
        <v>147</v>
      </c>
      <c r="HU19" s="102">
        <v>78</v>
      </c>
      <c r="HV19" s="102">
        <v>91</v>
      </c>
      <c r="HW19" s="102">
        <v>49</v>
      </c>
      <c r="HX19" s="103">
        <v>451</v>
      </c>
      <c r="HY19" s="104">
        <v>620</v>
      </c>
      <c r="HZ19" s="101">
        <v>131</v>
      </c>
      <c r="IA19" s="102">
        <v>169</v>
      </c>
      <c r="IB19" s="103">
        <v>300</v>
      </c>
      <c r="IC19" s="413">
        <v>0</v>
      </c>
      <c r="ID19" s="102">
        <v>200</v>
      </c>
      <c r="IE19" s="102">
        <v>221</v>
      </c>
      <c r="IF19" s="102">
        <v>156</v>
      </c>
      <c r="IG19" s="102">
        <v>150</v>
      </c>
      <c r="IH19" s="102">
        <v>95</v>
      </c>
      <c r="II19" s="103">
        <v>822</v>
      </c>
      <c r="IJ19" s="104">
        <v>1122</v>
      </c>
      <c r="IK19" s="101">
        <v>221</v>
      </c>
      <c r="IL19" s="102">
        <v>249</v>
      </c>
      <c r="IM19" s="103">
        <v>470</v>
      </c>
      <c r="IN19" s="413">
        <v>0</v>
      </c>
      <c r="IO19" s="102">
        <v>368</v>
      </c>
      <c r="IP19" s="102">
        <v>419</v>
      </c>
      <c r="IQ19" s="102">
        <v>256</v>
      </c>
      <c r="IR19" s="102">
        <v>238</v>
      </c>
      <c r="IS19" s="102">
        <v>143</v>
      </c>
      <c r="IT19" s="103">
        <v>1424</v>
      </c>
      <c r="IU19" s="104">
        <v>1894</v>
      </c>
      <c r="IV19" s="101">
        <v>179</v>
      </c>
      <c r="IW19" s="102">
        <v>243</v>
      </c>
      <c r="IX19" s="103">
        <v>422</v>
      </c>
      <c r="IY19" s="413">
        <v>0</v>
      </c>
      <c r="IZ19" s="102">
        <v>409</v>
      </c>
      <c r="JA19" s="102">
        <v>386</v>
      </c>
      <c r="JB19" s="102">
        <v>293</v>
      </c>
      <c r="JC19" s="102">
        <v>266</v>
      </c>
      <c r="JD19" s="102">
        <v>145</v>
      </c>
      <c r="JE19" s="103">
        <v>1499</v>
      </c>
      <c r="JF19" s="104">
        <v>1921</v>
      </c>
      <c r="JG19" s="101">
        <v>91</v>
      </c>
      <c r="JH19" s="102">
        <v>184</v>
      </c>
      <c r="JI19" s="103">
        <v>275</v>
      </c>
      <c r="JJ19" s="413">
        <v>0</v>
      </c>
      <c r="JK19" s="102">
        <v>315</v>
      </c>
      <c r="JL19" s="102">
        <v>401</v>
      </c>
      <c r="JM19" s="102">
        <v>369</v>
      </c>
      <c r="JN19" s="102">
        <v>380</v>
      </c>
      <c r="JO19" s="102">
        <v>211</v>
      </c>
      <c r="JP19" s="103">
        <v>1676</v>
      </c>
      <c r="JQ19" s="104">
        <v>1951</v>
      </c>
      <c r="JR19" s="101">
        <v>19</v>
      </c>
      <c r="JS19" s="102">
        <v>35</v>
      </c>
      <c r="JT19" s="103">
        <v>54</v>
      </c>
      <c r="JU19" s="413">
        <v>0</v>
      </c>
      <c r="JV19" s="102">
        <v>19</v>
      </c>
      <c r="JW19" s="102">
        <v>42</v>
      </c>
      <c r="JX19" s="102">
        <v>35</v>
      </c>
      <c r="JY19" s="102">
        <v>25</v>
      </c>
      <c r="JZ19" s="102">
        <v>23</v>
      </c>
      <c r="KA19" s="103">
        <v>144</v>
      </c>
      <c r="KB19" s="104">
        <v>198</v>
      </c>
      <c r="KC19" s="101">
        <v>736</v>
      </c>
      <c r="KD19" s="102">
        <v>1014</v>
      </c>
      <c r="KE19" s="103">
        <v>1750</v>
      </c>
      <c r="KF19" s="413">
        <v>0</v>
      </c>
      <c r="KG19" s="102">
        <v>1425</v>
      </c>
      <c r="KH19" s="102">
        <v>1667</v>
      </c>
      <c r="KI19" s="102">
        <v>1228</v>
      </c>
      <c r="KJ19" s="102">
        <v>1170</v>
      </c>
      <c r="KK19" s="102">
        <v>691</v>
      </c>
      <c r="KL19" s="103">
        <v>6181</v>
      </c>
      <c r="KM19" s="104">
        <v>7931</v>
      </c>
    </row>
    <row r="20" spans="2:299" s="70" customFormat="1" ht="21" customHeight="1" x14ac:dyDescent="0.2">
      <c r="B20" s="106" t="s">
        <v>17</v>
      </c>
      <c r="C20" s="96">
        <v>376</v>
      </c>
      <c r="D20" s="97">
        <v>398</v>
      </c>
      <c r="E20" s="98">
        <v>774</v>
      </c>
      <c r="F20" s="413">
        <v>0</v>
      </c>
      <c r="G20" s="97">
        <v>558</v>
      </c>
      <c r="H20" s="97">
        <v>845</v>
      </c>
      <c r="I20" s="97">
        <v>580</v>
      </c>
      <c r="J20" s="97">
        <v>453</v>
      </c>
      <c r="K20" s="97">
        <v>233</v>
      </c>
      <c r="L20" s="99">
        <v>2669</v>
      </c>
      <c r="M20" s="100">
        <v>3443</v>
      </c>
      <c r="N20" s="101">
        <v>17</v>
      </c>
      <c r="O20" s="102">
        <v>17</v>
      </c>
      <c r="P20" s="103">
        <v>34</v>
      </c>
      <c r="Q20" s="413">
        <v>0</v>
      </c>
      <c r="R20" s="102">
        <v>21</v>
      </c>
      <c r="S20" s="102">
        <v>49</v>
      </c>
      <c r="T20" s="102">
        <v>35</v>
      </c>
      <c r="U20" s="102">
        <v>23</v>
      </c>
      <c r="V20" s="102">
        <v>19</v>
      </c>
      <c r="W20" s="103">
        <v>147</v>
      </c>
      <c r="X20" s="104">
        <v>181</v>
      </c>
      <c r="Y20" s="101">
        <v>28</v>
      </c>
      <c r="Z20" s="102">
        <v>49</v>
      </c>
      <c r="AA20" s="103">
        <v>77</v>
      </c>
      <c r="AB20" s="413">
        <v>0</v>
      </c>
      <c r="AC20" s="102">
        <v>50</v>
      </c>
      <c r="AD20" s="102">
        <v>94</v>
      </c>
      <c r="AE20" s="102">
        <v>60</v>
      </c>
      <c r="AF20" s="102">
        <v>43</v>
      </c>
      <c r="AG20" s="102">
        <v>32</v>
      </c>
      <c r="AH20" s="103">
        <v>279</v>
      </c>
      <c r="AI20" s="104">
        <v>356</v>
      </c>
      <c r="AJ20" s="101">
        <v>54</v>
      </c>
      <c r="AK20" s="102">
        <v>88</v>
      </c>
      <c r="AL20" s="103">
        <v>142</v>
      </c>
      <c r="AM20" s="413">
        <v>0</v>
      </c>
      <c r="AN20" s="102">
        <v>90</v>
      </c>
      <c r="AO20" s="102">
        <v>161</v>
      </c>
      <c r="AP20" s="102">
        <v>100</v>
      </c>
      <c r="AQ20" s="102">
        <v>76</v>
      </c>
      <c r="AR20" s="102">
        <v>53</v>
      </c>
      <c r="AS20" s="103">
        <v>480</v>
      </c>
      <c r="AT20" s="104">
        <v>622</v>
      </c>
      <c r="AU20" s="101">
        <v>116</v>
      </c>
      <c r="AV20" s="102">
        <v>87</v>
      </c>
      <c r="AW20" s="103">
        <v>203</v>
      </c>
      <c r="AX20" s="413">
        <v>0</v>
      </c>
      <c r="AY20" s="102">
        <v>174</v>
      </c>
      <c r="AZ20" s="102">
        <v>238</v>
      </c>
      <c r="BA20" s="102">
        <v>161</v>
      </c>
      <c r="BB20" s="102">
        <v>118</v>
      </c>
      <c r="BC20" s="102">
        <v>43</v>
      </c>
      <c r="BD20" s="103">
        <v>734</v>
      </c>
      <c r="BE20" s="104">
        <v>937</v>
      </c>
      <c r="BF20" s="101">
        <v>113</v>
      </c>
      <c r="BG20" s="102">
        <v>96</v>
      </c>
      <c r="BH20" s="103">
        <v>209</v>
      </c>
      <c r="BI20" s="413">
        <v>0</v>
      </c>
      <c r="BJ20" s="102">
        <v>142</v>
      </c>
      <c r="BK20" s="102">
        <v>166</v>
      </c>
      <c r="BL20" s="102">
        <v>130</v>
      </c>
      <c r="BM20" s="102">
        <v>113</v>
      </c>
      <c r="BN20" s="102">
        <v>48</v>
      </c>
      <c r="BO20" s="103">
        <v>599</v>
      </c>
      <c r="BP20" s="104">
        <v>808</v>
      </c>
      <c r="BQ20" s="101">
        <v>48</v>
      </c>
      <c r="BR20" s="102">
        <v>61</v>
      </c>
      <c r="BS20" s="103">
        <v>109</v>
      </c>
      <c r="BT20" s="413">
        <v>0</v>
      </c>
      <c r="BU20" s="102">
        <v>81</v>
      </c>
      <c r="BV20" s="102">
        <v>137</v>
      </c>
      <c r="BW20" s="102">
        <v>94</v>
      </c>
      <c r="BX20" s="102">
        <v>80</v>
      </c>
      <c r="BY20" s="102">
        <v>38</v>
      </c>
      <c r="BZ20" s="103">
        <v>430</v>
      </c>
      <c r="CA20" s="104">
        <v>539</v>
      </c>
      <c r="CB20" s="101">
        <v>8</v>
      </c>
      <c r="CC20" s="102">
        <v>16</v>
      </c>
      <c r="CD20" s="103">
        <v>24</v>
      </c>
      <c r="CE20" s="413">
        <v>0</v>
      </c>
      <c r="CF20" s="102">
        <v>28</v>
      </c>
      <c r="CG20" s="102">
        <v>35</v>
      </c>
      <c r="CH20" s="102">
        <v>29</v>
      </c>
      <c r="CI20" s="102">
        <v>18</v>
      </c>
      <c r="CJ20" s="102">
        <v>16</v>
      </c>
      <c r="CK20" s="103">
        <v>126</v>
      </c>
      <c r="CL20" s="104">
        <v>150</v>
      </c>
      <c r="CM20" s="101">
        <v>384</v>
      </c>
      <c r="CN20" s="102">
        <v>414</v>
      </c>
      <c r="CO20" s="103">
        <v>798</v>
      </c>
      <c r="CP20" s="413">
        <v>0</v>
      </c>
      <c r="CQ20" s="102">
        <v>586</v>
      </c>
      <c r="CR20" s="102">
        <v>880</v>
      </c>
      <c r="CS20" s="102">
        <v>609</v>
      </c>
      <c r="CT20" s="102">
        <v>471</v>
      </c>
      <c r="CU20" s="102">
        <v>249</v>
      </c>
      <c r="CV20" s="103">
        <v>2795</v>
      </c>
      <c r="CW20" s="104">
        <v>3593</v>
      </c>
      <c r="CX20" s="105">
        <v>678</v>
      </c>
      <c r="CY20" s="97">
        <v>948</v>
      </c>
      <c r="CZ20" s="98">
        <v>1626</v>
      </c>
      <c r="DA20" s="413">
        <v>0</v>
      </c>
      <c r="DB20" s="97">
        <v>944</v>
      </c>
      <c r="DC20" s="97">
        <v>1392</v>
      </c>
      <c r="DD20" s="97">
        <v>1002</v>
      </c>
      <c r="DE20" s="97">
        <v>935</v>
      </c>
      <c r="DF20" s="97">
        <v>601</v>
      </c>
      <c r="DG20" s="99">
        <v>4874</v>
      </c>
      <c r="DH20" s="100">
        <v>6500</v>
      </c>
      <c r="DI20" s="101">
        <v>16</v>
      </c>
      <c r="DJ20" s="102">
        <v>34</v>
      </c>
      <c r="DK20" s="103">
        <v>50</v>
      </c>
      <c r="DL20" s="413">
        <v>0</v>
      </c>
      <c r="DM20" s="102">
        <v>14</v>
      </c>
      <c r="DN20" s="102">
        <v>30</v>
      </c>
      <c r="DO20" s="102">
        <v>26</v>
      </c>
      <c r="DP20" s="102">
        <v>22</v>
      </c>
      <c r="DQ20" s="102">
        <v>18</v>
      </c>
      <c r="DR20" s="103">
        <v>110</v>
      </c>
      <c r="DS20" s="104">
        <v>160</v>
      </c>
      <c r="DT20" s="101">
        <v>48</v>
      </c>
      <c r="DU20" s="102">
        <v>66</v>
      </c>
      <c r="DV20" s="103">
        <v>114</v>
      </c>
      <c r="DW20" s="413">
        <v>0</v>
      </c>
      <c r="DX20" s="102">
        <v>65</v>
      </c>
      <c r="DY20" s="102">
        <v>77</v>
      </c>
      <c r="DZ20" s="102">
        <v>56</v>
      </c>
      <c r="EA20" s="102">
        <v>60</v>
      </c>
      <c r="EB20" s="102">
        <v>29</v>
      </c>
      <c r="EC20" s="103">
        <v>287</v>
      </c>
      <c r="ED20" s="104">
        <v>401</v>
      </c>
      <c r="EE20" s="101">
        <v>124</v>
      </c>
      <c r="EF20" s="102">
        <v>166</v>
      </c>
      <c r="EG20" s="103">
        <v>290</v>
      </c>
      <c r="EH20" s="413">
        <v>0</v>
      </c>
      <c r="EI20" s="102">
        <v>121</v>
      </c>
      <c r="EJ20" s="102">
        <v>164</v>
      </c>
      <c r="EK20" s="102">
        <v>119</v>
      </c>
      <c r="EL20" s="102">
        <v>84</v>
      </c>
      <c r="EM20" s="102">
        <v>57</v>
      </c>
      <c r="EN20" s="103">
        <v>545</v>
      </c>
      <c r="EO20" s="104">
        <v>835</v>
      </c>
      <c r="EP20" s="101">
        <v>214</v>
      </c>
      <c r="EQ20" s="102">
        <v>272</v>
      </c>
      <c r="ER20" s="103">
        <v>486</v>
      </c>
      <c r="ES20" s="413">
        <v>0</v>
      </c>
      <c r="ET20" s="102">
        <v>255</v>
      </c>
      <c r="EU20" s="102">
        <v>363</v>
      </c>
      <c r="EV20" s="102">
        <v>224</v>
      </c>
      <c r="EW20" s="102">
        <v>197</v>
      </c>
      <c r="EX20" s="102">
        <v>133</v>
      </c>
      <c r="EY20" s="103">
        <v>1172</v>
      </c>
      <c r="EZ20" s="104">
        <v>1658</v>
      </c>
      <c r="FA20" s="101">
        <v>187</v>
      </c>
      <c r="FB20" s="102">
        <v>266</v>
      </c>
      <c r="FC20" s="103">
        <v>453</v>
      </c>
      <c r="FD20" s="413">
        <v>0</v>
      </c>
      <c r="FE20" s="102">
        <v>264</v>
      </c>
      <c r="FF20" s="102">
        <v>398</v>
      </c>
      <c r="FG20" s="102">
        <v>264</v>
      </c>
      <c r="FH20" s="102">
        <v>222</v>
      </c>
      <c r="FI20" s="102">
        <v>163</v>
      </c>
      <c r="FJ20" s="103">
        <v>1311</v>
      </c>
      <c r="FK20" s="104">
        <v>1764</v>
      </c>
      <c r="FL20" s="101">
        <v>89</v>
      </c>
      <c r="FM20" s="102">
        <v>144</v>
      </c>
      <c r="FN20" s="103">
        <v>233</v>
      </c>
      <c r="FO20" s="413">
        <v>0</v>
      </c>
      <c r="FP20" s="102">
        <v>225</v>
      </c>
      <c r="FQ20" s="102">
        <v>360</v>
      </c>
      <c r="FR20" s="102">
        <v>313</v>
      </c>
      <c r="FS20" s="102">
        <v>350</v>
      </c>
      <c r="FT20" s="102">
        <v>201</v>
      </c>
      <c r="FU20" s="103">
        <v>1449</v>
      </c>
      <c r="FV20" s="104">
        <v>1682</v>
      </c>
      <c r="FW20" s="101">
        <v>6</v>
      </c>
      <c r="FX20" s="102">
        <v>17</v>
      </c>
      <c r="FY20" s="103">
        <v>23</v>
      </c>
      <c r="FZ20" s="413">
        <v>0</v>
      </c>
      <c r="GA20" s="102">
        <v>5</v>
      </c>
      <c r="GB20" s="102">
        <v>30</v>
      </c>
      <c r="GC20" s="102">
        <v>18</v>
      </c>
      <c r="GD20" s="102">
        <v>19</v>
      </c>
      <c r="GE20" s="102">
        <v>22</v>
      </c>
      <c r="GF20" s="103">
        <v>94</v>
      </c>
      <c r="GG20" s="104">
        <v>117</v>
      </c>
      <c r="GH20" s="101">
        <v>684</v>
      </c>
      <c r="GI20" s="102">
        <v>965</v>
      </c>
      <c r="GJ20" s="103">
        <v>1649</v>
      </c>
      <c r="GK20" s="413">
        <v>0</v>
      </c>
      <c r="GL20" s="102">
        <v>949</v>
      </c>
      <c r="GM20" s="102">
        <v>1422</v>
      </c>
      <c r="GN20" s="102">
        <v>1020</v>
      </c>
      <c r="GO20" s="102">
        <v>954</v>
      </c>
      <c r="GP20" s="102">
        <v>623</v>
      </c>
      <c r="GQ20" s="103">
        <v>4968</v>
      </c>
      <c r="GR20" s="104">
        <v>6617</v>
      </c>
      <c r="GS20" s="105">
        <v>1054</v>
      </c>
      <c r="GT20" s="97">
        <v>1346</v>
      </c>
      <c r="GU20" s="98">
        <v>2400</v>
      </c>
      <c r="GV20" s="413">
        <v>0</v>
      </c>
      <c r="GW20" s="97">
        <v>1502</v>
      </c>
      <c r="GX20" s="97">
        <v>2237</v>
      </c>
      <c r="GY20" s="97">
        <v>1582</v>
      </c>
      <c r="GZ20" s="97">
        <v>1388</v>
      </c>
      <c r="HA20" s="97">
        <v>834</v>
      </c>
      <c r="HB20" s="99">
        <v>7543</v>
      </c>
      <c r="HC20" s="100">
        <v>9943</v>
      </c>
      <c r="HD20" s="101">
        <v>33</v>
      </c>
      <c r="HE20" s="102">
        <v>51</v>
      </c>
      <c r="HF20" s="103">
        <v>84</v>
      </c>
      <c r="HG20" s="416">
        <v>0</v>
      </c>
      <c r="HH20" s="102">
        <v>35</v>
      </c>
      <c r="HI20" s="102">
        <v>79</v>
      </c>
      <c r="HJ20" s="102">
        <v>61</v>
      </c>
      <c r="HK20" s="102">
        <v>45</v>
      </c>
      <c r="HL20" s="102">
        <v>37</v>
      </c>
      <c r="HM20" s="103">
        <v>257</v>
      </c>
      <c r="HN20" s="104">
        <v>341</v>
      </c>
      <c r="HO20" s="101">
        <v>76</v>
      </c>
      <c r="HP20" s="102">
        <v>115</v>
      </c>
      <c r="HQ20" s="103">
        <v>191</v>
      </c>
      <c r="HR20" s="413">
        <v>0</v>
      </c>
      <c r="HS20" s="102">
        <v>115</v>
      </c>
      <c r="HT20" s="102">
        <v>171</v>
      </c>
      <c r="HU20" s="102">
        <v>116</v>
      </c>
      <c r="HV20" s="102">
        <v>103</v>
      </c>
      <c r="HW20" s="102">
        <v>61</v>
      </c>
      <c r="HX20" s="103">
        <v>566</v>
      </c>
      <c r="HY20" s="104">
        <v>757</v>
      </c>
      <c r="HZ20" s="101">
        <v>178</v>
      </c>
      <c r="IA20" s="102">
        <v>254</v>
      </c>
      <c r="IB20" s="103">
        <v>432</v>
      </c>
      <c r="IC20" s="413">
        <v>0</v>
      </c>
      <c r="ID20" s="102">
        <v>211</v>
      </c>
      <c r="IE20" s="102">
        <v>325</v>
      </c>
      <c r="IF20" s="102">
        <v>219</v>
      </c>
      <c r="IG20" s="102">
        <v>160</v>
      </c>
      <c r="IH20" s="102">
        <v>110</v>
      </c>
      <c r="II20" s="103">
        <v>1025</v>
      </c>
      <c r="IJ20" s="104">
        <v>1457</v>
      </c>
      <c r="IK20" s="101">
        <v>330</v>
      </c>
      <c r="IL20" s="102">
        <v>359</v>
      </c>
      <c r="IM20" s="103">
        <v>689</v>
      </c>
      <c r="IN20" s="413">
        <v>0</v>
      </c>
      <c r="IO20" s="102">
        <v>429</v>
      </c>
      <c r="IP20" s="102">
        <v>601</v>
      </c>
      <c r="IQ20" s="102">
        <v>385</v>
      </c>
      <c r="IR20" s="102">
        <v>315</v>
      </c>
      <c r="IS20" s="102">
        <v>176</v>
      </c>
      <c r="IT20" s="103">
        <v>1906</v>
      </c>
      <c r="IU20" s="104">
        <v>2595</v>
      </c>
      <c r="IV20" s="101">
        <v>300</v>
      </c>
      <c r="IW20" s="102">
        <v>362</v>
      </c>
      <c r="IX20" s="103">
        <v>662</v>
      </c>
      <c r="IY20" s="413">
        <v>0</v>
      </c>
      <c r="IZ20" s="102">
        <v>406</v>
      </c>
      <c r="JA20" s="102">
        <v>564</v>
      </c>
      <c r="JB20" s="102">
        <v>394</v>
      </c>
      <c r="JC20" s="102">
        <v>335</v>
      </c>
      <c r="JD20" s="102">
        <v>211</v>
      </c>
      <c r="JE20" s="103">
        <v>1910</v>
      </c>
      <c r="JF20" s="104">
        <v>2572</v>
      </c>
      <c r="JG20" s="101">
        <v>137</v>
      </c>
      <c r="JH20" s="102">
        <v>205</v>
      </c>
      <c r="JI20" s="103">
        <v>342</v>
      </c>
      <c r="JJ20" s="413">
        <v>0</v>
      </c>
      <c r="JK20" s="102">
        <v>306</v>
      </c>
      <c r="JL20" s="102">
        <v>497</v>
      </c>
      <c r="JM20" s="102">
        <v>407</v>
      </c>
      <c r="JN20" s="102">
        <v>430</v>
      </c>
      <c r="JO20" s="102">
        <v>239</v>
      </c>
      <c r="JP20" s="103">
        <v>1879</v>
      </c>
      <c r="JQ20" s="104">
        <v>2221</v>
      </c>
      <c r="JR20" s="101">
        <v>14</v>
      </c>
      <c r="JS20" s="102">
        <v>33</v>
      </c>
      <c r="JT20" s="103">
        <v>47</v>
      </c>
      <c r="JU20" s="413">
        <v>0</v>
      </c>
      <c r="JV20" s="102">
        <v>33</v>
      </c>
      <c r="JW20" s="102">
        <v>65</v>
      </c>
      <c r="JX20" s="102">
        <v>47</v>
      </c>
      <c r="JY20" s="102">
        <v>37</v>
      </c>
      <c r="JZ20" s="102">
        <v>38</v>
      </c>
      <c r="KA20" s="103">
        <v>220</v>
      </c>
      <c r="KB20" s="104">
        <v>267</v>
      </c>
      <c r="KC20" s="101">
        <v>1068</v>
      </c>
      <c r="KD20" s="102">
        <v>1379</v>
      </c>
      <c r="KE20" s="103">
        <v>2447</v>
      </c>
      <c r="KF20" s="413">
        <v>0</v>
      </c>
      <c r="KG20" s="102">
        <v>1535</v>
      </c>
      <c r="KH20" s="102">
        <v>2302</v>
      </c>
      <c r="KI20" s="102">
        <v>1629</v>
      </c>
      <c r="KJ20" s="102">
        <v>1425</v>
      </c>
      <c r="KK20" s="102">
        <v>872</v>
      </c>
      <c r="KL20" s="103">
        <v>7763</v>
      </c>
      <c r="KM20" s="104">
        <v>10210</v>
      </c>
    </row>
    <row r="21" spans="2:299" s="70" customFormat="1" ht="21" customHeight="1" x14ac:dyDescent="0.2">
      <c r="B21" s="106" t="s">
        <v>18</v>
      </c>
      <c r="C21" s="96">
        <v>456</v>
      </c>
      <c r="D21" s="97">
        <v>470</v>
      </c>
      <c r="E21" s="98">
        <v>926</v>
      </c>
      <c r="F21" s="413">
        <v>0</v>
      </c>
      <c r="G21" s="97">
        <v>980</v>
      </c>
      <c r="H21" s="97">
        <v>830</v>
      </c>
      <c r="I21" s="97">
        <v>577</v>
      </c>
      <c r="J21" s="97">
        <v>422</v>
      </c>
      <c r="K21" s="97">
        <v>294</v>
      </c>
      <c r="L21" s="99">
        <v>3103</v>
      </c>
      <c r="M21" s="100">
        <v>4029</v>
      </c>
      <c r="N21" s="101">
        <v>25</v>
      </c>
      <c r="O21" s="102">
        <v>21</v>
      </c>
      <c r="P21" s="103">
        <v>46</v>
      </c>
      <c r="Q21" s="413">
        <v>0</v>
      </c>
      <c r="R21" s="102">
        <v>41</v>
      </c>
      <c r="S21" s="102">
        <v>45</v>
      </c>
      <c r="T21" s="102">
        <v>33</v>
      </c>
      <c r="U21" s="102">
        <v>20</v>
      </c>
      <c r="V21" s="102">
        <v>27</v>
      </c>
      <c r="W21" s="103">
        <v>166</v>
      </c>
      <c r="X21" s="104">
        <v>212</v>
      </c>
      <c r="Y21" s="101">
        <v>40</v>
      </c>
      <c r="Z21" s="102">
        <v>42</v>
      </c>
      <c r="AA21" s="103">
        <v>82</v>
      </c>
      <c r="AB21" s="413">
        <v>0</v>
      </c>
      <c r="AC21" s="102">
        <v>106</v>
      </c>
      <c r="AD21" s="102">
        <v>79</v>
      </c>
      <c r="AE21" s="102">
        <v>57</v>
      </c>
      <c r="AF21" s="102">
        <v>52</v>
      </c>
      <c r="AG21" s="102">
        <v>35</v>
      </c>
      <c r="AH21" s="103">
        <v>329</v>
      </c>
      <c r="AI21" s="104">
        <v>411</v>
      </c>
      <c r="AJ21" s="101">
        <v>77</v>
      </c>
      <c r="AK21" s="102">
        <v>85</v>
      </c>
      <c r="AL21" s="103">
        <v>162</v>
      </c>
      <c r="AM21" s="413">
        <v>0</v>
      </c>
      <c r="AN21" s="102">
        <v>157</v>
      </c>
      <c r="AO21" s="102">
        <v>137</v>
      </c>
      <c r="AP21" s="102">
        <v>86</v>
      </c>
      <c r="AQ21" s="102">
        <v>67</v>
      </c>
      <c r="AR21" s="102">
        <v>51</v>
      </c>
      <c r="AS21" s="103">
        <v>498</v>
      </c>
      <c r="AT21" s="104">
        <v>660</v>
      </c>
      <c r="AU21" s="101">
        <v>135</v>
      </c>
      <c r="AV21" s="102">
        <v>130</v>
      </c>
      <c r="AW21" s="103">
        <v>265</v>
      </c>
      <c r="AX21" s="413">
        <v>0</v>
      </c>
      <c r="AY21" s="102">
        <v>276</v>
      </c>
      <c r="AZ21" s="102">
        <v>235</v>
      </c>
      <c r="BA21" s="102">
        <v>134</v>
      </c>
      <c r="BB21" s="102">
        <v>103</v>
      </c>
      <c r="BC21" s="102">
        <v>98</v>
      </c>
      <c r="BD21" s="103">
        <v>846</v>
      </c>
      <c r="BE21" s="104">
        <v>1111</v>
      </c>
      <c r="BF21" s="101">
        <v>123</v>
      </c>
      <c r="BG21" s="102">
        <v>122</v>
      </c>
      <c r="BH21" s="103">
        <v>245</v>
      </c>
      <c r="BI21" s="413">
        <v>0</v>
      </c>
      <c r="BJ21" s="102">
        <v>256</v>
      </c>
      <c r="BK21" s="102">
        <v>203</v>
      </c>
      <c r="BL21" s="102">
        <v>154</v>
      </c>
      <c r="BM21" s="102">
        <v>114</v>
      </c>
      <c r="BN21" s="102">
        <v>52</v>
      </c>
      <c r="BO21" s="103">
        <v>779</v>
      </c>
      <c r="BP21" s="104">
        <v>1024</v>
      </c>
      <c r="BQ21" s="101">
        <v>56</v>
      </c>
      <c r="BR21" s="102">
        <v>70</v>
      </c>
      <c r="BS21" s="103">
        <v>126</v>
      </c>
      <c r="BT21" s="413">
        <v>0</v>
      </c>
      <c r="BU21" s="102">
        <v>144</v>
      </c>
      <c r="BV21" s="102">
        <v>131</v>
      </c>
      <c r="BW21" s="102">
        <v>113</v>
      </c>
      <c r="BX21" s="102">
        <v>66</v>
      </c>
      <c r="BY21" s="102">
        <v>31</v>
      </c>
      <c r="BZ21" s="103">
        <v>485</v>
      </c>
      <c r="CA21" s="104">
        <v>611</v>
      </c>
      <c r="CB21" s="101">
        <v>12</v>
      </c>
      <c r="CC21" s="102">
        <v>24</v>
      </c>
      <c r="CD21" s="103">
        <v>36</v>
      </c>
      <c r="CE21" s="413">
        <v>0</v>
      </c>
      <c r="CF21" s="102">
        <v>31</v>
      </c>
      <c r="CG21" s="102">
        <v>37</v>
      </c>
      <c r="CH21" s="102">
        <v>26</v>
      </c>
      <c r="CI21" s="102">
        <v>32</v>
      </c>
      <c r="CJ21" s="102">
        <v>16</v>
      </c>
      <c r="CK21" s="103">
        <v>142</v>
      </c>
      <c r="CL21" s="104">
        <v>178</v>
      </c>
      <c r="CM21" s="101">
        <v>468</v>
      </c>
      <c r="CN21" s="102">
        <v>494</v>
      </c>
      <c r="CO21" s="103">
        <v>962</v>
      </c>
      <c r="CP21" s="413">
        <v>0</v>
      </c>
      <c r="CQ21" s="102">
        <v>1011</v>
      </c>
      <c r="CR21" s="102">
        <v>867</v>
      </c>
      <c r="CS21" s="102">
        <v>603</v>
      </c>
      <c r="CT21" s="102">
        <v>454</v>
      </c>
      <c r="CU21" s="102">
        <v>310</v>
      </c>
      <c r="CV21" s="103">
        <v>3245</v>
      </c>
      <c r="CW21" s="104">
        <v>4207</v>
      </c>
      <c r="CX21" s="105">
        <v>817</v>
      </c>
      <c r="CY21" s="97">
        <v>1210</v>
      </c>
      <c r="CZ21" s="98">
        <v>2027</v>
      </c>
      <c r="DA21" s="413">
        <v>0</v>
      </c>
      <c r="DB21" s="97">
        <v>1534</v>
      </c>
      <c r="DC21" s="97">
        <v>1294</v>
      </c>
      <c r="DD21" s="97">
        <v>1015</v>
      </c>
      <c r="DE21" s="97">
        <v>994</v>
      </c>
      <c r="DF21" s="97">
        <v>669</v>
      </c>
      <c r="DG21" s="99">
        <v>5506</v>
      </c>
      <c r="DH21" s="100">
        <v>7533</v>
      </c>
      <c r="DI21" s="101">
        <v>12</v>
      </c>
      <c r="DJ21" s="102">
        <v>34</v>
      </c>
      <c r="DK21" s="103">
        <v>46</v>
      </c>
      <c r="DL21" s="413">
        <v>0</v>
      </c>
      <c r="DM21" s="102">
        <v>39</v>
      </c>
      <c r="DN21" s="102">
        <v>17</v>
      </c>
      <c r="DO21" s="102">
        <v>19</v>
      </c>
      <c r="DP21" s="102">
        <v>25</v>
      </c>
      <c r="DQ21" s="102">
        <v>15</v>
      </c>
      <c r="DR21" s="103">
        <v>115</v>
      </c>
      <c r="DS21" s="104">
        <v>161</v>
      </c>
      <c r="DT21" s="101">
        <v>72</v>
      </c>
      <c r="DU21" s="102">
        <v>76</v>
      </c>
      <c r="DV21" s="103">
        <v>148</v>
      </c>
      <c r="DW21" s="413">
        <v>0</v>
      </c>
      <c r="DX21" s="102">
        <v>83</v>
      </c>
      <c r="DY21" s="102">
        <v>76</v>
      </c>
      <c r="DZ21" s="102">
        <v>34</v>
      </c>
      <c r="EA21" s="102">
        <v>45</v>
      </c>
      <c r="EB21" s="102">
        <v>40</v>
      </c>
      <c r="EC21" s="103">
        <v>278</v>
      </c>
      <c r="ED21" s="104">
        <v>426</v>
      </c>
      <c r="EE21" s="101">
        <v>147</v>
      </c>
      <c r="EF21" s="102">
        <v>207</v>
      </c>
      <c r="EG21" s="103">
        <v>354</v>
      </c>
      <c r="EH21" s="413">
        <v>0</v>
      </c>
      <c r="EI21" s="102">
        <v>208</v>
      </c>
      <c r="EJ21" s="102">
        <v>151</v>
      </c>
      <c r="EK21" s="102">
        <v>110</v>
      </c>
      <c r="EL21" s="102">
        <v>95</v>
      </c>
      <c r="EM21" s="102">
        <v>79</v>
      </c>
      <c r="EN21" s="103">
        <v>643</v>
      </c>
      <c r="EO21" s="104">
        <v>997</v>
      </c>
      <c r="EP21" s="101">
        <v>285</v>
      </c>
      <c r="EQ21" s="102">
        <v>377</v>
      </c>
      <c r="ER21" s="103">
        <v>662</v>
      </c>
      <c r="ES21" s="413">
        <v>0</v>
      </c>
      <c r="ET21" s="102">
        <v>446</v>
      </c>
      <c r="EU21" s="102">
        <v>297</v>
      </c>
      <c r="EV21" s="102">
        <v>226</v>
      </c>
      <c r="EW21" s="102">
        <v>196</v>
      </c>
      <c r="EX21" s="102">
        <v>142</v>
      </c>
      <c r="EY21" s="103">
        <v>1307</v>
      </c>
      <c r="EZ21" s="104">
        <v>1969</v>
      </c>
      <c r="FA21" s="101">
        <v>207</v>
      </c>
      <c r="FB21" s="102">
        <v>333</v>
      </c>
      <c r="FC21" s="103">
        <v>540</v>
      </c>
      <c r="FD21" s="413">
        <v>0</v>
      </c>
      <c r="FE21" s="102">
        <v>411</v>
      </c>
      <c r="FF21" s="102">
        <v>407</v>
      </c>
      <c r="FG21" s="102">
        <v>302</v>
      </c>
      <c r="FH21" s="102">
        <v>245</v>
      </c>
      <c r="FI21" s="102">
        <v>169</v>
      </c>
      <c r="FJ21" s="103">
        <v>1534</v>
      </c>
      <c r="FK21" s="104">
        <v>2074</v>
      </c>
      <c r="FL21" s="101">
        <v>94</v>
      </c>
      <c r="FM21" s="102">
        <v>183</v>
      </c>
      <c r="FN21" s="103">
        <v>277</v>
      </c>
      <c r="FO21" s="413">
        <v>0</v>
      </c>
      <c r="FP21" s="102">
        <v>347</v>
      </c>
      <c r="FQ21" s="102">
        <v>346</v>
      </c>
      <c r="FR21" s="102">
        <v>324</v>
      </c>
      <c r="FS21" s="102">
        <v>388</v>
      </c>
      <c r="FT21" s="102">
        <v>224</v>
      </c>
      <c r="FU21" s="103">
        <v>1629</v>
      </c>
      <c r="FV21" s="104">
        <v>1906</v>
      </c>
      <c r="FW21" s="101">
        <v>18</v>
      </c>
      <c r="FX21" s="102">
        <v>14</v>
      </c>
      <c r="FY21" s="103">
        <v>32</v>
      </c>
      <c r="FZ21" s="413">
        <v>0</v>
      </c>
      <c r="GA21" s="102">
        <v>24</v>
      </c>
      <c r="GB21" s="102">
        <v>32</v>
      </c>
      <c r="GC21" s="102">
        <v>12</v>
      </c>
      <c r="GD21" s="102">
        <v>21</v>
      </c>
      <c r="GE21" s="102">
        <v>19</v>
      </c>
      <c r="GF21" s="103">
        <v>108</v>
      </c>
      <c r="GG21" s="104">
        <v>140</v>
      </c>
      <c r="GH21" s="101">
        <v>835</v>
      </c>
      <c r="GI21" s="102">
        <v>1224</v>
      </c>
      <c r="GJ21" s="103">
        <v>2059</v>
      </c>
      <c r="GK21" s="413">
        <v>0</v>
      </c>
      <c r="GL21" s="102">
        <v>1558</v>
      </c>
      <c r="GM21" s="102">
        <v>1326</v>
      </c>
      <c r="GN21" s="102">
        <v>1027</v>
      </c>
      <c r="GO21" s="102">
        <v>1015</v>
      </c>
      <c r="GP21" s="102">
        <v>688</v>
      </c>
      <c r="GQ21" s="103">
        <v>5614</v>
      </c>
      <c r="GR21" s="104">
        <v>7673</v>
      </c>
      <c r="GS21" s="105">
        <v>1273</v>
      </c>
      <c r="GT21" s="97">
        <v>1680</v>
      </c>
      <c r="GU21" s="98">
        <v>2953</v>
      </c>
      <c r="GV21" s="413">
        <v>0</v>
      </c>
      <c r="GW21" s="97">
        <v>2514</v>
      </c>
      <c r="GX21" s="97">
        <v>2124</v>
      </c>
      <c r="GY21" s="97">
        <v>1592</v>
      </c>
      <c r="GZ21" s="97">
        <v>1416</v>
      </c>
      <c r="HA21" s="97">
        <v>963</v>
      </c>
      <c r="HB21" s="99">
        <v>8609</v>
      </c>
      <c r="HC21" s="100">
        <v>11562</v>
      </c>
      <c r="HD21" s="101">
        <v>37</v>
      </c>
      <c r="HE21" s="102">
        <v>55</v>
      </c>
      <c r="HF21" s="103">
        <v>92</v>
      </c>
      <c r="HG21" s="416">
        <v>0</v>
      </c>
      <c r="HH21" s="102">
        <v>80</v>
      </c>
      <c r="HI21" s="102">
        <v>62</v>
      </c>
      <c r="HJ21" s="102">
        <v>52</v>
      </c>
      <c r="HK21" s="102">
        <v>45</v>
      </c>
      <c r="HL21" s="102">
        <v>42</v>
      </c>
      <c r="HM21" s="103">
        <v>281</v>
      </c>
      <c r="HN21" s="104">
        <v>373</v>
      </c>
      <c r="HO21" s="101">
        <v>112</v>
      </c>
      <c r="HP21" s="102">
        <v>118</v>
      </c>
      <c r="HQ21" s="103">
        <v>230</v>
      </c>
      <c r="HR21" s="413">
        <v>0</v>
      </c>
      <c r="HS21" s="102">
        <v>189</v>
      </c>
      <c r="HT21" s="102">
        <v>155</v>
      </c>
      <c r="HU21" s="102">
        <v>91</v>
      </c>
      <c r="HV21" s="102">
        <v>97</v>
      </c>
      <c r="HW21" s="102">
        <v>75</v>
      </c>
      <c r="HX21" s="103">
        <v>607</v>
      </c>
      <c r="HY21" s="104">
        <v>837</v>
      </c>
      <c r="HZ21" s="101">
        <v>224</v>
      </c>
      <c r="IA21" s="102">
        <v>292</v>
      </c>
      <c r="IB21" s="103">
        <v>516</v>
      </c>
      <c r="IC21" s="413">
        <v>0</v>
      </c>
      <c r="ID21" s="102">
        <v>365</v>
      </c>
      <c r="IE21" s="102">
        <v>288</v>
      </c>
      <c r="IF21" s="102">
        <v>196</v>
      </c>
      <c r="IG21" s="102">
        <v>162</v>
      </c>
      <c r="IH21" s="102">
        <v>130</v>
      </c>
      <c r="II21" s="103">
        <v>1141</v>
      </c>
      <c r="IJ21" s="104">
        <v>1657</v>
      </c>
      <c r="IK21" s="101">
        <v>420</v>
      </c>
      <c r="IL21" s="102">
        <v>507</v>
      </c>
      <c r="IM21" s="103">
        <v>927</v>
      </c>
      <c r="IN21" s="413">
        <v>0</v>
      </c>
      <c r="IO21" s="102">
        <v>722</v>
      </c>
      <c r="IP21" s="102">
        <v>532</v>
      </c>
      <c r="IQ21" s="102">
        <v>360</v>
      </c>
      <c r="IR21" s="102">
        <v>299</v>
      </c>
      <c r="IS21" s="102">
        <v>240</v>
      </c>
      <c r="IT21" s="103">
        <v>2153</v>
      </c>
      <c r="IU21" s="104">
        <v>3080</v>
      </c>
      <c r="IV21" s="101">
        <v>330</v>
      </c>
      <c r="IW21" s="102">
        <v>455</v>
      </c>
      <c r="IX21" s="103">
        <v>785</v>
      </c>
      <c r="IY21" s="413">
        <v>0</v>
      </c>
      <c r="IZ21" s="102">
        <v>667</v>
      </c>
      <c r="JA21" s="102">
        <v>610</v>
      </c>
      <c r="JB21" s="102">
        <v>456</v>
      </c>
      <c r="JC21" s="102">
        <v>359</v>
      </c>
      <c r="JD21" s="102">
        <v>221</v>
      </c>
      <c r="JE21" s="103">
        <v>2313</v>
      </c>
      <c r="JF21" s="104">
        <v>3098</v>
      </c>
      <c r="JG21" s="101">
        <v>150</v>
      </c>
      <c r="JH21" s="102">
        <v>253</v>
      </c>
      <c r="JI21" s="103">
        <v>403</v>
      </c>
      <c r="JJ21" s="413">
        <v>0</v>
      </c>
      <c r="JK21" s="102">
        <v>491</v>
      </c>
      <c r="JL21" s="102">
        <v>477</v>
      </c>
      <c r="JM21" s="102">
        <v>437</v>
      </c>
      <c r="JN21" s="102">
        <v>454</v>
      </c>
      <c r="JO21" s="102">
        <v>255</v>
      </c>
      <c r="JP21" s="103">
        <v>2114</v>
      </c>
      <c r="JQ21" s="104">
        <v>2517</v>
      </c>
      <c r="JR21" s="101">
        <v>30</v>
      </c>
      <c r="JS21" s="102">
        <v>38</v>
      </c>
      <c r="JT21" s="103">
        <v>68</v>
      </c>
      <c r="JU21" s="413">
        <v>0</v>
      </c>
      <c r="JV21" s="102">
        <v>55</v>
      </c>
      <c r="JW21" s="102">
        <v>69</v>
      </c>
      <c r="JX21" s="102">
        <v>38</v>
      </c>
      <c r="JY21" s="102">
        <v>53</v>
      </c>
      <c r="JZ21" s="102">
        <v>35</v>
      </c>
      <c r="KA21" s="103">
        <v>250</v>
      </c>
      <c r="KB21" s="104">
        <v>318</v>
      </c>
      <c r="KC21" s="101">
        <v>1303</v>
      </c>
      <c r="KD21" s="102">
        <v>1718</v>
      </c>
      <c r="KE21" s="103">
        <v>3021</v>
      </c>
      <c r="KF21" s="413">
        <v>0</v>
      </c>
      <c r="KG21" s="102">
        <v>2569</v>
      </c>
      <c r="KH21" s="102">
        <v>2193</v>
      </c>
      <c r="KI21" s="102">
        <v>1630</v>
      </c>
      <c r="KJ21" s="102">
        <v>1469</v>
      </c>
      <c r="KK21" s="102">
        <v>998</v>
      </c>
      <c r="KL21" s="103">
        <v>8859</v>
      </c>
      <c r="KM21" s="104">
        <v>11880</v>
      </c>
    </row>
    <row r="22" spans="2:299" s="70" customFormat="1" ht="21" customHeight="1" x14ac:dyDescent="0.2">
      <c r="B22" s="106" t="s">
        <v>19</v>
      </c>
      <c r="C22" s="96">
        <v>245</v>
      </c>
      <c r="D22" s="97">
        <v>194</v>
      </c>
      <c r="E22" s="98">
        <v>439</v>
      </c>
      <c r="F22" s="413">
        <v>0</v>
      </c>
      <c r="G22" s="97">
        <v>422</v>
      </c>
      <c r="H22" s="97">
        <v>325</v>
      </c>
      <c r="I22" s="97">
        <v>239</v>
      </c>
      <c r="J22" s="97">
        <v>151</v>
      </c>
      <c r="K22" s="97">
        <v>101</v>
      </c>
      <c r="L22" s="99">
        <v>1238</v>
      </c>
      <c r="M22" s="100">
        <v>1677</v>
      </c>
      <c r="N22" s="107">
        <v>8</v>
      </c>
      <c r="O22" s="102">
        <v>9</v>
      </c>
      <c r="P22" s="103">
        <v>17</v>
      </c>
      <c r="Q22" s="413">
        <v>0</v>
      </c>
      <c r="R22" s="102">
        <v>14</v>
      </c>
      <c r="S22" s="102">
        <v>12</v>
      </c>
      <c r="T22" s="102">
        <v>13</v>
      </c>
      <c r="U22" s="102">
        <v>6</v>
      </c>
      <c r="V22" s="102">
        <v>6</v>
      </c>
      <c r="W22" s="103">
        <v>51</v>
      </c>
      <c r="X22" s="104">
        <v>68</v>
      </c>
      <c r="Y22" s="101">
        <v>17</v>
      </c>
      <c r="Z22" s="102">
        <v>20</v>
      </c>
      <c r="AA22" s="103">
        <v>37</v>
      </c>
      <c r="AB22" s="413">
        <v>0</v>
      </c>
      <c r="AC22" s="102">
        <v>49</v>
      </c>
      <c r="AD22" s="102">
        <v>31</v>
      </c>
      <c r="AE22" s="102">
        <v>27</v>
      </c>
      <c r="AF22" s="102">
        <v>17</v>
      </c>
      <c r="AG22" s="102">
        <v>9</v>
      </c>
      <c r="AH22" s="103">
        <v>133</v>
      </c>
      <c r="AI22" s="104">
        <v>170</v>
      </c>
      <c r="AJ22" s="107">
        <v>35</v>
      </c>
      <c r="AK22" s="102">
        <v>30</v>
      </c>
      <c r="AL22" s="103">
        <v>65</v>
      </c>
      <c r="AM22" s="413">
        <v>0</v>
      </c>
      <c r="AN22" s="102">
        <v>72</v>
      </c>
      <c r="AO22" s="102">
        <v>54</v>
      </c>
      <c r="AP22" s="102">
        <v>39</v>
      </c>
      <c r="AQ22" s="102">
        <v>31</v>
      </c>
      <c r="AR22" s="102">
        <v>16</v>
      </c>
      <c r="AS22" s="103">
        <v>212</v>
      </c>
      <c r="AT22" s="104">
        <v>277</v>
      </c>
      <c r="AU22" s="101">
        <v>68</v>
      </c>
      <c r="AV22" s="102">
        <v>49</v>
      </c>
      <c r="AW22" s="103">
        <v>117</v>
      </c>
      <c r="AX22" s="413">
        <v>0</v>
      </c>
      <c r="AY22" s="102">
        <v>104</v>
      </c>
      <c r="AZ22" s="102">
        <v>91</v>
      </c>
      <c r="BA22" s="102">
        <v>62</v>
      </c>
      <c r="BB22" s="102">
        <v>40</v>
      </c>
      <c r="BC22" s="102">
        <v>23</v>
      </c>
      <c r="BD22" s="103">
        <v>320</v>
      </c>
      <c r="BE22" s="104">
        <v>437</v>
      </c>
      <c r="BF22" s="107">
        <v>74</v>
      </c>
      <c r="BG22" s="102">
        <v>40</v>
      </c>
      <c r="BH22" s="103">
        <v>114</v>
      </c>
      <c r="BI22" s="413">
        <v>0</v>
      </c>
      <c r="BJ22" s="102">
        <v>103</v>
      </c>
      <c r="BK22" s="102">
        <v>78</v>
      </c>
      <c r="BL22" s="102">
        <v>50</v>
      </c>
      <c r="BM22" s="102">
        <v>40</v>
      </c>
      <c r="BN22" s="102">
        <v>36</v>
      </c>
      <c r="BO22" s="103">
        <v>307</v>
      </c>
      <c r="BP22" s="104">
        <v>421</v>
      </c>
      <c r="BQ22" s="101">
        <v>43</v>
      </c>
      <c r="BR22" s="102">
        <v>46</v>
      </c>
      <c r="BS22" s="103">
        <v>89</v>
      </c>
      <c r="BT22" s="413">
        <v>0</v>
      </c>
      <c r="BU22" s="102">
        <v>80</v>
      </c>
      <c r="BV22" s="102">
        <v>59</v>
      </c>
      <c r="BW22" s="102">
        <v>48</v>
      </c>
      <c r="BX22" s="102">
        <v>17</v>
      </c>
      <c r="BY22" s="102">
        <v>11</v>
      </c>
      <c r="BZ22" s="103">
        <v>215</v>
      </c>
      <c r="CA22" s="104">
        <v>304</v>
      </c>
      <c r="CB22" s="101">
        <v>9</v>
      </c>
      <c r="CC22" s="102">
        <v>7</v>
      </c>
      <c r="CD22" s="103">
        <v>16</v>
      </c>
      <c r="CE22" s="413">
        <v>0</v>
      </c>
      <c r="CF22" s="102">
        <v>18</v>
      </c>
      <c r="CG22" s="102">
        <v>10</v>
      </c>
      <c r="CH22" s="102">
        <v>12</v>
      </c>
      <c r="CI22" s="102">
        <v>7</v>
      </c>
      <c r="CJ22" s="102">
        <v>7</v>
      </c>
      <c r="CK22" s="103">
        <v>54</v>
      </c>
      <c r="CL22" s="104">
        <v>70</v>
      </c>
      <c r="CM22" s="101">
        <v>254</v>
      </c>
      <c r="CN22" s="102">
        <v>201</v>
      </c>
      <c r="CO22" s="103">
        <v>455</v>
      </c>
      <c r="CP22" s="413">
        <v>0</v>
      </c>
      <c r="CQ22" s="102">
        <v>440</v>
      </c>
      <c r="CR22" s="102">
        <v>335</v>
      </c>
      <c r="CS22" s="102">
        <v>251</v>
      </c>
      <c r="CT22" s="102">
        <v>158</v>
      </c>
      <c r="CU22" s="102">
        <v>108</v>
      </c>
      <c r="CV22" s="103">
        <v>1292</v>
      </c>
      <c r="CW22" s="104">
        <v>1747</v>
      </c>
      <c r="CX22" s="105">
        <v>417</v>
      </c>
      <c r="CY22" s="97">
        <v>431</v>
      </c>
      <c r="CZ22" s="98">
        <v>848</v>
      </c>
      <c r="DA22" s="413">
        <v>0</v>
      </c>
      <c r="DB22" s="97">
        <v>710</v>
      </c>
      <c r="DC22" s="97">
        <v>496</v>
      </c>
      <c r="DD22" s="97">
        <v>455</v>
      </c>
      <c r="DE22" s="97">
        <v>337</v>
      </c>
      <c r="DF22" s="97">
        <v>265</v>
      </c>
      <c r="DG22" s="99">
        <v>2263</v>
      </c>
      <c r="DH22" s="100">
        <v>3111</v>
      </c>
      <c r="DI22" s="107">
        <v>13</v>
      </c>
      <c r="DJ22" s="102">
        <v>3</v>
      </c>
      <c r="DK22" s="103">
        <v>16</v>
      </c>
      <c r="DL22" s="413">
        <v>0</v>
      </c>
      <c r="DM22" s="102">
        <v>13</v>
      </c>
      <c r="DN22" s="102">
        <v>14</v>
      </c>
      <c r="DO22" s="102">
        <v>9</v>
      </c>
      <c r="DP22" s="102">
        <v>3</v>
      </c>
      <c r="DQ22" s="102">
        <v>2</v>
      </c>
      <c r="DR22" s="103">
        <v>41</v>
      </c>
      <c r="DS22" s="104">
        <v>57</v>
      </c>
      <c r="DT22" s="101">
        <v>29</v>
      </c>
      <c r="DU22" s="102">
        <v>30</v>
      </c>
      <c r="DV22" s="103">
        <v>59</v>
      </c>
      <c r="DW22" s="413">
        <v>0</v>
      </c>
      <c r="DX22" s="102">
        <v>41</v>
      </c>
      <c r="DY22" s="102">
        <v>26</v>
      </c>
      <c r="DZ22" s="102">
        <v>17</v>
      </c>
      <c r="EA22" s="102">
        <v>11</v>
      </c>
      <c r="EB22" s="102">
        <v>20</v>
      </c>
      <c r="EC22" s="103">
        <v>115</v>
      </c>
      <c r="ED22" s="104">
        <v>174</v>
      </c>
      <c r="EE22" s="107">
        <v>70</v>
      </c>
      <c r="EF22" s="102">
        <v>75</v>
      </c>
      <c r="EG22" s="103">
        <v>145</v>
      </c>
      <c r="EH22" s="413">
        <v>0</v>
      </c>
      <c r="EI22" s="102">
        <v>88</v>
      </c>
      <c r="EJ22" s="102">
        <v>49</v>
      </c>
      <c r="EK22" s="102">
        <v>40</v>
      </c>
      <c r="EL22" s="102">
        <v>35</v>
      </c>
      <c r="EM22" s="102">
        <v>19</v>
      </c>
      <c r="EN22" s="103">
        <v>231</v>
      </c>
      <c r="EO22" s="104">
        <v>376</v>
      </c>
      <c r="EP22" s="101">
        <v>130</v>
      </c>
      <c r="EQ22" s="102">
        <v>120</v>
      </c>
      <c r="ER22" s="103">
        <v>250</v>
      </c>
      <c r="ES22" s="413">
        <v>0</v>
      </c>
      <c r="ET22" s="102">
        <v>193</v>
      </c>
      <c r="EU22" s="102">
        <v>122</v>
      </c>
      <c r="EV22" s="102">
        <v>93</v>
      </c>
      <c r="EW22" s="102">
        <v>67</v>
      </c>
      <c r="EX22" s="102">
        <v>53</v>
      </c>
      <c r="EY22" s="103">
        <v>528</v>
      </c>
      <c r="EZ22" s="104">
        <v>778</v>
      </c>
      <c r="FA22" s="107">
        <v>118</v>
      </c>
      <c r="FB22" s="102">
        <v>120</v>
      </c>
      <c r="FC22" s="103">
        <v>238</v>
      </c>
      <c r="FD22" s="413">
        <v>0</v>
      </c>
      <c r="FE22" s="102">
        <v>192</v>
      </c>
      <c r="FF22" s="102">
        <v>150</v>
      </c>
      <c r="FG22" s="102">
        <v>123</v>
      </c>
      <c r="FH22" s="102">
        <v>90</v>
      </c>
      <c r="FI22" s="102">
        <v>71</v>
      </c>
      <c r="FJ22" s="103">
        <v>626</v>
      </c>
      <c r="FK22" s="104">
        <v>864</v>
      </c>
      <c r="FL22" s="101">
        <v>57</v>
      </c>
      <c r="FM22" s="102">
        <v>83</v>
      </c>
      <c r="FN22" s="103">
        <v>140</v>
      </c>
      <c r="FO22" s="413">
        <v>0</v>
      </c>
      <c r="FP22" s="102">
        <v>183</v>
      </c>
      <c r="FQ22" s="102">
        <v>135</v>
      </c>
      <c r="FR22" s="102">
        <v>173</v>
      </c>
      <c r="FS22" s="102">
        <v>131</v>
      </c>
      <c r="FT22" s="102">
        <v>100</v>
      </c>
      <c r="FU22" s="103">
        <v>722</v>
      </c>
      <c r="FV22" s="104">
        <v>862</v>
      </c>
      <c r="FW22" s="101">
        <v>4</v>
      </c>
      <c r="FX22" s="102">
        <v>10</v>
      </c>
      <c r="FY22" s="103">
        <v>14</v>
      </c>
      <c r="FZ22" s="413">
        <v>0</v>
      </c>
      <c r="GA22" s="102">
        <v>6</v>
      </c>
      <c r="GB22" s="102">
        <v>12</v>
      </c>
      <c r="GC22" s="102">
        <v>5</v>
      </c>
      <c r="GD22" s="102">
        <v>6</v>
      </c>
      <c r="GE22" s="102">
        <v>2</v>
      </c>
      <c r="GF22" s="103">
        <v>31</v>
      </c>
      <c r="GG22" s="104">
        <v>45</v>
      </c>
      <c r="GH22" s="101">
        <v>421</v>
      </c>
      <c r="GI22" s="102">
        <v>441</v>
      </c>
      <c r="GJ22" s="103">
        <v>862</v>
      </c>
      <c r="GK22" s="413">
        <v>0</v>
      </c>
      <c r="GL22" s="102">
        <v>716</v>
      </c>
      <c r="GM22" s="102">
        <v>508</v>
      </c>
      <c r="GN22" s="102">
        <v>460</v>
      </c>
      <c r="GO22" s="102">
        <v>343</v>
      </c>
      <c r="GP22" s="102">
        <v>267</v>
      </c>
      <c r="GQ22" s="103">
        <v>2294</v>
      </c>
      <c r="GR22" s="104">
        <v>3156</v>
      </c>
      <c r="GS22" s="105">
        <v>662</v>
      </c>
      <c r="GT22" s="97">
        <v>625</v>
      </c>
      <c r="GU22" s="98">
        <v>1287</v>
      </c>
      <c r="GV22" s="413">
        <v>0</v>
      </c>
      <c r="GW22" s="97">
        <v>1132</v>
      </c>
      <c r="GX22" s="97">
        <v>821</v>
      </c>
      <c r="GY22" s="97">
        <v>694</v>
      </c>
      <c r="GZ22" s="97">
        <v>488</v>
      </c>
      <c r="HA22" s="97">
        <v>366</v>
      </c>
      <c r="HB22" s="99">
        <v>3501</v>
      </c>
      <c r="HC22" s="100">
        <v>4788</v>
      </c>
      <c r="HD22" s="107">
        <v>21</v>
      </c>
      <c r="HE22" s="102">
        <v>12</v>
      </c>
      <c r="HF22" s="103">
        <v>33</v>
      </c>
      <c r="HG22" s="416">
        <v>0</v>
      </c>
      <c r="HH22" s="102">
        <v>27</v>
      </c>
      <c r="HI22" s="102">
        <v>26</v>
      </c>
      <c r="HJ22" s="102">
        <v>22</v>
      </c>
      <c r="HK22" s="102">
        <v>9</v>
      </c>
      <c r="HL22" s="102">
        <v>8</v>
      </c>
      <c r="HM22" s="103">
        <v>92</v>
      </c>
      <c r="HN22" s="104">
        <v>125</v>
      </c>
      <c r="HO22" s="101">
        <v>46</v>
      </c>
      <c r="HP22" s="102">
        <v>50</v>
      </c>
      <c r="HQ22" s="103">
        <v>96</v>
      </c>
      <c r="HR22" s="413">
        <v>0</v>
      </c>
      <c r="HS22" s="102">
        <v>90</v>
      </c>
      <c r="HT22" s="102">
        <v>57</v>
      </c>
      <c r="HU22" s="102">
        <v>44</v>
      </c>
      <c r="HV22" s="102">
        <v>28</v>
      </c>
      <c r="HW22" s="102">
        <v>29</v>
      </c>
      <c r="HX22" s="103">
        <v>248</v>
      </c>
      <c r="HY22" s="104">
        <v>344</v>
      </c>
      <c r="HZ22" s="107">
        <v>105</v>
      </c>
      <c r="IA22" s="102">
        <v>105</v>
      </c>
      <c r="IB22" s="103">
        <v>210</v>
      </c>
      <c r="IC22" s="413">
        <v>0</v>
      </c>
      <c r="ID22" s="102">
        <v>160</v>
      </c>
      <c r="IE22" s="102">
        <v>103</v>
      </c>
      <c r="IF22" s="102">
        <v>79</v>
      </c>
      <c r="IG22" s="102">
        <v>66</v>
      </c>
      <c r="IH22" s="102">
        <v>35</v>
      </c>
      <c r="II22" s="103">
        <v>443</v>
      </c>
      <c r="IJ22" s="104">
        <v>653</v>
      </c>
      <c r="IK22" s="101">
        <v>198</v>
      </c>
      <c r="IL22" s="102">
        <v>169</v>
      </c>
      <c r="IM22" s="103">
        <v>367</v>
      </c>
      <c r="IN22" s="413">
        <v>0</v>
      </c>
      <c r="IO22" s="102">
        <v>297</v>
      </c>
      <c r="IP22" s="102">
        <v>213</v>
      </c>
      <c r="IQ22" s="102">
        <v>155</v>
      </c>
      <c r="IR22" s="102">
        <v>107</v>
      </c>
      <c r="IS22" s="102">
        <v>76</v>
      </c>
      <c r="IT22" s="103">
        <v>848</v>
      </c>
      <c r="IU22" s="104">
        <v>1215</v>
      </c>
      <c r="IV22" s="107">
        <v>192</v>
      </c>
      <c r="IW22" s="102">
        <v>160</v>
      </c>
      <c r="IX22" s="103">
        <v>352</v>
      </c>
      <c r="IY22" s="413">
        <v>0</v>
      </c>
      <c r="IZ22" s="102">
        <v>295</v>
      </c>
      <c r="JA22" s="102">
        <v>228</v>
      </c>
      <c r="JB22" s="102">
        <v>173</v>
      </c>
      <c r="JC22" s="102">
        <v>130</v>
      </c>
      <c r="JD22" s="102">
        <v>107</v>
      </c>
      <c r="JE22" s="103">
        <v>933</v>
      </c>
      <c r="JF22" s="104">
        <v>1285</v>
      </c>
      <c r="JG22" s="101">
        <v>100</v>
      </c>
      <c r="JH22" s="102">
        <v>129</v>
      </c>
      <c r="JI22" s="103">
        <v>229</v>
      </c>
      <c r="JJ22" s="413">
        <v>0</v>
      </c>
      <c r="JK22" s="102">
        <v>263</v>
      </c>
      <c r="JL22" s="102">
        <v>194</v>
      </c>
      <c r="JM22" s="102">
        <v>221</v>
      </c>
      <c r="JN22" s="102">
        <v>148</v>
      </c>
      <c r="JO22" s="102">
        <v>111</v>
      </c>
      <c r="JP22" s="103">
        <v>937</v>
      </c>
      <c r="JQ22" s="104">
        <v>1166</v>
      </c>
      <c r="JR22" s="101">
        <v>13</v>
      </c>
      <c r="JS22" s="102">
        <v>17</v>
      </c>
      <c r="JT22" s="103">
        <v>30</v>
      </c>
      <c r="JU22" s="413">
        <v>0</v>
      </c>
      <c r="JV22" s="102">
        <v>24</v>
      </c>
      <c r="JW22" s="102">
        <v>22</v>
      </c>
      <c r="JX22" s="102">
        <v>17</v>
      </c>
      <c r="JY22" s="102">
        <v>13</v>
      </c>
      <c r="JZ22" s="102">
        <v>9</v>
      </c>
      <c r="KA22" s="103">
        <v>85</v>
      </c>
      <c r="KB22" s="104">
        <v>115</v>
      </c>
      <c r="KC22" s="101">
        <v>675</v>
      </c>
      <c r="KD22" s="102">
        <v>642</v>
      </c>
      <c r="KE22" s="103">
        <v>1317</v>
      </c>
      <c r="KF22" s="413">
        <v>0</v>
      </c>
      <c r="KG22" s="102">
        <v>1156</v>
      </c>
      <c r="KH22" s="102">
        <v>843</v>
      </c>
      <c r="KI22" s="102">
        <v>711</v>
      </c>
      <c r="KJ22" s="102">
        <v>501</v>
      </c>
      <c r="KK22" s="102">
        <v>375</v>
      </c>
      <c r="KL22" s="103">
        <v>3586</v>
      </c>
      <c r="KM22" s="104">
        <v>4903</v>
      </c>
    </row>
    <row r="23" spans="2:299" s="70" customFormat="1" ht="21" customHeight="1" x14ac:dyDescent="0.2">
      <c r="B23" s="106" t="s">
        <v>20</v>
      </c>
      <c r="C23" s="96">
        <v>288</v>
      </c>
      <c r="D23" s="97">
        <v>303</v>
      </c>
      <c r="E23" s="98">
        <v>591</v>
      </c>
      <c r="F23" s="413">
        <v>0</v>
      </c>
      <c r="G23" s="97">
        <v>673</v>
      </c>
      <c r="H23" s="97">
        <v>389</v>
      </c>
      <c r="I23" s="97">
        <v>306</v>
      </c>
      <c r="J23" s="97">
        <v>216</v>
      </c>
      <c r="K23" s="97">
        <v>119</v>
      </c>
      <c r="L23" s="99">
        <v>1703</v>
      </c>
      <c r="M23" s="100">
        <v>2294</v>
      </c>
      <c r="N23" s="101">
        <v>6</v>
      </c>
      <c r="O23" s="102">
        <v>7</v>
      </c>
      <c r="P23" s="103">
        <v>13</v>
      </c>
      <c r="Q23" s="413">
        <v>0</v>
      </c>
      <c r="R23" s="102">
        <v>22</v>
      </c>
      <c r="S23" s="102">
        <v>17</v>
      </c>
      <c r="T23" s="102">
        <v>19</v>
      </c>
      <c r="U23" s="102">
        <v>7</v>
      </c>
      <c r="V23" s="102">
        <v>11</v>
      </c>
      <c r="W23" s="103">
        <v>76</v>
      </c>
      <c r="X23" s="104">
        <v>89</v>
      </c>
      <c r="Y23" s="101">
        <v>29</v>
      </c>
      <c r="Z23" s="102">
        <v>19</v>
      </c>
      <c r="AA23" s="103">
        <v>48</v>
      </c>
      <c r="AB23" s="413">
        <v>0</v>
      </c>
      <c r="AC23" s="102">
        <v>58</v>
      </c>
      <c r="AD23" s="102">
        <v>32</v>
      </c>
      <c r="AE23" s="102">
        <v>30</v>
      </c>
      <c r="AF23" s="102">
        <v>28</v>
      </c>
      <c r="AG23" s="102">
        <v>14</v>
      </c>
      <c r="AH23" s="103">
        <v>162</v>
      </c>
      <c r="AI23" s="104">
        <v>210</v>
      </c>
      <c r="AJ23" s="101">
        <v>44</v>
      </c>
      <c r="AK23" s="102">
        <v>46</v>
      </c>
      <c r="AL23" s="103">
        <v>90</v>
      </c>
      <c r="AM23" s="413">
        <v>0</v>
      </c>
      <c r="AN23" s="102">
        <v>117</v>
      </c>
      <c r="AO23" s="102">
        <v>60</v>
      </c>
      <c r="AP23" s="102">
        <v>52</v>
      </c>
      <c r="AQ23" s="102">
        <v>40</v>
      </c>
      <c r="AR23" s="102">
        <v>22</v>
      </c>
      <c r="AS23" s="103">
        <v>291</v>
      </c>
      <c r="AT23" s="104">
        <v>381</v>
      </c>
      <c r="AU23" s="101">
        <v>95</v>
      </c>
      <c r="AV23" s="102">
        <v>98</v>
      </c>
      <c r="AW23" s="103">
        <v>193</v>
      </c>
      <c r="AX23" s="413">
        <v>0</v>
      </c>
      <c r="AY23" s="102">
        <v>199</v>
      </c>
      <c r="AZ23" s="102">
        <v>99</v>
      </c>
      <c r="BA23" s="102">
        <v>80</v>
      </c>
      <c r="BB23" s="102">
        <v>64</v>
      </c>
      <c r="BC23" s="102">
        <v>31</v>
      </c>
      <c r="BD23" s="103">
        <v>473</v>
      </c>
      <c r="BE23" s="104">
        <v>666</v>
      </c>
      <c r="BF23" s="101">
        <v>71</v>
      </c>
      <c r="BG23" s="102">
        <v>88</v>
      </c>
      <c r="BH23" s="103">
        <v>159</v>
      </c>
      <c r="BI23" s="413">
        <v>0</v>
      </c>
      <c r="BJ23" s="102">
        <v>183</v>
      </c>
      <c r="BK23" s="102">
        <v>107</v>
      </c>
      <c r="BL23" s="102">
        <v>85</v>
      </c>
      <c r="BM23" s="102">
        <v>49</v>
      </c>
      <c r="BN23" s="102">
        <v>24</v>
      </c>
      <c r="BO23" s="103">
        <v>448</v>
      </c>
      <c r="BP23" s="104">
        <v>607</v>
      </c>
      <c r="BQ23" s="101">
        <v>43</v>
      </c>
      <c r="BR23" s="102">
        <v>45</v>
      </c>
      <c r="BS23" s="103">
        <v>88</v>
      </c>
      <c r="BT23" s="413">
        <v>0</v>
      </c>
      <c r="BU23" s="102">
        <v>94</v>
      </c>
      <c r="BV23" s="102">
        <v>74</v>
      </c>
      <c r="BW23" s="102">
        <v>40</v>
      </c>
      <c r="BX23" s="102">
        <v>28</v>
      </c>
      <c r="BY23" s="102">
        <v>17</v>
      </c>
      <c r="BZ23" s="103">
        <v>253</v>
      </c>
      <c r="CA23" s="104">
        <v>341</v>
      </c>
      <c r="CB23" s="101">
        <v>7</v>
      </c>
      <c r="CC23" s="102">
        <v>8</v>
      </c>
      <c r="CD23" s="103">
        <v>15</v>
      </c>
      <c r="CE23" s="413">
        <v>0</v>
      </c>
      <c r="CF23" s="102">
        <v>19</v>
      </c>
      <c r="CG23" s="102">
        <v>18</v>
      </c>
      <c r="CH23" s="102">
        <v>13</v>
      </c>
      <c r="CI23" s="102">
        <v>10</v>
      </c>
      <c r="CJ23" s="102">
        <v>8</v>
      </c>
      <c r="CK23" s="103">
        <v>68</v>
      </c>
      <c r="CL23" s="104">
        <v>83</v>
      </c>
      <c r="CM23" s="101">
        <v>295</v>
      </c>
      <c r="CN23" s="102">
        <v>311</v>
      </c>
      <c r="CO23" s="103">
        <v>606</v>
      </c>
      <c r="CP23" s="413">
        <v>0</v>
      </c>
      <c r="CQ23" s="102">
        <v>692</v>
      </c>
      <c r="CR23" s="102">
        <v>407</v>
      </c>
      <c r="CS23" s="102">
        <v>319</v>
      </c>
      <c r="CT23" s="102">
        <v>226</v>
      </c>
      <c r="CU23" s="102">
        <v>127</v>
      </c>
      <c r="CV23" s="103">
        <v>1771</v>
      </c>
      <c r="CW23" s="104">
        <v>2377</v>
      </c>
      <c r="CX23" s="105">
        <v>542</v>
      </c>
      <c r="CY23" s="97">
        <v>654</v>
      </c>
      <c r="CZ23" s="98">
        <v>1196</v>
      </c>
      <c r="DA23" s="413">
        <v>0</v>
      </c>
      <c r="DB23" s="97">
        <v>986</v>
      </c>
      <c r="DC23" s="97">
        <v>584</v>
      </c>
      <c r="DD23" s="97">
        <v>504</v>
      </c>
      <c r="DE23" s="97">
        <v>486</v>
      </c>
      <c r="DF23" s="97">
        <v>284</v>
      </c>
      <c r="DG23" s="99">
        <v>2844</v>
      </c>
      <c r="DH23" s="100">
        <v>4040</v>
      </c>
      <c r="DI23" s="101">
        <v>12</v>
      </c>
      <c r="DJ23" s="102">
        <v>9</v>
      </c>
      <c r="DK23" s="103">
        <v>21</v>
      </c>
      <c r="DL23" s="413">
        <v>0</v>
      </c>
      <c r="DM23" s="102">
        <v>26</v>
      </c>
      <c r="DN23" s="102">
        <v>19</v>
      </c>
      <c r="DO23" s="102">
        <v>4</v>
      </c>
      <c r="DP23" s="102">
        <v>11</v>
      </c>
      <c r="DQ23" s="102">
        <v>5</v>
      </c>
      <c r="DR23" s="103">
        <v>65</v>
      </c>
      <c r="DS23" s="104">
        <v>86</v>
      </c>
      <c r="DT23" s="101">
        <v>33</v>
      </c>
      <c r="DU23" s="102">
        <v>39</v>
      </c>
      <c r="DV23" s="103">
        <v>72</v>
      </c>
      <c r="DW23" s="413">
        <v>0</v>
      </c>
      <c r="DX23" s="102">
        <v>43</v>
      </c>
      <c r="DY23" s="102">
        <v>31</v>
      </c>
      <c r="DZ23" s="102">
        <v>19</v>
      </c>
      <c r="EA23" s="102">
        <v>29</v>
      </c>
      <c r="EB23" s="102">
        <v>20</v>
      </c>
      <c r="EC23" s="103">
        <v>142</v>
      </c>
      <c r="ED23" s="104">
        <v>214</v>
      </c>
      <c r="EE23" s="101">
        <v>84</v>
      </c>
      <c r="EF23" s="102">
        <v>104</v>
      </c>
      <c r="EG23" s="103">
        <v>188</v>
      </c>
      <c r="EH23" s="413">
        <v>0</v>
      </c>
      <c r="EI23" s="102">
        <v>152</v>
      </c>
      <c r="EJ23" s="102">
        <v>69</v>
      </c>
      <c r="EK23" s="102">
        <v>67</v>
      </c>
      <c r="EL23" s="102">
        <v>49</v>
      </c>
      <c r="EM23" s="102">
        <v>29</v>
      </c>
      <c r="EN23" s="103">
        <v>366</v>
      </c>
      <c r="EO23" s="104">
        <v>554</v>
      </c>
      <c r="EP23" s="101">
        <v>197</v>
      </c>
      <c r="EQ23" s="102">
        <v>201</v>
      </c>
      <c r="ER23" s="103">
        <v>398</v>
      </c>
      <c r="ES23" s="413">
        <v>0</v>
      </c>
      <c r="ET23" s="102">
        <v>254</v>
      </c>
      <c r="EU23" s="102">
        <v>137</v>
      </c>
      <c r="EV23" s="102">
        <v>102</v>
      </c>
      <c r="EW23" s="102">
        <v>93</v>
      </c>
      <c r="EX23" s="102">
        <v>57</v>
      </c>
      <c r="EY23" s="103">
        <v>643</v>
      </c>
      <c r="EZ23" s="104">
        <v>1041</v>
      </c>
      <c r="FA23" s="101">
        <v>148</v>
      </c>
      <c r="FB23" s="102">
        <v>174</v>
      </c>
      <c r="FC23" s="103">
        <v>322</v>
      </c>
      <c r="FD23" s="413">
        <v>0</v>
      </c>
      <c r="FE23" s="102">
        <v>287</v>
      </c>
      <c r="FF23" s="102">
        <v>165</v>
      </c>
      <c r="FG23" s="102">
        <v>137</v>
      </c>
      <c r="FH23" s="102">
        <v>115</v>
      </c>
      <c r="FI23" s="102">
        <v>77</v>
      </c>
      <c r="FJ23" s="103">
        <v>781</v>
      </c>
      <c r="FK23" s="104">
        <v>1103</v>
      </c>
      <c r="FL23" s="101">
        <v>68</v>
      </c>
      <c r="FM23" s="102">
        <v>127</v>
      </c>
      <c r="FN23" s="103">
        <v>195</v>
      </c>
      <c r="FO23" s="413">
        <v>0</v>
      </c>
      <c r="FP23" s="102">
        <v>224</v>
      </c>
      <c r="FQ23" s="102">
        <v>163</v>
      </c>
      <c r="FR23" s="102">
        <v>175</v>
      </c>
      <c r="FS23" s="102">
        <v>189</v>
      </c>
      <c r="FT23" s="102">
        <v>96</v>
      </c>
      <c r="FU23" s="103">
        <v>847</v>
      </c>
      <c r="FV23" s="104">
        <v>1042</v>
      </c>
      <c r="FW23" s="101">
        <v>4</v>
      </c>
      <c r="FX23" s="102">
        <v>13</v>
      </c>
      <c r="FY23" s="103">
        <v>17</v>
      </c>
      <c r="FZ23" s="413">
        <v>0</v>
      </c>
      <c r="GA23" s="102">
        <v>21</v>
      </c>
      <c r="GB23" s="102">
        <v>9</v>
      </c>
      <c r="GC23" s="102">
        <v>6</v>
      </c>
      <c r="GD23" s="102">
        <v>8</v>
      </c>
      <c r="GE23" s="102">
        <v>7</v>
      </c>
      <c r="GF23" s="103">
        <v>51</v>
      </c>
      <c r="GG23" s="104">
        <v>68</v>
      </c>
      <c r="GH23" s="101">
        <v>546</v>
      </c>
      <c r="GI23" s="102">
        <v>667</v>
      </c>
      <c r="GJ23" s="103">
        <v>1213</v>
      </c>
      <c r="GK23" s="413">
        <v>0</v>
      </c>
      <c r="GL23" s="102">
        <v>1007</v>
      </c>
      <c r="GM23" s="102">
        <v>593</v>
      </c>
      <c r="GN23" s="102">
        <v>510</v>
      </c>
      <c r="GO23" s="102">
        <v>494</v>
      </c>
      <c r="GP23" s="102">
        <v>291</v>
      </c>
      <c r="GQ23" s="103">
        <v>2895</v>
      </c>
      <c r="GR23" s="104">
        <v>4108</v>
      </c>
      <c r="GS23" s="105">
        <v>830</v>
      </c>
      <c r="GT23" s="97">
        <v>957</v>
      </c>
      <c r="GU23" s="98">
        <v>1787</v>
      </c>
      <c r="GV23" s="413">
        <v>0</v>
      </c>
      <c r="GW23" s="97">
        <v>1659</v>
      </c>
      <c r="GX23" s="97">
        <v>973</v>
      </c>
      <c r="GY23" s="97">
        <v>810</v>
      </c>
      <c r="GZ23" s="97">
        <v>702</v>
      </c>
      <c r="HA23" s="97">
        <v>403</v>
      </c>
      <c r="HB23" s="99">
        <v>4547</v>
      </c>
      <c r="HC23" s="100">
        <v>6334</v>
      </c>
      <c r="HD23" s="101">
        <v>18</v>
      </c>
      <c r="HE23" s="102">
        <v>16</v>
      </c>
      <c r="HF23" s="103">
        <v>34</v>
      </c>
      <c r="HG23" s="416">
        <v>0</v>
      </c>
      <c r="HH23" s="102">
        <v>48</v>
      </c>
      <c r="HI23" s="102">
        <v>36</v>
      </c>
      <c r="HJ23" s="102">
        <v>23</v>
      </c>
      <c r="HK23" s="102">
        <v>18</v>
      </c>
      <c r="HL23" s="102">
        <v>16</v>
      </c>
      <c r="HM23" s="103">
        <v>141</v>
      </c>
      <c r="HN23" s="104">
        <v>175</v>
      </c>
      <c r="HO23" s="101">
        <v>62</v>
      </c>
      <c r="HP23" s="102">
        <v>58</v>
      </c>
      <c r="HQ23" s="103">
        <v>120</v>
      </c>
      <c r="HR23" s="413">
        <v>0</v>
      </c>
      <c r="HS23" s="102">
        <v>101</v>
      </c>
      <c r="HT23" s="102">
        <v>63</v>
      </c>
      <c r="HU23" s="102">
        <v>49</v>
      </c>
      <c r="HV23" s="102">
        <v>57</v>
      </c>
      <c r="HW23" s="102">
        <v>34</v>
      </c>
      <c r="HX23" s="103">
        <v>304</v>
      </c>
      <c r="HY23" s="104">
        <v>424</v>
      </c>
      <c r="HZ23" s="101">
        <v>128</v>
      </c>
      <c r="IA23" s="102">
        <v>150</v>
      </c>
      <c r="IB23" s="103">
        <v>278</v>
      </c>
      <c r="IC23" s="413">
        <v>0</v>
      </c>
      <c r="ID23" s="102">
        <v>269</v>
      </c>
      <c r="IE23" s="102">
        <v>129</v>
      </c>
      <c r="IF23" s="102">
        <v>119</v>
      </c>
      <c r="IG23" s="102">
        <v>89</v>
      </c>
      <c r="IH23" s="102">
        <v>51</v>
      </c>
      <c r="II23" s="103">
        <v>657</v>
      </c>
      <c r="IJ23" s="104">
        <v>935</v>
      </c>
      <c r="IK23" s="101">
        <v>292</v>
      </c>
      <c r="IL23" s="102">
        <v>299</v>
      </c>
      <c r="IM23" s="103">
        <v>591</v>
      </c>
      <c r="IN23" s="413">
        <v>0</v>
      </c>
      <c r="IO23" s="102">
        <v>453</v>
      </c>
      <c r="IP23" s="102">
        <v>236</v>
      </c>
      <c r="IQ23" s="102">
        <v>182</v>
      </c>
      <c r="IR23" s="102">
        <v>157</v>
      </c>
      <c r="IS23" s="102">
        <v>88</v>
      </c>
      <c r="IT23" s="103">
        <v>1116</v>
      </c>
      <c r="IU23" s="104">
        <v>1707</v>
      </c>
      <c r="IV23" s="101">
        <v>219</v>
      </c>
      <c r="IW23" s="102">
        <v>262</v>
      </c>
      <c r="IX23" s="103">
        <v>481</v>
      </c>
      <c r="IY23" s="413">
        <v>0</v>
      </c>
      <c r="IZ23" s="102">
        <v>470</v>
      </c>
      <c r="JA23" s="102">
        <v>272</v>
      </c>
      <c r="JB23" s="102">
        <v>222</v>
      </c>
      <c r="JC23" s="102">
        <v>164</v>
      </c>
      <c r="JD23" s="102">
        <v>101</v>
      </c>
      <c r="JE23" s="103">
        <v>1229</v>
      </c>
      <c r="JF23" s="104">
        <v>1710</v>
      </c>
      <c r="JG23" s="101">
        <v>111</v>
      </c>
      <c r="JH23" s="102">
        <v>172</v>
      </c>
      <c r="JI23" s="103">
        <v>283</v>
      </c>
      <c r="JJ23" s="413">
        <v>0</v>
      </c>
      <c r="JK23" s="102">
        <v>318</v>
      </c>
      <c r="JL23" s="102">
        <v>237</v>
      </c>
      <c r="JM23" s="102">
        <v>215</v>
      </c>
      <c r="JN23" s="102">
        <v>217</v>
      </c>
      <c r="JO23" s="102">
        <v>113</v>
      </c>
      <c r="JP23" s="103">
        <v>1100</v>
      </c>
      <c r="JQ23" s="104">
        <v>1383</v>
      </c>
      <c r="JR23" s="101">
        <v>11</v>
      </c>
      <c r="JS23" s="102">
        <v>21</v>
      </c>
      <c r="JT23" s="103">
        <v>32</v>
      </c>
      <c r="JU23" s="413">
        <v>0</v>
      </c>
      <c r="JV23" s="102">
        <v>40</v>
      </c>
      <c r="JW23" s="102">
        <v>27</v>
      </c>
      <c r="JX23" s="102">
        <v>19</v>
      </c>
      <c r="JY23" s="102">
        <v>18</v>
      </c>
      <c r="JZ23" s="102">
        <v>15</v>
      </c>
      <c r="KA23" s="103">
        <v>119</v>
      </c>
      <c r="KB23" s="104">
        <v>151</v>
      </c>
      <c r="KC23" s="101">
        <v>841</v>
      </c>
      <c r="KD23" s="102">
        <v>978</v>
      </c>
      <c r="KE23" s="103">
        <v>1819</v>
      </c>
      <c r="KF23" s="413">
        <v>0</v>
      </c>
      <c r="KG23" s="102">
        <v>1699</v>
      </c>
      <c r="KH23" s="102">
        <v>1000</v>
      </c>
      <c r="KI23" s="102">
        <v>829</v>
      </c>
      <c r="KJ23" s="102">
        <v>720</v>
      </c>
      <c r="KK23" s="102">
        <v>418</v>
      </c>
      <c r="KL23" s="103">
        <v>4666</v>
      </c>
      <c r="KM23" s="104">
        <v>6485</v>
      </c>
    </row>
    <row r="24" spans="2:299" s="70" customFormat="1" ht="21" customHeight="1" x14ac:dyDescent="0.2">
      <c r="B24" s="106" t="s">
        <v>21</v>
      </c>
      <c r="C24" s="96">
        <v>314</v>
      </c>
      <c r="D24" s="97">
        <v>243</v>
      </c>
      <c r="E24" s="98">
        <v>557</v>
      </c>
      <c r="F24" s="413">
        <v>0</v>
      </c>
      <c r="G24" s="97">
        <v>483</v>
      </c>
      <c r="H24" s="97">
        <v>452</v>
      </c>
      <c r="I24" s="97">
        <v>268</v>
      </c>
      <c r="J24" s="97">
        <v>244</v>
      </c>
      <c r="K24" s="97">
        <v>128</v>
      </c>
      <c r="L24" s="99">
        <v>1575</v>
      </c>
      <c r="M24" s="100">
        <v>2132</v>
      </c>
      <c r="N24" s="101">
        <v>17</v>
      </c>
      <c r="O24" s="102">
        <v>12</v>
      </c>
      <c r="P24" s="103">
        <v>29</v>
      </c>
      <c r="Q24" s="413">
        <v>0</v>
      </c>
      <c r="R24" s="102">
        <v>22</v>
      </c>
      <c r="S24" s="102">
        <v>21</v>
      </c>
      <c r="T24" s="102">
        <v>19</v>
      </c>
      <c r="U24" s="102">
        <v>8</v>
      </c>
      <c r="V24" s="102">
        <v>15</v>
      </c>
      <c r="W24" s="103">
        <v>85</v>
      </c>
      <c r="X24" s="104">
        <v>114</v>
      </c>
      <c r="Y24" s="101">
        <v>24</v>
      </c>
      <c r="Z24" s="102">
        <v>22</v>
      </c>
      <c r="AA24" s="103">
        <v>46</v>
      </c>
      <c r="AB24" s="413">
        <v>0</v>
      </c>
      <c r="AC24" s="102">
        <v>34</v>
      </c>
      <c r="AD24" s="102">
        <v>49</v>
      </c>
      <c r="AE24" s="102">
        <v>24</v>
      </c>
      <c r="AF24" s="102">
        <v>32</v>
      </c>
      <c r="AG24" s="102">
        <v>20</v>
      </c>
      <c r="AH24" s="103">
        <v>159</v>
      </c>
      <c r="AI24" s="104">
        <v>205</v>
      </c>
      <c r="AJ24" s="101">
        <v>56</v>
      </c>
      <c r="AK24" s="102">
        <v>50</v>
      </c>
      <c r="AL24" s="103">
        <v>106</v>
      </c>
      <c r="AM24" s="413">
        <v>0</v>
      </c>
      <c r="AN24" s="102">
        <v>88</v>
      </c>
      <c r="AO24" s="102">
        <v>80</v>
      </c>
      <c r="AP24" s="102">
        <v>44</v>
      </c>
      <c r="AQ24" s="102">
        <v>44</v>
      </c>
      <c r="AR24" s="102">
        <v>18</v>
      </c>
      <c r="AS24" s="103">
        <v>274</v>
      </c>
      <c r="AT24" s="104">
        <v>380</v>
      </c>
      <c r="AU24" s="101">
        <v>82</v>
      </c>
      <c r="AV24" s="102">
        <v>67</v>
      </c>
      <c r="AW24" s="103">
        <v>149</v>
      </c>
      <c r="AX24" s="413">
        <v>0</v>
      </c>
      <c r="AY24" s="102">
        <v>136</v>
      </c>
      <c r="AZ24" s="102">
        <v>137</v>
      </c>
      <c r="BA24" s="102">
        <v>74</v>
      </c>
      <c r="BB24" s="102">
        <v>76</v>
      </c>
      <c r="BC24" s="102">
        <v>26</v>
      </c>
      <c r="BD24" s="103">
        <v>449</v>
      </c>
      <c r="BE24" s="104">
        <v>598</v>
      </c>
      <c r="BF24" s="101">
        <v>92</v>
      </c>
      <c r="BG24" s="102">
        <v>58</v>
      </c>
      <c r="BH24" s="103">
        <v>150</v>
      </c>
      <c r="BI24" s="413">
        <v>0</v>
      </c>
      <c r="BJ24" s="102">
        <v>131</v>
      </c>
      <c r="BK24" s="102">
        <v>110</v>
      </c>
      <c r="BL24" s="102">
        <v>63</v>
      </c>
      <c r="BM24" s="102">
        <v>50</v>
      </c>
      <c r="BN24" s="102">
        <v>27</v>
      </c>
      <c r="BO24" s="103">
        <v>381</v>
      </c>
      <c r="BP24" s="104">
        <v>531</v>
      </c>
      <c r="BQ24" s="101">
        <v>43</v>
      </c>
      <c r="BR24" s="102">
        <v>34</v>
      </c>
      <c r="BS24" s="103">
        <v>77</v>
      </c>
      <c r="BT24" s="413">
        <v>0</v>
      </c>
      <c r="BU24" s="102">
        <v>72</v>
      </c>
      <c r="BV24" s="102">
        <v>55</v>
      </c>
      <c r="BW24" s="102">
        <v>44</v>
      </c>
      <c r="BX24" s="102">
        <v>34</v>
      </c>
      <c r="BY24" s="102">
        <v>22</v>
      </c>
      <c r="BZ24" s="103">
        <v>227</v>
      </c>
      <c r="CA24" s="104">
        <v>304</v>
      </c>
      <c r="CB24" s="101">
        <v>12</v>
      </c>
      <c r="CC24" s="102">
        <v>9</v>
      </c>
      <c r="CD24" s="103">
        <v>21</v>
      </c>
      <c r="CE24" s="413">
        <v>0</v>
      </c>
      <c r="CF24" s="102">
        <v>6</v>
      </c>
      <c r="CG24" s="102">
        <v>19</v>
      </c>
      <c r="CH24" s="102">
        <v>12</v>
      </c>
      <c r="CI24" s="102">
        <v>10</v>
      </c>
      <c r="CJ24" s="102">
        <v>11</v>
      </c>
      <c r="CK24" s="103">
        <v>58</v>
      </c>
      <c r="CL24" s="104">
        <v>79</v>
      </c>
      <c r="CM24" s="101">
        <v>326</v>
      </c>
      <c r="CN24" s="102">
        <v>252</v>
      </c>
      <c r="CO24" s="103">
        <v>578</v>
      </c>
      <c r="CP24" s="413">
        <v>0</v>
      </c>
      <c r="CQ24" s="102">
        <v>489</v>
      </c>
      <c r="CR24" s="102">
        <v>471</v>
      </c>
      <c r="CS24" s="102">
        <v>280</v>
      </c>
      <c r="CT24" s="102">
        <v>254</v>
      </c>
      <c r="CU24" s="102">
        <v>139</v>
      </c>
      <c r="CV24" s="103">
        <v>1633</v>
      </c>
      <c r="CW24" s="104">
        <v>2211</v>
      </c>
      <c r="CX24" s="105">
        <v>611</v>
      </c>
      <c r="CY24" s="97">
        <v>610</v>
      </c>
      <c r="CZ24" s="98">
        <v>1221</v>
      </c>
      <c r="DA24" s="413">
        <v>0</v>
      </c>
      <c r="DB24" s="97">
        <v>847</v>
      </c>
      <c r="DC24" s="97">
        <v>727</v>
      </c>
      <c r="DD24" s="97">
        <v>625</v>
      </c>
      <c r="DE24" s="97">
        <v>450</v>
      </c>
      <c r="DF24" s="97">
        <v>330</v>
      </c>
      <c r="DG24" s="99">
        <v>2979</v>
      </c>
      <c r="DH24" s="100">
        <v>4200</v>
      </c>
      <c r="DI24" s="101">
        <v>12</v>
      </c>
      <c r="DJ24" s="102">
        <v>21</v>
      </c>
      <c r="DK24" s="103">
        <v>33</v>
      </c>
      <c r="DL24" s="413">
        <v>0</v>
      </c>
      <c r="DM24" s="102">
        <v>19</v>
      </c>
      <c r="DN24" s="102">
        <v>25</v>
      </c>
      <c r="DO24" s="102">
        <v>14</v>
      </c>
      <c r="DP24" s="102">
        <v>5</v>
      </c>
      <c r="DQ24" s="102">
        <v>17</v>
      </c>
      <c r="DR24" s="103">
        <v>80</v>
      </c>
      <c r="DS24" s="104">
        <v>113</v>
      </c>
      <c r="DT24" s="101">
        <v>29</v>
      </c>
      <c r="DU24" s="102">
        <v>30</v>
      </c>
      <c r="DV24" s="103">
        <v>59</v>
      </c>
      <c r="DW24" s="413">
        <v>0</v>
      </c>
      <c r="DX24" s="102">
        <v>38</v>
      </c>
      <c r="DY24" s="102">
        <v>31</v>
      </c>
      <c r="DZ24" s="102">
        <v>32</v>
      </c>
      <c r="EA24" s="102">
        <v>19</v>
      </c>
      <c r="EB24" s="102">
        <v>21</v>
      </c>
      <c r="EC24" s="103">
        <v>141</v>
      </c>
      <c r="ED24" s="104">
        <v>200</v>
      </c>
      <c r="EE24" s="101">
        <v>91</v>
      </c>
      <c r="EF24" s="102">
        <v>107</v>
      </c>
      <c r="EG24" s="103">
        <v>198</v>
      </c>
      <c r="EH24" s="413">
        <v>0</v>
      </c>
      <c r="EI24" s="102">
        <v>111</v>
      </c>
      <c r="EJ24" s="102">
        <v>78</v>
      </c>
      <c r="EK24" s="102">
        <v>57</v>
      </c>
      <c r="EL24" s="102">
        <v>43</v>
      </c>
      <c r="EM24" s="102">
        <v>36</v>
      </c>
      <c r="EN24" s="103">
        <v>325</v>
      </c>
      <c r="EO24" s="104">
        <v>523</v>
      </c>
      <c r="EP24" s="101">
        <v>206</v>
      </c>
      <c r="EQ24" s="102">
        <v>179</v>
      </c>
      <c r="ER24" s="103">
        <v>385</v>
      </c>
      <c r="ES24" s="413">
        <v>0</v>
      </c>
      <c r="ET24" s="102">
        <v>254</v>
      </c>
      <c r="EU24" s="102">
        <v>157</v>
      </c>
      <c r="EV24" s="102">
        <v>133</v>
      </c>
      <c r="EW24" s="102">
        <v>85</v>
      </c>
      <c r="EX24" s="102">
        <v>76</v>
      </c>
      <c r="EY24" s="103">
        <v>705</v>
      </c>
      <c r="EZ24" s="104">
        <v>1090</v>
      </c>
      <c r="FA24" s="101">
        <v>168</v>
      </c>
      <c r="FB24" s="102">
        <v>191</v>
      </c>
      <c r="FC24" s="103">
        <v>359</v>
      </c>
      <c r="FD24" s="413">
        <v>0</v>
      </c>
      <c r="FE24" s="102">
        <v>213</v>
      </c>
      <c r="FF24" s="102">
        <v>220</v>
      </c>
      <c r="FG24" s="102">
        <v>174</v>
      </c>
      <c r="FH24" s="102">
        <v>128</v>
      </c>
      <c r="FI24" s="102">
        <v>81</v>
      </c>
      <c r="FJ24" s="103">
        <v>816</v>
      </c>
      <c r="FK24" s="104">
        <v>1175</v>
      </c>
      <c r="FL24" s="101">
        <v>105</v>
      </c>
      <c r="FM24" s="102">
        <v>82</v>
      </c>
      <c r="FN24" s="103">
        <v>187</v>
      </c>
      <c r="FO24" s="413">
        <v>0</v>
      </c>
      <c r="FP24" s="102">
        <v>212</v>
      </c>
      <c r="FQ24" s="102">
        <v>216</v>
      </c>
      <c r="FR24" s="102">
        <v>215</v>
      </c>
      <c r="FS24" s="102">
        <v>170</v>
      </c>
      <c r="FT24" s="102">
        <v>99</v>
      </c>
      <c r="FU24" s="103">
        <v>912</v>
      </c>
      <c r="FV24" s="104">
        <v>1099</v>
      </c>
      <c r="FW24" s="101">
        <v>5</v>
      </c>
      <c r="FX24" s="102">
        <v>10</v>
      </c>
      <c r="FY24" s="103">
        <v>15</v>
      </c>
      <c r="FZ24" s="413">
        <v>0</v>
      </c>
      <c r="GA24" s="102">
        <v>6</v>
      </c>
      <c r="GB24" s="102">
        <v>19</v>
      </c>
      <c r="GC24" s="102">
        <v>16</v>
      </c>
      <c r="GD24" s="102">
        <v>11</v>
      </c>
      <c r="GE24" s="102">
        <v>14</v>
      </c>
      <c r="GF24" s="103">
        <v>66</v>
      </c>
      <c r="GG24" s="104">
        <v>81</v>
      </c>
      <c r="GH24" s="101">
        <v>616</v>
      </c>
      <c r="GI24" s="102">
        <v>620</v>
      </c>
      <c r="GJ24" s="103">
        <v>1236</v>
      </c>
      <c r="GK24" s="413">
        <v>0</v>
      </c>
      <c r="GL24" s="102">
        <v>853</v>
      </c>
      <c r="GM24" s="102">
        <v>746</v>
      </c>
      <c r="GN24" s="102">
        <v>641</v>
      </c>
      <c r="GO24" s="102">
        <v>461</v>
      </c>
      <c r="GP24" s="102">
        <v>344</v>
      </c>
      <c r="GQ24" s="103">
        <v>3045</v>
      </c>
      <c r="GR24" s="104">
        <v>4281</v>
      </c>
      <c r="GS24" s="105">
        <v>925</v>
      </c>
      <c r="GT24" s="97">
        <v>853</v>
      </c>
      <c r="GU24" s="98">
        <v>1778</v>
      </c>
      <c r="GV24" s="413">
        <v>0</v>
      </c>
      <c r="GW24" s="97">
        <v>1330</v>
      </c>
      <c r="GX24" s="97">
        <v>1179</v>
      </c>
      <c r="GY24" s="97">
        <v>893</v>
      </c>
      <c r="GZ24" s="97">
        <v>694</v>
      </c>
      <c r="HA24" s="97">
        <v>458</v>
      </c>
      <c r="HB24" s="99">
        <v>4554</v>
      </c>
      <c r="HC24" s="100">
        <v>6332</v>
      </c>
      <c r="HD24" s="101">
        <v>29</v>
      </c>
      <c r="HE24" s="102">
        <v>33</v>
      </c>
      <c r="HF24" s="103">
        <v>62</v>
      </c>
      <c r="HG24" s="416">
        <v>0</v>
      </c>
      <c r="HH24" s="102">
        <v>41</v>
      </c>
      <c r="HI24" s="102">
        <v>46</v>
      </c>
      <c r="HJ24" s="102">
        <v>33</v>
      </c>
      <c r="HK24" s="102">
        <v>13</v>
      </c>
      <c r="HL24" s="102">
        <v>32</v>
      </c>
      <c r="HM24" s="103">
        <v>165</v>
      </c>
      <c r="HN24" s="104">
        <v>227</v>
      </c>
      <c r="HO24" s="101">
        <v>53</v>
      </c>
      <c r="HP24" s="102">
        <v>52</v>
      </c>
      <c r="HQ24" s="103">
        <v>105</v>
      </c>
      <c r="HR24" s="413">
        <v>0</v>
      </c>
      <c r="HS24" s="102">
        <v>72</v>
      </c>
      <c r="HT24" s="102">
        <v>80</v>
      </c>
      <c r="HU24" s="102">
        <v>56</v>
      </c>
      <c r="HV24" s="102">
        <v>51</v>
      </c>
      <c r="HW24" s="102">
        <v>41</v>
      </c>
      <c r="HX24" s="103">
        <v>300</v>
      </c>
      <c r="HY24" s="104">
        <v>405</v>
      </c>
      <c r="HZ24" s="101">
        <v>147</v>
      </c>
      <c r="IA24" s="102">
        <v>157</v>
      </c>
      <c r="IB24" s="103">
        <v>304</v>
      </c>
      <c r="IC24" s="413">
        <v>0</v>
      </c>
      <c r="ID24" s="102">
        <v>199</v>
      </c>
      <c r="IE24" s="102">
        <v>158</v>
      </c>
      <c r="IF24" s="102">
        <v>101</v>
      </c>
      <c r="IG24" s="102">
        <v>87</v>
      </c>
      <c r="IH24" s="102">
        <v>54</v>
      </c>
      <c r="II24" s="103">
        <v>599</v>
      </c>
      <c r="IJ24" s="104">
        <v>903</v>
      </c>
      <c r="IK24" s="101">
        <v>288</v>
      </c>
      <c r="IL24" s="102">
        <v>246</v>
      </c>
      <c r="IM24" s="103">
        <v>534</v>
      </c>
      <c r="IN24" s="413">
        <v>0</v>
      </c>
      <c r="IO24" s="102">
        <v>390</v>
      </c>
      <c r="IP24" s="102">
        <v>294</v>
      </c>
      <c r="IQ24" s="102">
        <v>207</v>
      </c>
      <c r="IR24" s="102">
        <v>161</v>
      </c>
      <c r="IS24" s="102">
        <v>102</v>
      </c>
      <c r="IT24" s="103">
        <v>1154</v>
      </c>
      <c r="IU24" s="104">
        <v>1688</v>
      </c>
      <c r="IV24" s="101">
        <v>260</v>
      </c>
      <c r="IW24" s="102">
        <v>249</v>
      </c>
      <c r="IX24" s="103">
        <v>509</v>
      </c>
      <c r="IY24" s="413">
        <v>0</v>
      </c>
      <c r="IZ24" s="102">
        <v>344</v>
      </c>
      <c r="JA24" s="102">
        <v>330</v>
      </c>
      <c r="JB24" s="102">
        <v>237</v>
      </c>
      <c r="JC24" s="102">
        <v>178</v>
      </c>
      <c r="JD24" s="102">
        <v>108</v>
      </c>
      <c r="JE24" s="103">
        <v>1197</v>
      </c>
      <c r="JF24" s="104">
        <v>1706</v>
      </c>
      <c r="JG24" s="101">
        <v>148</v>
      </c>
      <c r="JH24" s="102">
        <v>116</v>
      </c>
      <c r="JI24" s="103">
        <v>264</v>
      </c>
      <c r="JJ24" s="413">
        <v>0</v>
      </c>
      <c r="JK24" s="102">
        <v>284</v>
      </c>
      <c r="JL24" s="102">
        <v>271</v>
      </c>
      <c r="JM24" s="102">
        <v>259</v>
      </c>
      <c r="JN24" s="102">
        <v>204</v>
      </c>
      <c r="JO24" s="102">
        <v>121</v>
      </c>
      <c r="JP24" s="103">
        <v>1139</v>
      </c>
      <c r="JQ24" s="104">
        <v>1403</v>
      </c>
      <c r="JR24" s="101">
        <v>17</v>
      </c>
      <c r="JS24" s="102">
        <v>19</v>
      </c>
      <c r="JT24" s="103">
        <v>36</v>
      </c>
      <c r="JU24" s="413">
        <v>0</v>
      </c>
      <c r="JV24" s="102">
        <v>12</v>
      </c>
      <c r="JW24" s="102">
        <v>38</v>
      </c>
      <c r="JX24" s="102">
        <v>28</v>
      </c>
      <c r="JY24" s="102">
        <v>21</v>
      </c>
      <c r="JZ24" s="102">
        <v>25</v>
      </c>
      <c r="KA24" s="103">
        <v>124</v>
      </c>
      <c r="KB24" s="104">
        <v>160</v>
      </c>
      <c r="KC24" s="101">
        <v>942</v>
      </c>
      <c r="KD24" s="102">
        <v>872</v>
      </c>
      <c r="KE24" s="103">
        <v>1814</v>
      </c>
      <c r="KF24" s="413">
        <v>0</v>
      </c>
      <c r="KG24" s="102">
        <v>1342</v>
      </c>
      <c r="KH24" s="102">
        <v>1217</v>
      </c>
      <c r="KI24" s="102">
        <v>921</v>
      </c>
      <c r="KJ24" s="102">
        <v>715</v>
      </c>
      <c r="KK24" s="102">
        <v>483</v>
      </c>
      <c r="KL24" s="103">
        <v>4678</v>
      </c>
      <c r="KM24" s="104">
        <v>6492</v>
      </c>
    </row>
    <row r="25" spans="2:299" s="70" customFormat="1" ht="21" customHeight="1" x14ac:dyDescent="0.2">
      <c r="B25" s="106" t="s">
        <v>22</v>
      </c>
      <c r="C25" s="96">
        <v>101</v>
      </c>
      <c r="D25" s="97">
        <v>86</v>
      </c>
      <c r="E25" s="98">
        <v>187</v>
      </c>
      <c r="F25" s="413">
        <v>0</v>
      </c>
      <c r="G25" s="97">
        <v>200</v>
      </c>
      <c r="H25" s="97">
        <v>167</v>
      </c>
      <c r="I25" s="97">
        <v>115</v>
      </c>
      <c r="J25" s="97">
        <v>94</v>
      </c>
      <c r="K25" s="97">
        <v>44</v>
      </c>
      <c r="L25" s="99">
        <v>620</v>
      </c>
      <c r="M25" s="100">
        <v>807</v>
      </c>
      <c r="N25" s="101">
        <v>3</v>
      </c>
      <c r="O25" s="102">
        <v>4</v>
      </c>
      <c r="P25" s="103">
        <v>7</v>
      </c>
      <c r="Q25" s="413">
        <v>0</v>
      </c>
      <c r="R25" s="102">
        <v>5</v>
      </c>
      <c r="S25" s="102">
        <v>7</v>
      </c>
      <c r="T25" s="102">
        <v>4</v>
      </c>
      <c r="U25" s="102">
        <v>2</v>
      </c>
      <c r="V25" s="102">
        <v>2</v>
      </c>
      <c r="W25" s="103">
        <v>20</v>
      </c>
      <c r="X25" s="104">
        <v>27</v>
      </c>
      <c r="Y25" s="101">
        <v>2</v>
      </c>
      <c r="Z25" s="102">
        <v>7</v>
      </c>
      <c r="AA25" s="103">
        <v>9</v>
      </c>
      <c r="AB25" s="413">
        <v>0</v>
      </c>
      <c r="AC25" s="102">
        <v>10</v>
      </c>
      <c r="AD25" s="102">
        <v>12</v>
      </c>
      <c r="AE25" s="102">
        <v>10</v>
      </c>
      <c r="AF25" s="102">
        <v>5</v>
      </c>
      <c r="AG25" s="102">
        <v>11</v>
      </c>
      <c r="AH25" s="103">
        <v>48</v>
      </c>
      <c r="AI25" s="104">
        <v>57</v>
      </c>
      <c r="AJ25" s="101">
        <v>16</v>
      </c>
      <c r="AK25" s="102">
        <v>15</v>
      </c>
      <c r="AL25" s="103">
        <v>31</v>
      </c>
      <c r="AM25" s="413">
        <v>0</v>
      </c>
      <c r="AN25" s="102">
        <v>35</v>
      </c>
      <c r="AO25" s="102">
        <v>23</v>
      </c>
      <c r="AP25" s="102">
        <v>19</v>
      </c>
      <c r="AQ25" s="102">
        <v>14</v>
      </c>
      <c r="AR25" s="102">
        <v>7</v>
      </c>
      <c r="AS25" s="103">
        <v>98</v>
      </c>
      <c r="AT25" s="104">
        <v>129</v>
      </c>
      <c r="AU25" s="101">
        <v>25</v>
      </c>
      <c r="AV25" s="102">
        <v>24</v>
      </c>
      <c r="AW25" s="103">
        <v>49</v>
      </c>
      <c r="AX25" s="413">
        <v>0</v>
      </c>
      <c r="AY25" s="102">
        <v>48</v>
      </c>
      <c r="AZ25" s="102">
        <v>41</v>
      </c>
      <c r="BA25" s="102">
        <v>29</v>
      </c>
      <c r="BB25" s="102">
        <v>23</v>
      </c>
      <c r="BC25" s="102">
        <v>7</v>
      </c>
      <c r="BD25" s="103">
        <v>148</v>
      </c>
      <c r="BE25" s="104">
        <v>197</v>
      </c>
      <c r="BF25" s="101">
        <v>38</v>
      </c>
      <c r="BG25" s="102">
        <v>27</v>
      </c>
      <c r="BH25" s="103">
        <v>65</v>
      </c>
      <c r="BI25" s="413">
        <v>0</v>
      </c>
      <c r="BJ25" s="102">
        <v>52</v>
      </c>
      <c r="BK25" s="102">
        <v>44</v>
      </c>
      <c r="BL25" s="102">
        <v>23</v>
      </c>
      <c r="BM25" s="102">
        <v>26</v>
      </c>
      <c r="BN25" s="102">
        <v>11</v>
      </c>
      <c r="BO25" s="103">
        <v>156</v>
      </c>
      <c r="BP25" s="104">
        <v>221</v>
      </c>
      <c r="BQ25" s="101">
        <v>17</v>
      </c>
      <c r="BR25" s="102">
        <v>9</v>
      </c>
      <c r="BS25" s="103">
        <v>26</v>
      </c>
      <c r="BT25" s="413">
        <v>0</v>
      </c>
      <c r="BU25" s="102">
        <v>50</v>
      </c>
      <c r="BV25" s="102">
        <v>40</v>
      </c>
      <c r="BW25" s="102">
        <v>30</v>
      </c>
      <c r="BX25" s="102">
        <v>24</v>
      </c>
      <c r="BY25" s="102">
        <v>6</v>
      </c>
      <c r="BZ25" s="103">
        <v>150</v>
      </c>
      <c r="CA25" s="104">
        <v>176</v>
      </c>
      <c r="CB25" s="101">
        <v>4</v>
      </c>
      <c r="CC25" s="102">
        <v>5</v>
      </c>
      <c r="CD25" s="103">
        <v>9</v>
      </c>
      <c r="CE25" s="413">
        <v>0</v>
      </c>
      <c r="CF25" s="102">
        <v>7</v>
      </c>
      <c r="CG25" s="102">
        <v>4</v>
      </c>
      <c r="CH25" s="102">
        <v>3</v>
      </c>
      <c r="CI25" s="102">
        <v>1</v>
      </c>
      <c r="CJ25" s="102">
        <v>3</v>
      </c>
      <c r="CK25" s="103">
        <v>18</v>
      </c>
      <c r="CL25" s="104">
        <v>27</v>
      </c>
      <c r="CM25" s="101">
        <v>105</v>
      </c>
      <c r="CN25" s="102">
        <v>91</v>
      </c>
      <c r="CO25" s="103">
        <v>196</v>
      </c>
      <c r="CP25" s="413">
        <v>0</v>
      </c>
      <c r="CQ25" s="102">
        <v>207</v>
      </c>
      <c r="CR25" s="102">
        <v>171</v>
      </c>
      <c r="CS25" s="102">
        <v>118</v>
      </c>
      <c r="CT25" s="102">
        <v>95</v>
      </c>
      <c r="CU25" s="102">
        <v>47</v>
      </c>
      <c r="CV25" s="103">
        <v>638</v>
      </c>
      <c r="CW25" s="104">
        <v>834</v>
      </c>
      <c r="CX25" s="105">
        <v>156</v>
      </c>
      <c r="CY25" s="97">
        <v>271</v>
      </c>
      <c r="CZ25" s="98">
        <v>427</v>
      </c>
      <c r="DA25" s="413">
        <v>0</v>
      </c>
      <c r="DB25" s="97">
        <v>339</v>
      </c>
      <c r="DC25" s="97">
        <v>326</v>
      </c>
      <c r="DD25" s="97">
        <v>219</v>
      </c>
      <c r="DE25" s="97">
        <v>231</v>
      </c>
      <c r="DF25" s="97">
        <v>119</v>
      </c>
      <c r="DG25" s="99">
        <v>1234</v>
      </c>
      <c r="DH25" s="100">
        <v>1661</v>
      </c>
      <c r="DI25" s="101">
        <v>4</v>
      </c>
      <c r="DJ25" s="102">
        <v>7</v>
      </c>
      <c r="DK25" s="103">
        <v>11</v>
      </c>
      <c r="DL25" s="413">
        <v>0</v>
      </c>
      <c r="DM25" s="102">
        <v>5</v>
      </c>
      <c r="DN25" s="102">
        <v>6</v>
      </c>
      <c r="DO25" s="102">
        <v>6</v>
      </c>
      <c r="DP25" s="102">
        <v>2</v>
      </c>
      <c r="DQ25" s="102">
        <v>4</v>
      </c>
      <c r="DR25" s="103">
        <v>23</v>
      </c>
      <c r="DS25" s="104">
        <v>34</v>
      </c>
      <c r="DT25" s="101">
        <v>10</v>
      </c>
      <c r="DU25" s="102">
        <v>10</v>
      </c>
      <c r="DV25" s="103">
        <v>20</v>
      </c>
      <c r="DW25" s="413">
        <v>0</v>
      </c>
      <c r="DX25" s="102">
        <v>13</v>
      </c>
      <c r="DY25" s="102">
        <v>7</v>
      </c>
      <c r="DZ25" s="102">
        <v>12</v>
      </c>
      <c r="EA25" s="102">
        <v>8</v>
      </c>
      <c r="EB25" s="102">
        <v>1</v>
      </c>
      <c r="EC25" s="103">
        <v>41</v>
      </c>
      <c r="ED25" s="104">
        <v>61</v>
      </c>
      <c r="EE25" s="101">
        <v>29</v>
      </c>
      <c r="EF25" s="102">
        <v>46</v>
      </c>
      <c r="EG25" s="103">
        <v>75</v>
      </c>
      <c r="EH25" s="413">
        <v>0</v>
      </c>
      <c r="EI25" s="102">
        <v>41</v>
      </c>
      <c r="EJ25" s="102">
        <v>38</v>
      </c>
      <c r="EK25" s="102">
        <v>18</v>
      </c>
      <c r="EL25" s="102">
        <v>13</v>
      </c>
      <c r="EM25" s="102">
        <v>15</v>
      </c>
      <c r="EN25" s="103">
        <v>125</v>
      </c>
      <c r="EO25" s="104">
        <v>200</v>
      </c>
      <c r="EP25" s="101">
        <v>47</v>
      </c>
      <c r="EQ25" s="102">
        <v>75</v>
      </c>
      <c r="ER25" s="103">
        <v>122</v>
      </c>
      <c r="ES25" s="413">
        <v>0</v>
      </c>
      <c r="ET25" s="102">
        <v>73</v>
      </c>
      <c r="EU25" s="102">
        <v>72</v>
      </c>
      <c r="EV25" s="102">
        <v>40</v>
      </c>
      <c r="EW25" s="102">
        <v>45</v>
      </c>
      <c r="EX25" s="102">
        <v>21</v>
      </c>
      <c r="EY25" s="103">
        <v>251</v>
      </c>
      <c r="EZ25" s="104">
        <v>373</v>
      </c>
      <c r="FA25" s="101">
        <v>52</v>
      </c>
      <c r="FB25" s="102">
        <v>70</v>
      </c>
      <c r="FC25" s="103">
        <v>122</v>
      </c>
      <c r="FD25" s="413">
        <v>0</v>
      </c>
      <c r="FE25" s="102">
        <v>108</v>
      </c>
      <c r="FF25" s="102">
        <v>85</v>
      </c>
      <c r="FG25" s="102">
        <v>62</v>
      </c>
      <c r="FH25" s="102">
        <v>58</v>
      </c>
      <c r="FI25" s="102">
        <v>35</v>
      </c>
      <c r="FJ25" s="103">
        <v>348</v>
      </c>
      <c r="FK25" s="104">
        <v>470</v>
      </c>
      <c r="FL25" s="101">
        <v>14</v>
      </c>
      <c r="FM25" s="102">
        <v>63</v>
      </c>
      <c r="FN25" s="103">
        <v>77</v>
      </c>
      <c r="FO25" s="413">
        <v>0</v>
      </c>
      <c r="FP25" s="102">
        <v>99</v>
      </c>
      <c r="FQ25" s="102">
        <v>118</v>
      </c>
      <c r="FR25" s="102">
        <v>81</v>
      </c>
      <c r="FS25" s="102">
        <v>105</v>
      </c>
      <c r="FT25" s="102">
        <v>43</v>
      </c>
      <c r="FU25" s="103">
        <v>446</v>
      </c>
      <c r="FV25" s="104">
        <v>523</v>
      </c>
      <c r="FW25" s="101">
        <v>0</v>
      </c>
      <c r="FX25" s="102">
        <v>4</v>
      </c>
      <c r="FY25" s="103">
        <v>4</v>
      </c>
      <c r="FZ25" s="413">
        <v>0</v>
      </c>
      <c r="GA25" s="102">
        <v>3</v>
      </c>
      <c r="GB25" s="102">
        <v>6</v>
      </c>
      <c r="GC25" s="102">
        <v>2</v>
      </c>
      <c r="GD25" s="102">
        <v>1</v>
      </c>
      <c r="GE25" s="102">
        <v>3</v>
      </c>
      <c r="GF25" s="103">
        <v>15</v>
      </c>
      <c r="GG25" s="104">
        <v>19</v>
      </c>
      <c r="GH25" s="101">
        <v>156</v>
      </c>
      <c r="GI25" s="102">
        <v>275</v>
      </c>
      <c r="GJ25" s="103">
        <v>431</v>
      </c>
      <c r="GK25" s="413">
        <v>0</v>
      </c>
      <c r="GL25" s="102">
        <v>342</v>
      </c>
      <c r="GM25" s="102">
        <v>332</v>
      </c>
      <c r="GN25" s="102">
        <v>221</v>
      </c>
      <c r="GO25" s="102">
        <v>232</v>
      </c>
      <c r="GP25" s="102">
        <v>122</v>
      </c>
      <c r="GQ25" s="103">
        <v>1249</v>
      </c>
      <c r="GR25" s="104">
        <v>1680</v>
      </c>
      <c r="GS25" s="105">
        <v>257</v>
      </c>
      <c r="GT25" s="97">
        <v>357</v>
      </c>
      <c r="GU25" s="98">
        <v>614</v>
      </c>
      <c r="GV25" s="413">
        <v>0</v>
      </c>
      <c r="GW25" s="97">
        <v>539</v>
      </c>
      <c r="GX25" s="97">
        <v>493</v>
      </c>
      <c r="GY25" s="97">
        <v>334</v>
      </c>
      <c r="GZ25" s="97">
        <v>325</v>
      </c>
      <c r="HA25" s="97">
        <v>163</v>
      </c>
      <c r="HB25" s="99">
        <v>1854</v>
      </c>
      <c r="HC25" s="100">
        <v>2468</v>
      </c>
      <c r="HD25" s="101">
        <v>7</v>
      </c>
      <c r="HE25" s="102">
        <v>11</v>
      </c>
      <c r="HF25" s="103">
        <v>18</v>
      </c>
      <c r="HG25" s="416">
        <v>0</v>
      </c>
      <c r="HH25" s="102">
        <v>10</v>
      </c>
      <c r="HI25" s="102">
        <v>13</v>
      </c>
      <c r="HJ25" s="102">
        <v>10</v>
      </c>
      <c r="HK25" s="102">
        <v>4</v>
      </c>
      <c r="HL25" s="102">
        <v>6</v>
      </c>
      <c r="HM25" s="103">
        <v>43</v>
      </c>
      <c r="HN25" s="104">
        <v>61</v>
      </c>
      <c r="HO25" s="101">
        <v>12</v>
      </c>
      <c r="HP25" s="102">
        <v>17</v>
      </c>
      <c r="HQ25" s="103">
        <v>29</v>
      </c>
      <c r="HR25" s="413">
        <v>0</v>
      </c>
      <c r="HS25" s="102">
        <v>23</v>
      </c>
      <c r="HT25" s="102">
        <v>19</v>
      </c>
      <c r="HU25" s="102">
        <v>22</v>
      </c>
      <c r="HV25" s="102">
        <v>13</v>
      </c>
      <c r="HW25" s="102">
        <v>12</v>
      </c>
      <c r="HX25" s="103">
        <v>89</v>
      </c>
      <c r="HY25" s="104">
        <v>118</v>
      </c>
      <c r="HZ25" s="101">
        <v>45</v>
      </c>
      <c r="IA25" s="102">
        <v>61</v>
      </c>
      <c r="IB25" s="103">
        <v>106</v>
      </c>
      <c r="IC25" s="413">
        <v>0</v>
      </c>
      <c r="ID25" s="102">
        <v>76</v>
      </c>
      <c r="IE25" s="102">
        <v>61</v>
      </c>
      <c r="IF25" s="102">
        <v>37</v>
      </c>
      <c r="IG25" s="102">
        <v>27</v>
      </c>
      <c r="IH25" s="102">
        <v>22</v>
      </c>
      <c r="II25" s="103">
        <v>223</v>
      </c>
      <c r="IJ25" s="104">
        <v>329</v>
      </c>
      <c r="IK25" s="101">
        <v>72</v>
      </c>
      <c r="IL25" s="102">
        <v>99</v>
      </c>
      <c r="IM25" s="103">
        <v>171</v>
      </c>
      <c r="IN25" s="413">
        <v>0</v>
      </c>
      <c r="IO25" s="102">
        <v>121</v>
      </c>
      <c r="IP25" s="102">
        <v>113</v>
      </c>
      <c r="IQ25" s="102">
        <v>69</v>
      </c>
      <c r="IR25" s="102">
        <v>68</v>
      </c>
      <c r="IS25" s="102">
        <v>28</v>
      </c>
      <c r="IT25" s="103">
        <v>399</v>
      </c>
      <c r="IU25" s="104">
        <v>570</v>
      </c>
      <c r="IV25" s="101">
        <v>90</v>
      </c>
      <c r="IW25" s="102">
        <v>97</v>
      </c>
      <c r="IX25" s="103">
        <v>187</v>
      </c>
      <c r="IY25" s="413">
        <v>0</v>
      </c>
      <c r="IZ25" s="102">
        <v>160</v>
      </c>
      <c r="JA25" s="102">
        <v>129</v>
      </c>
      <c r="JB25" s="102">
        <v>85</v>
      </c>
      <c r="JC25" s="102">
        <v>84</v>
      </c>
      <c r="JD25" s="102">
        <v>46</v>
      </c>
      <c r="JE25" s="103">
        <v>504</v>
      </c>
      <c r="JF25" s="104">
        <v>691</v>
      </c>
      <c r="JG25" s="101">
        <v>31</v>
      </c>
      <c r="JH25" s="102">
        <v>72</v>
      </c>
      <c r="JI25" s="103">
        <v>103</v>
      </c>
      <c r="JJ25" s="413">
        <v>0</v>
      </c>
      <c r="JK25" s="102">
        <v>149</v>
      </c>
      <c r="JL25" s="102">
        <v>158</v>
      </c>
      <c r="JM25" s="102">
        <v>111</v>
      </c>
      <c r="JN25" s="102">
        <v>129</v>
      </c>
      <c r="JO25" s="102">
        <v>49</v>
      </c>
      <c r="JP25" s="103">
        <v>596</v>
      </c>
      <c r="JQ25" s="104">
        <v>699</v>
      </c>
      <c r="JR25" s="101">
        <v>4</v>
      </c>
      <c r="JS25" s="102">
        <v>9</v>
      </c>
      <c r="JT25" s="103">
        <v>13</v>
      </c>
      <c r="JU25" s="413">
        <v>0</v>
      </c>
      <c r="JV25" s="102">
        <v>10</v>
      </c>
      <c r="JW25" s="102">
        <v>10</v>
      </c>
      <c r="JX25" s="102">
        <v>5</v>
      </c>
      <c r="JY25" s="102">
        <v>2</v>
      </c>
      <c r="JZ25" s="102">
        <v>6</v>
      </c>
      <c r="KA25" s="103">
        <v>33</v>
      </c>
      <c r="KB25" s="104">
        <v>46</v>
      </c>
      <c r="KC25" s="101">
        <v>261</v>
      </c>
      <c r="KD25" s="102">
        <v>366</v>
      </c>
      <c r="KE25" s="103">
        <v>627</v>
      </c>
      <c r="KF25" s="413">
        <v>0</v>
      </c>
      <c r="KG25" s="102">
        <v>549</v>
      </c>
      <c r="KH25" s="102">
        <v>503</v>
      </c>
      <c r="KI25" s="102">
        <v>339</v>
      </c>
      <c r="KJ25" s="102">
        <v>327</v>
      </c>
      <c r="KK25" s="102">
        <v>169</v>
      </c>
      <c r="KL25" s="103">
        <v>1887</v>
      </c>
      <c r="KM25" s="104">
        <v>2514</v>
      </c>
    </row>
    <row r="26" spans="2:299" s="70" customFormat="1" ht="21" customHeight="1" x14ac:dyDescent="0.2">
      <c r="B26" s="106" t="s">
        <v>23</v>
      </c>
      <c r="C26" s="96">
        <v>219</v>
      </c>
      <c r="D26" s="97">
        <v>215</v>
      </c>
      <c r="E26" s="98">
        <v>434</v>
      </c>
      <c r="F26" s="413">
        <v>0</v>
      </c>
      <c r="G26" s="97">
        <v>335</v>
      </c>
      <c r="H26" s="97">
        <v>308</v>
      </c>
      <c r="I26" s="97">
        <v>194</v>
      </c>
      <c r="J26" s="97">
        <v>162</v>
      </c>
      <c r="K26" s="97">
        <v>96</v>
      </c>
      <c r="L26" s="99">
        <v>1095</v>
      </c>
      <c r="M26" s="100">
        <v>1529</v>
      </c>
      <c r="N26" s="101">
        <v>8</v>
      </c>
      <c r="O26" s="102">
        <v>7</v>
      </c>
      <c r="P26" s="103">
        <v>15</v>
      </c>
      <c r="Q26" s="413">
        <v>0</v>
      </c>
      <c r="R26" s="102">
        <v>6</v>
      </c>
      <c r="S26" s="102">
        <v>16</v>
      </c>
      <c r="T26" s="102">
        <v>5</v>
      </c>
      <c r="U26" s="102">
        <v>12</v>
      </c>
      <c r="V26" s="102">
        <v>3</v>
      </c>
      <c r="W26" s="103">
        <v>42</v>
      </c>
      <c r="X26" s="104">
        <v>57</v>
      </c>
      <c r="Y26" s="101">
        <v>16</v>
      </c>
      <c r="Z26" s="102">
        <v>21</v>
      </c>
      <c r="AA26" s="103">
        <v>37</v>
      </c>
      <c r="AB26" s="413">
        <v>0</v>
      </c>
      <c r="AC26" s="102">
        <v>23</v>
      </c>
      <c r="AD26" s="102">
        <v>30</v>
      </c>
      <c r="AE26" s="102">
        <v>19</v>
      </c>
      <c r="AF26" s="102">
        <v>18</v>
      </c>
      <c r="AG26" s="102">
        <v>9</v>
      </c>
      <c r="AH26" s="103">
        <v>99</v>
      </c>
      <c r="AI26" s="104">
        <v>136</v>
      </c>
      <c r="AJ26" s="101">
        <v>45</v>
      </c>
      <c r="AK26" s="102">
        <v>36</v>
      </c>
      <c r="AL26" s="103">
        <v>81</v>
      </c>
      <c r="AM26" s="413">
        <v>0</v>
      </c>
      <c r="AN26" s="102">
        <v>49</v>
      </c>
      <c r="AO26" s="102">
        <v>48</v>
      </c>
      <c r="AP26" s="102">
        <v>31</v>
      </c>
      <c r="AQ26" s="102">
        <v>20</v>
      </c>
      <c r="AR26" s="102">
        <v>19</v>
      </c>
      <c r="AS26" s="103">
        <v>167</v>
      </c>
      <c r="AT26" s="104">
        <v>248</v>
      </c>
      <c r="AU26" s="101">
        <v>66</v>
      </c>
      <c r="AV26" s="102">
        <v>71</v>
      </c>
      <c r="AW26" s="103">
        <v>137</v>
      </c>
      <c r="AX26" s="413">
        <v>0</v>
      </c>
      <c r="AY26" s="102">
        <v>105</v>
      </c>
      <c r="AZ26" s="102">
        <v>89</v>
      </c>
      <c r="BA26" s="102">
        <v>52</v>
      </c>
      <c r="BB26" s="102">
        <v>37</v>
      </c>
      <c r="BC26" s="102">
        <v>23</v>
      </c>
      <c r="BD26" s="103">
        <v>306</v>
      </c>
      <c r="BE26" s="104">
        <v>443</v>
      </c>
      <c r="BF26" s="101">
        <v>61</v>
      </c>
      <c r="BG26" s="102">
        <v>61</v>
      </c>
      <c r="BH26" s="103">
        <v>122</v>
      </c>
      <c r="BI26" s="413">
        <v>0</v>
      </c>
      <c r="BJ26" s="102">
        <v>116</v>
      </c>
      <c r="BK26" s="102">
        <v>86</v>
      </c>
      <c r="BL26" s="102">
        <v>56</v>
      </c>
      <c r="BM26" s="102">
        <v>42</v>
      </c>
      <c r="BN26" s="102">
        <v>25</v>
      </c>
      <c r="BO26" s="103">
        <v>325</v>
      </c>
      <c r="BP26" s="104">
        <v>447</v>
      </c>
      <c r="BQ26" s="101">
        <v>23</v>
      </c>
      <c r="BR26" s="102">
        <v>19</v>
      </c>
      <c r="BS26" s="103">
        <v>42</v>
      </c>
      <c r="BT26" s="413">
        <v>0</v>
      </c>
      <c r="BU26" s="102">
        <v>36</v>
      </c>
      <c r="BV26" s="102">
        <v>39</v>
      </c>
      <c r="BW26" s="102">
        <v>31</v>
      </c>
      <c r="BX26" s="102">
        <v>33</v>
      </c>
      <c r="BY26" s="102">
        <v>17</v>
      </c>
      <c r="BZ26" s="103">
        <v>156</v>
      </c>
      <c r="CA26" s="104">
        <v>198</v>
      </c>
      <c r="CB26" s="101">
        <v>4</v>
      </c>
      <c r="CC26" s="102">
        <v>12</v>
      </c>
      <c r="CD26" s="103">
        <v>16</v>
      </c>
      <c r="CE26" s="413">
        <v>0</v>
      </c>
      <c r="CF26" s="102">
        <v>6</v>
      </c>
      <c r="CG26" s="102">
        <v>12</v>
      </c>
      <c r="CH26" s="102">
        <v>9</v>
      </c>
      <c r="CI26" s="102">
        <v>8</v>
      </c>
      <c r="CJ26" s="102">
        <v>4</v>
      </c>
      <c r="CK26" s="103">
        <v>39</v>
      </c>
      <c r="CL26" s="104">
        <v>55</v>
      </c>
      <c r="CM26" s="101">
        <v>223</v>
      </c>
      <c r="CN26" s="102">
        <v>227</v>
      </c>
      <c r="CO26" s="103">
        <v>450</v>
      </c>
      <c r="CP26" s="413">
        <v>0</v>
      </c>
      <c r="CQ26" s="102">
        <v>341</v>
      </c>
      <c r="CR26" s="102">
        <v>320</v>
      </c>
      <c r="CS26" s="102">
        <v>203</v>
      </c>
      <c r="CT26" s="102">
        <v>170</v>
      </c>
      <c r="CU26" s="102">
        <v>100</v>
      </c>
      <c r="CV26" s="103">
        <v>1134</v>
      </c>
      <c r="CW26" s="104">
        <v>1584</v>
      </c>
      <c r="CX26" s="105">
        <v>379</v>
      </c>
      <c r="CY26" s="97">
        <v>479</v>
      </c>
      <c r="CZ26" s="98">
        <v>858</v>
      </c>
      <c r="DA26" s="413">
        <v>0</v>
      </c>
      <c r="DB26" s="97">
        <v>549</v>
      </c>
      <c r="DC26" s="97">
        <v>453</v>
      </c>
      <c r="DD26" s="97">
        <v>324</v>
      </c>
      <c r="DE26" s="97">
        <v>394</v>
      </c>
      <c r="DF26" s="97">
        <v>221</v>
      </c>
      <c r="DG26" s="99">
        <v>1941</v>
      </c>
      <c r="DH26" s="100">
        <v>2799</v>
      </c>
      <c r="DI26" s="101">
        <v>12</v>
      </c>
      <c r="DJ26" s="102">
        <v>9</v>
      </c>
      <c r="DK26" s="103">
        <v>21</v>
      </c>
      <c r="DL26" s="413">
        <v>0</v>
      </c>
      <c r="DM26" s="102">
        <v>12</v>
      </c>
      <c r="DN26" s="102">
        <v>9</v>
      </c>
      <c r="DO26" s="102">
        <v>3</v>
      </c>
      <c r="DP26" s="102">
        <v>4</v>
      </c>
      <c r="DQ26" s="102">
        <v>4</v>
      </c>
      <c r="DR26" s="103">
        <v>32</v>
      </c>
      <c r="DS26" s="104">
        <v>53</v>
      </c>
      <c r="DT26" s="101">
        <v>24</v>
      </c>
      <c r="DU26" s="102">
        <v>38</v>
      </c>
      <c r="DV26" s="103">
        <v>62</v>
      </c>
      <c r="DW26" s="413">
        <v>0</v>
      </c>
      <c r="DX26" s="102">
        <v>20</v>
      </c>
      <c r="DY26" s="102">
        <v>32</v>
      </c>
      <c r="DZ26" s="102">
        <v>21</v>
      </c>
      <c r="EA26" s="102">
        <v>22</v>
      </c>
      <c r="EB26" s="102">
        <v>9</v>
      </c>
      <c r="EC26" s="103">
        <v>104</v>
      </c>
      <c r="ED26" s="104">
        <v>166</v>
      </c>
      <c r="EE26" s="101">
        <v>68</v>
      </c>
      <c r="EF26" s="102">
        <v>77</v>
      </c>
      <c r="EG26" s="103">
        <v>145</v>
      </c>
      <c r="EH26" s="413">
        <v>0</v>
      </c>
      <c r="EI26" s="102">
        <v>74</v>
      </c>
      <c r="EJ26" s="102">
        <v>64</v>
      </c>
      <c r="EK26" s="102">
        <v>40</v>
      </c>
      <c r="EL26" s="102">
        <v>38</v>
      </c>
      <c r="EM26" s="102">
        <v>34</v>
      </c>
      <c r="EN26" s="103">
        <v>250</v>
      </c>
      <c r="EO26" s="104">
        <v>395</v>
      </c>
      <c r="EP26" s="101">
        <v>155</v>
      </c>
      <c r="EQ26" s="102">
        <v>172</v>
      </c>
      <c r="ER26" s="103">
        <v>327</v>
      </c>
      <c r="ES26" s="413">
        <v>0</v>
      </c>
      <c r="ET26" s="102">
        <v>150</v>
      </c>
      <c r="EU26" s="102">
        <v>115</v>
      </c>
      <c r="EV26" s="102">
        <v>73</v>
      </c>
      <c r="EW26" s="102">
        <v>90</v>
      </c>
      <c r="EX26" s="102">
        <v>57</v>
      </c>
      <c r="EY26" s="103">
        <v>485</v>
      </c>
      <c r="EZ26" s="104">
        <v>812</v>
      </c>
      <c r="FA26" s="101">
        <v>80</v>
      </c>
      <c r="FB26" s="102">
        <v>126</v>
      </c>
      <c r="FC26" s="103">
        <v>206</v>
      </c>
      <c r="FD26" s="413">
        <v>0</v>
      </c>
      <c r="FE26" s="102">
        <v>179</v>
      </c>
      <c r="FF26" s="102">
        <v>99</v>
      </c>
      <c r="FG26" s="102">
        <v>102</v>
      </c>
      <c r="FH26" s="102">
        <v>105</v>
      </c>
      <c r="FI26" s="102">
        <v>49</v>
      </c>
      <c r="FJ26" s="103">
        <v>534</v>
      </c>
      <c r="FK26" s="104">
        <v>740</v>
      </c>
      <c r="FL26" s="101">
        <v>40</v>
      </c>
      <c r="FM26" s="102">
        <v>57</v>
      </c>
      <c r="FN26" s="103">
        <v>97</v>
      </c>
      <c r="FO26" s="413">
        <v>0</v>
      </c>
      <c r="FP26" s="102">
        <v>114</v>
      </c>
      <c r="FQ26" s="102">
        <v>134</v>
      </c>
      <c r="FR26" s="102">
        <v>85</v>
      </c>
      <c r="FS26" s="102">
        <v>135</v>
      </c>
      <c r="FT26" s="102">
        <v>68</v>
      </c>
      <c r="FU26" s="103">
        <v>536</v>
      </c>
      <c r="FV26" s="104">
        <v>633</v>
      </c>
      <c r="FW26" s="101">
        <v>5</v>
      </c>
      <c r="FX26" s="102">
        <v>10</v>
      </c>
      <c r="FY26" s="103">
        <v>15</v>
      </c>
      <c r="FZ26" s="413">
        <v>0</v>
      </c>
      <c r="GA26" s="102">
        <v>6</v>
      </c>
      <c r="GB26" s="102">
        <v>12</v>
      </c>
      <c r="GC26" s="102">
        <v>3</v>
      </c>
      <c r="GD26" s="102">
        <v>3</v>
      </c>
      <c r="GE26" s="102">
        <v>4</v>
      </c>
      <c r="GF26" s="103">
        <v>28</v>
      </c>
      <c r="GG26" s="104">
        <v>43</v>
      </c>
      <c r="GH26" s="101">
        <v>384</v>
      </c>
      <c r="GI26" s="102">
        <v>489</v>
      </c>
      <c r="GJ26" s="103">
        <v>873</v>
      </c>
      <c r="GK26" s="413">
        <v>0</v>
      </c>
      <c r="GL26" s="102">
        <v>555</v>
      </c>
      <c r="GM26" s="102">
        <v>465</v>
      </c>
      <c r="GN26" s="102">
        <v>327</v>
      </c>
      <c r="GO26" s="102">
        <v>397</v>
      </c>
      <c r="GP26" s="102">
        <v>225</v>
      </c>
      <c r="GQ26" s="103">
        <v>1969</v>
      </c>
      <c r="GR26" s="104">
        <v>2842</v>
      </c>
      <c r="GS26" s="105">
        <v>598</v>
      </c>
      <c r="GT26" s="97">
        <v>694</v>
      </c>
      <c r="GU26" s="98">
        <v>1292</v>
      </c>
      <c r="GV26" s="413">
        <v>0</v>
      </c>
      <c r="GW26" s="97">
        <v>884</v>
      </c>
      <c r="GX26" s="97">
        <v>761</v>
      </c>
      <c r="GY26" s="97">
        <v>518</v>
      </c>
      <c r="GZ26" s="97">
        <v>556</v>
      </c>
      <c r="HA26" s="97">
        <v>317</v>
      </c>
      <c r="HB26" s="99">
        <v>3036</v>
      </c>
      <c r="HC26" s="100">
        <v>4328</v>
      </c>
      <c r="HD26" s="101">
        <v>20</v>
      </c>
      <c r="HE26" s="102">
        <v>16</v>
      </c>
      <c r="HF26" s="103">
        <v>36</v>
      </c>
      <c r="HG26" s="416">
        <v>0</v>
      </c>
      <c r="HH26" s="102">
        <v>18</v>
      </c>
      <c r="HI26" s="102">
        <v>25</v>
      </c>
      <c r="HJ26" s="102">
        <v>8</v>
      </c>
      <c r="HK26" s="102">
        <v>16</v>
      </c>
      <c r="HL26" s="102">
        <v>7</v>
      </c>
      <c r="HM26" s="103">
        <v>74</v>
      </c>
      <c r="HN26" s="104">
        <v>110</v>
      </c>
      <c r="HO26" s="101">
        <v>40</v>
      </c>
      <c r="HP26" s="102">
        <v>59</v>
      </c>
      <c r="HQ26" s="103">
        <v>99</v>
      </c>
      <c r="HR26" s="413">
        <v>0</v>
      </c>
      <c r="HS26" s="102">
        <v>43</v>
      </c>
      <c r="HT26" s="102">
        <v>62</v>
      </c>
      <c r="HU26" s="102">
        <v>40</v>
      </c>
      <c r="HV26" s="102">
        <v>40</v>
      </c>
      <c r="HW26" s="102">
        <v>18</v>
      </c>
      <c r="HX26" s="103">
        <v>203</v>
      </c>
      <c r="HY26" s="104">
        <v>302</v>
      </c>
      <c r="HZ26" s="101">
        <v>113</v>
      </c>
      <c r="IA26" s="102">
        <v>113</v>
      </c>
      <c r="IB26" s="103">
        <v>226</v>
      </c>
      <c r="IC26" s="413">
        <v>0</v>
      </c>
      <c r="ID26" s="102">
        <v>123</v>
      </c>
      <c r="IE26" s="102">
        <v>112</v>
      </c>
      <c r="IF26" s="102">
        <v>71</v>
      </c>
      <c r="IG26" s="102">
        <v>58</v>
      </c>
      <c r="IH26" s="102">
        <v>53</v>
      </c>
      <c r="II26" s="103">
        <v>417</v>
      </c>
      <c r="IJ26" s="104">
        <v>643</v>
      </c>
      <c r="IK26" s="101">
        <v>221</v>
      </c>
      <c r="IL26" s="102">
        <v>243</v>
      </c>
      <c r="IM26" s="103">
        <v>464</v>
      </c>
      <c r="IN26" s="413">
        <v>0</v>
      </c>
      <c r="IO26" s="102">
        <v>255</v>
      </c>
      <c r="IP26" s="102">
        <v>204</v>
      </c>
      <c r="IQ26" s="102">
        <v>125</v>
      </c>
      <c r="IR26" s="102">
        <v>127</v>
      </c>
      <c r="IS26" s="102">
        <v>80</v>
      </c>
      <c r="IT26" s="103">
        <v>791</v>
      </c>
      <c r="IU26" s="104">
        <v>1255</v>
      </c>
      <c r="IV26" s="101">
        <v>141</v>
      </c>
      <c r="IW26" s="102">
        <v>187</v>
      </c>
      <c r="IX26" s="103">
        <v>328</v>
      </c>
      <c r="IY26" s="413">
        <v>0</v>
      </c>
      <c r="IZ26" s="102">
        <v>295</v>
      </c>
      <c r="JA26" s="102">
        <v>185</v>
      </c>
      <c r="JB26" s="102">
        <v>158</v>
      </c>
      <c r="JC26" s="102">
        <v>147</v>
      </c>
      <c r="JD26" s="102">
        <v>74</v>
      </c>
      <c r="JE26" s="103">
        <v>859</v>
      </c>
      <c r="JF26" s="104">
        <v>1187</v>
      </c>
      <c r="JG26" s="101">
        <v>63</v>
      </c>
      <c r="JH26" s="102">
        <v>76</v>
      </c>
      <c r="JI26" s="103">
        <v>139</v>
      </c>
      <c r="JJ26" s="413">
        <v>0</v>
      </c>
      <c r="JK26" s="102">
        <v>150</v>
      </c>
      <c r="JL26" s="102">
        <v>173</v>
      </c>
      <c r="JM26" s="102">
        <v>116</v>
      </c>
      <c r="JN26" s="102">
        <v>168</v>
      </c>
      <c r="JO26" s="102">
        <v>85</v>
      </c>
      <c r="JP26" s="103">
        <v>692</v>
      </c>
      <c r="JQ26" s="104">
        <v>831</v>
      </c>
      <c r="JR26" s="101">
        <v>9</v>
      </c>
      <c r="JS26" s="102">
        <v>22</v>
      </c>
      <c r="JT26" s="103">
        <v>31</v>
      </c>
      <c r="JU26" s="413">
        <v>0</v>
      </c>
      <c r="JV26" s="102">
        <v>12</v>
      </c>
      <c r="JW26" s="102">
        <v>24</v>
      </c>
      <c r="JX26" s="102">
        <v>12</v>
      </c>
      <c r="JY26" s="102">
        <v>11</v>
      </c>
      <c r="JZ26" s="102">
        <v>8</v>
      </c>
      <c r="KA26" s="103">
        <v>67</v>
      </c>
      <c r="KB26" s="104">
        <v>98</v>
      </c>
      <c r="KC26" s="101">
        <v>607</v>
      </c>
      <c r="KD26" s="102">
        <v>716</v>
      </c>
      <c r="KE26" s="103">
        <v>1323</v>
      </c>
      <c r="KF26" s="413">
        <v>0</v>
      </c>
      <c r="KG26" s="102">
        <v>896</v>
      </c>
      <c r="KH26" s="102">
        <v>785</v>
      </c>
      <c r="KI26" s="102">
        <v>530</v>
      </c>
      <c r="KJ26" s="102">
        <v>567</v>
      </c>
      <c r="KK26" s="102">
        <v>325</v>
      </c>
      <c r="KL26" s="103">
        <v>3103</v>
      </c>
      <c r="KM26" s="104">
        <v>4426</v>
      </c>
    </row>
    <row r="27" spans="2:299" s="70" customFormat="1" ht="21" customHeight="1" x14ac:dyDescent="0.2">
      <c r="B27" s="106" t="s">
        <v>24</v>
      </c>
      <c r="C27" s="96">
        <v>116</v>
      </c>
      <c r="D27" s="97">
        <v>77</v>
      </c>
      <c r="E27" s="98">
        <v>193</v>
      </c>
      <c r="F27" s="413">
        <v>0</v>
      </c>
      <c r="G27" s="97">
        <v>166</v>
      </c>
      <c r="H27" s="97">
        <v>106</v>
      </c>
      <c r="I27" s="97">
        <v>74</v>
      </c>
      <c r="J27" s="97">
        <v>60</v>
      </c>
      <c r="K27" s="97">
        <v>47</v>
      </c>
      <c r="L27" s="99">
        <v>453</v>
      </c>
      <c r="M27" s="100">
        <v>646</v>
      </c>
      <c r="N27" s="101">
        <v>3</v>
      </c>
      <c r="O27" s="102">
        <v>1</v>
      </c>
      <c r="P27" s="103">
        <v>4</v>
      </c>
      <c r="Q27" s="413">
        <v>0</v>
      </c>
      <c r="R27" s="102">
        <v>7</v>
      </c>
      <c r="S27" s="102">
        <v>0</v>
      </c>
      <c r="T27" s="102">
        <v>2</v>
      </c>
      <c r="U27" s="102">
        <v>0</v>
      </c>
      <c r="V27" s="102">
        <v>3</v>
      </c>
      <c r="W27" s="103">
        <v>12</v>
      </c>
      <c r="X27" s="104">
        <v>16</v>
      </c>
      <c r="Y27" s="101">
        <v>7</v>
      </c>
      <c r="Z27" s="102">
        <v>5</v>
      </c>
      <c r="AA27" s="103">
        <v>12</v>
      </c>
      <c r="AB27" s="413">
        <v>0</v>
      </c>
      <c r="AC27" s="102">
        <v>13</v>
      </c>
      <c r="AD27" s="102">
        <v>8</v>
      </c>
      <c r="AE27" s="102">
        <v>5</v>
      </c>
      <c r="AF27" s="102">
        <v>5</v>
      </c>
      <c r="AG27" s="102">
        <v>9</v>
      </c>
      <c r="AH27" s="103">
        <v>40</v>
      </c>
      <c r="AI27" s="104">
        <v>52</v>
      </c>
      <c r="AJ27" s="101">
        <v>12</v>
      </c>
      <c r="AK27" s="102">
        <v>16</v>
      </c>
      <c r="AL27" s="103">
        <v>28</v>
      </c>
      <c r="AM27" s="413">
        <v>0</v>
      </c>
      <c r="AN27" s="102">
        <v>23</v>
      </c>
      <c r="AO27" s="102">
        <v>14</v>
      </c>
      <c r="AP27" s="102">
        <v>10</v>
      </c>
      <c r="AQ27" s="102">
        <v>7</v>
      </c>
      <c r="AR27" s="102">
        <v>3</v>
      </c>
      <c r="AS27" s="103">
        <v>57</v>
      </c>
      <c r="AT27" s="104">
        <v>85</v>
      </c>
      <c r="AU27" s="101">
        <v>24</v>
      </c>
      <c r="AV27" s="102">
        <v>15</v>
      </c>
      <c r="AW27" s="103">
        <v>39</v>
      </c>
      <c r="AX27" s="413">
        <v>0</v>
      </c>
      <c r="AY27" s="102">
        <v>44</v>
      </c>
      <c r="AZ27" s="102">
        <v>26</v>
      </c>
      <c r="BA27" s="102">
        <v>17</v>
      </c>
      <c r="BB27" s="102">
        <v>14</v>
      </c>
      <c r="BC27" s="102">
        <v>9</v>
      </c>
      <c r="BD27" s="103">
        <v>110</v>
      </c>
      <c r="BE27" s="104">
        <v>149</v>
      </c>
      <c r="BF27" s="101">
        <v>39</v>
      </c>
      <c r="BG27" s="102">
        <v>21</v>
      </c>
      <c r="BH27" s="103">
        <v>60</v>
      </c>
      <c r="BI27" s="413">
        <v>0</v>
      </c>
      <c r="BJ27" s="102">
        <v>45</v>
      </c>
      <c r="BK27" s="102">
        <v>26</v>
      </c>
      <c r="BL27" s="102">
        <v>17</v>
      </c>
      <c r="BM27" s="102">
        <v>10</v>
      </c>
      <c r="BN27" s="102">
        <v>7</v>
      </c>
      <c r="BO27" s="103">
        <v>105</v>
      </c>
      <c r="BP27" s="104">
        <v>165</v>
      </c>
      <c r="BQ27" s="101">
        <v>31</v>
      </c>
      <c r="BR27" s="102">
        <v>19</v>
      </c>
      <c r="BS27" s="103">
        <v>50</v>
      </c>
      <c r="BT27" s="413">
        <v>0</v>
      </c>
      <c r="BU27" s="102">
        <v>34</v>
      </c>
      <c r="BV27" s="102">
        <v>32</v>
      </c>
      <c r="BW27" s="102">
        <v>23</v>
      </c>
      <c r="BX27" s="102">
        <v>24</v>
      </c>
      <c r="BY27" s="102">
        <v>16</v>
      </c>
      <c r="BZ27" s="103">
        <v>129</v>
      </c>
      <c r="CA27" s="104">
        <v>179</v>
      </c>
      <c r="CB27" s="101">
        <v>2</v>
      </c>
      <c r="CC27" s="102">
        <v>2</v>
      </c>
      <c r="CD27" s="103">
        <v>4</v>
      </c>
      <c r="CE27" s="413">
        <v>0</v>
      </c>
      <c r="CF27" s="102">
        <v>4</v>
      </c>
      <c r="CG27" s="102">
        <v>3</v>
      </c>
      <c r="CH27" s="102">
        <v>3</v>
      </c>
      <c r="CI27" s="102">
        <v>4</v>
      </c>
      <c r="CJ27" s="102">
        <v>0</v>
      </c>
      <c r="CK27" s="103">
        <v>14</v>
      </c>
      <c r="CL27" s="104">
        <v>18</v>
      </c>
      <c r="CM27" s="101">
        <v>118</v>
      </c>
      <c r="CN27" s="102">
        <v>79</v>
      </c>
      <c r="CO27" s="103">
        <v>197</v>
      </c>
      <c r="CP27" s="413">
        <v>0</v>
      </c>
      <c r="CQ27" s="102">
        <v>170</v>
      </c>
      <c r="CR27" s="102">
        <v>109</v>
      </c>
      <c r="CS27" s="102">
        <v>77</v>
      </c>
      <c r="CT27" s="102">
        <v>64</v>
      </c>
      <c r="CU27" s="102">
        <v>47</v>
      </c>
      <c r="CV27" s="103">
        <v>467</v>
      </c>
      <c r="CW27" s="104">
        <v>664</v>
      </c>
      <c r="CX27" s="105">
        <v>252</v>
      </c>
      <c r="CY27" s="97">
        <v>173</v>
      </c>
      <c r="CZ27" s="98">
        <v>425</v>
      </c>
      <c r="DA27" s="413">
        <v>0</v>
      </c>
      <c r="DB27" s="97">
        <v>290</v>
      </c>
      <c r="DC27" s="97">
        <v>190</v>
      </c>
      <c r="DD27" s="97">
        <v>149</v>
      </c>
      <c r="DE27" s="97">
        <v>211</v>
      </c>
      <c r="DF27" s="97">
        <v>119</v>
      </c>
      <c r="DG27" s="99">
        <v>959</v>
      </c>
      <c r="DH27" s="100">
        <v>1384</v>
      </c>
      <c r="DI27" s="101">
        <v>4</v>
      </c>
      <c r="DJ27" s="102">
        <v>5</v>
      </c>
      <c r="DK27" s="103">
        <v>9</v>
      </c>
      <c r="DL27" s="413">
        <v>0</v>
      </c>
      <c r="DM27" s="102">
        <v>3</v>
      </c>
      <c r="DN27" s="102">
        <v>2</v>
      </c>
      <c r="DO27" s="102">
        <v>3</v>
      </c>
      <c r="DP27" s="102">
        <v>3</v>
      </c>
      <c r="DQ27" s="102">
        <v>2</v>
      </c>
      <c r="DR27" s="103">
        <v>13</v>
      </c>
      <c r="DS27" s="104">
        <v>22</v>
      </c>
      <c r="DT27" s="101">
        <v>11</v>
      </c>
      <c r="DU27" s="102">
        <v>6</v>
      </c>
      <c r="DV27" s="103">
        <v>17</v>
      </c>
      <c r="DW27" s="413">
        <v>0</v>
      </c>
      <c r="DX27" s="102">
        <v>8</v>
      </c>
      <c r="DY27" s="102">
        <v>5</v>
      </c>
      <c r="DZ27" s="102">
        <v>2</v>
      </c>
      <c r="EA27" s="102">
        <v>7</v>
      </c>
      <c r="EB27" s="102">
        <v>3</v>
      </c>
      <c r="EC27" s="103">
        <v>25</v>
      </c>
      <c r="ED27" s="104">
        <v>42</v>
      </c>
      <c r="EE27" s="101">
        <v>31</v>
      </c>
      <c r="EF27" s="102">
        <v>18</v>
      </c>
      <c r="EG27" s="103">
        <v>49</v>
      </c>
      <c r="EH27" s="413">
        <v>0</v>
      </c>
      <c r="EI27" s="102">
        <v>31</v>
      </c>
      <c r="EJ27" s="102">
        <v>23</v>
      </c>
      <c r="EK27" s="102">
        <v>13</v>
      </c>
      <c r="EL27" s="102">
        <v>16</v>
      </c>
      <c r="EM27" s="102">
        <v>5</v>
      </c>
      <c r="EN27" s="103">
        <v>88</v>
      </c>
      <c r="EO27" s="104">
        <v>137</v>
      </c>
      <c r="EP27" s="101">
        <v>66</v>
      </c>
      <c r="EQ27" s="102">
        <v>40</v>
      </c>
      <c r="ER27" s="103">
        <v>106</v>
      </c>
      <c r="ES27" s="413">
        <v>0</v>
      </c>
      <c r="ET27" s="102">
        <v>66</v>
      </c>
      <c r="EU27" s="102">
        <v>27</v>
      </c>
      <c r="EV27" s="102">
        <v>32</v>
      </c>
      <c r="EW27" s="102">
        <v>31</v>
      </c>
      <c r="EX27" s="102">
        <v>20</v>
      </c>
      <c r="EY27" s="103">
        <v>176</v>
      </c>
      <c r="EZ27" s="104">
        <v>282</v>
      </c>
      <c r="FA27" s="101">
        <v>81</v>
      </c>
      <c r="FB27" s="102">
        <v>52</v>
      </c>
      <c r="FC27" s="103">
        <v>133</v>
      </c>
      <c r="FD27" s="413">
        <v>0</v>
      </c>
      <c r="FE27" s="102">
        <v>99</v>
      </c>
      <c r="FF27" s="102">
        <v>63</v>
      </c>
      <c r="FG27" s="102">
        <v>31</v>
      </c>
      <c r="FH27" s="102">
        <v>48</v>
      </c>
      <c r="FI27" s="102">
        <v>33</v>
      </c>
      <c r="FJ27" s="103">
        <v>274</v>
      </c>
      <c r="FK27" s="104">
        <v>407</v>
      </c>
      <c r="FL27" s="101">
        <v>59</v>
      </c>
      <c r="FM27" s="102">
        <v>52</v>
      </c>
      <c r="FN27" s="103">
        <v>111</v>
      </c>
      <c r="FO27" s="413">
        <v>0</v>
      </c>
      <c r="FP27" s="102">
        <v>83</v>
      </c>
      <c r="FQ27" s="102">
        <v>70</v>
      </c>
      <c r="FR27" s="102">
        <v>68</v>
      </c>
      <c r="FS27" s="102">
        <v>106</v>
      </c>
      <c r="FT27" s="102">
        <v>56</v>
      </c>
      <c r="FU27" s="103">
        <v>383</v>
      </c>
      <c r="FV27" s="104">
        <v>494</v>
      </c>
      <c r="FW27" s="101">
        <v>3</v>
      </c>
      <c r="FX27" s="102">
        <v>2</v>
      </c>
      <c r="FY27" s="103">
        <v>5</v>
      </c>
      <c r="FZ27" s="413">
        <v>0</v>
      </c>
      <c r="GA27" s="102">
        <v>1</v>
      </c>
      <c r="GB27" s="102">
        <v>5</v>
      </c>
      <c r="GC27" s="102">
        <v>1</v>
      </c>
      <c r="GD27" s="102">
        <v>2</v>
      </c>
      <c r="GE27" s="102">
        <v>4</v>
      </c>
      <c r="GF27" s="103">
        <v>13</v>
      </c>
      <c r="GG27" s="104">
        <v>18</v>
      </c>
      <c r="GH27" s="101">
        <v>255</v>
      </c>
      <c r="GI27" s="102">
        <v>175</v>
      </c>
      <c r="GJ27" s="103">
        <v>430</v>
      </c>
      <c r="GK27" s="413">
        <v>0</v>
      </c>
      <c r="GL27" s="102">
        <v>291</v>
      </c>
      <c r="GM27" s="102">
        <v>195</v>
      </c>
      <c r="GN27" s="102">
        <v>150</v>
      </c>
      <c r="GO27" s="102">
        <v>213</v>
      </c>
      <c r="GP27" s="102">
        <v>123</v>
      </c>
      <c r="GQ27" s="103">
        <v>972</v>
      </c>
      <c r="GR27" s="104">
        <v>1402</v>
      </c>
      <c r="GS27" s="105">
        <v>368</v>
      </c>
      <c r="GT27" s="97">
        <v>250</v>
      </c>
      <c r="GU27" s="98">
        <v>618</v>
      </c>
      <c r="GV27" s="413">
        <v>0</v>
      </c>
      <c r="GW27" s="97">
        <v>456</v>
      </c>
      <c r="GX27" s="97">
        <v>296</v>
      </c>
      <c r="GY27" s="97">
        <v>223</v>
      </c>
      <c r="GZ27" s="97">
        <v>271</v>
      </c>
      <c r="HA27" s="97">
        <v>166</v>
      </c>
      <c r="HB27" s="99">
        <v>1412</v>
      </c>
      <c r="HC27" s="100">
        <v>2030</v>
      </c>
      <c r="HD27" s="101">
        <v>7</v>
      </c>
      <c r="HE27" s="102">
        <v>6</v>
      </c>
      <c r="HF27" s="103">
        <v>13</v>
      </c>
      <c r="HG27" s="416">
        <v>0</v>
      </c>
      <c r="HH27" s="102">
        <v>10</v>
      </c>
      <c r="HI27" s="102">
        <v>2</v>
      </c>
      <c r="HJ27" s="102">
        <v>5</v>
      </c>
      <c r="HK27" s="102">
        <v>3</v>
      </c>
      <c r="HL27" s="102">
        <v>5</v>
      </c>
      <c r="HM27" s="103">
        <v>25</v>
      </c>
      <c r="HN27" s="104">
        <v>38</v>
      </c>
      <c r="HO27" s="101">
        <v>18</v>
      </c>
      <c r="HP27" s="102">
        <v>11</v>
      </c>
      <c r="HQ27" s="103">
        <v>29</v>
      </c>
      <c r="HR27" s="413">
        <v>0</v>
      </c>
      <c r="HS27" s="102">
        <v>21</v>
      </c>
      <c r="HT27" s="102">
        <v>13</v>
      </c>
      <c r="HU27" s="102">
        <v>7</v>
      </c>
      <c r="HV27" s="102">
        <v>12</v>
      </c>
      <c r="HW27" s="102">
        <v>12</v>
      </c>
      <c r="HX27" s="103">
        <v>65</v>
      </c>
      <c r="HY27" s="104">
        <v>94</v>
      </c>
      <c r="HZ27" s="101">
        <v>43</v>
      </c>
      <c r="IA27" s="102">
        <v>34</v>
      </c>
      <c r="IB27" s="103">
        <v>77</v>
      </c>
      <c r="IC27" s="413">
        <v>0</v>
      </c>
      <c r="ID27" s="102">
        <v>54</v>
      </c>
      <c r="IE27" s="102">
        <v>37</v>
      </c>
      <c r="IF27" s="102">
        <v>23</v>
      </c>
      <c r="IG27" s="102">
        <v>23</v>
      </c>
      <c r="IH27" s="102">
        <v>8</v>
      </c>
      <c r="II27" s="103">
        <v>145</v>
      </c>
      <c r="IJ27" s="104">
        <v>222</v>
      </c>
      <c r="IK27" s="101">
        <v>90</v>
      </c>
      <c r="IL27" s="102">
        <v>55</v>
      </c>
      <c r="IM27" s="103">
        <v>145</v>
      </c>
      <c r="IN27" s="413">
        <v>0</v>
      </c>
      <c r="IO27" s="102">
        <v>110</v>
      </c>
      <c r="IP27" s="102">
        <v>53</v>
      </c>
      <c r="IQ27" s="102">
        <v>49</v>
      </c>
      <c r="IR27" s="102">
        <v>45</v>
      </c>
      <c r="IS27" s="102">
        <v>29</v>
      </c>
      <c r="IT27" s="103">
        <v>286</v>
      </c>
      <c r="IU27" s="104">
        <v>431</v>
      </c>
      <c r="IV27" s="101">
        <v>120</v>
      </c>
      <c r="IW27" s="102">
        <v>73</v>
      </c>
      <c r="IX27" s="103">
        <v>193</v>
      </c>
      <c r="IY27" s="413">
        <v>0</v>
      </c>
      <c r="IZ27" s="102">
        <v>144</v>
      </c>
      <c r="JA27" s="102">
        <v>89</v>
      </c>
      <c r="JB27" s="102">
        <v>48</v>
      </c>
      <c r="JC27" s="102">
        <v>58</v>
      </c>
      <c r="JD27" s="102">
        <v>40</v>
      </c>
      <c r="JE27" s="103">
        <v>379</v>
      </c>
      <c r="JF27" s="104">
        <v>572</v>
      </c>
      <c r="JG27" s="101">
        <v>90</v>
      </c>
      <c r="JH27" s="102">
        <v>71</v>
      </c>
      <c r="JI27" s="103">
        <v>161</v>
      </c>
      <c r="JJ27" s="413">
        <v>0</v>
      </c>
      <c r="JK27" s="102">
        <v>117</v>
      </c>
      <c r="JL27" s="102">
        <v>102</v>
      </c>
      <c r="JM27" s="102">
        <v>91</v>
      </c>
      <c r="JN27" s="102">
        <v>130</v>
      </c>
      <c r="JO27" s="102">
        <v>72</v>
      </c>
      <c r="JP27" s="103">
        <v>512</v>
      </c>
      <c r="JQ27" s="104">
        <v>673</v>
      </c>
      <c r="JR27" s="101">
        <v>5</v>
      </c>
      <c r="JS27" s="102">
        <v>4</v>
      </c>
      <c r="JT27" s="103">
        <v>9</v>
      </c>
      <c r="JU27" s="413">
        <v>0</v>
      </c>
      <c r="JV27" s="102">
        <v>5</v>
      </c>
      <c r="JW27" s="102">
        <v>8</v>
      </c>
      <c r="JX27" s="102">
        <v>4</v>
      </c>
      <c r="JY27" s="102">
        <v>6</v>
      </c>
      <c r="JZ27" s="102">
        <v>4</v>
      </c>
      <c r="KA27" s="103">
        <v>27</v>
      </c>
      <c r="KB27" s="104">
        <v>36</v>
      </c>
      <c r="KC27" s="101">
        <v>373</v>
      </c>
      <c r="KD27" s="102">
        <v>254</v>
      </c>
      <c r="KE27" s="103">
        <v>627</v>
      </c>
      <c r="KF27" s="413">
        <v>0</v>
      </c>
      <c r="KG27" s="102">
        <v>461</v>
      </c>
      <c r="KH27" s="102">
        <v>304</v>
      </c>
      <c r="KI27" s="102">
        <v>227</v>
      </c>
      <c r="KJ27" s="102">
        <v>277</v>
      </c>
      <c r="KK27" s="102">
        <v>170</v>
      </c>
      <c r="KL27" s="103">
        <v>1439</v>
      </c>
      <c r="KM27" s="104">
        <v>2066</v>
      </c>
    </row>
    <row r="28" spans="2:299" s="70" customFormat="1" ht="21" customHeight="1" x14ac:dyDescent="0.2">
      <c r="B28" s="106" t="s">
        <v>25</v>
      </c>
      <c r="C28" s="96">
        <v>123</v>
      </c>
      <c r="D28" s="97">
        <v>131</v>
      </c>
      <c r="E28" s="98">
        <v>254</v>
      </c>
      <c r="F28" s="413">
        <v>0</v>
      </c>
      <c r="G28" s="97">
        <v>193</v>
      </c>
      <c r="H28" s="97">
        <v>171</v>
      </c>
      <c r="I28" s="97">
        <v>100</v>
      </c>
      <c r="J28" s="97">
        <v>101</v>
      </c>
      <c r="K28" s="97">
        <v>53</v>
      </c>
      <c r="L28" s="99">
        <v>618</v>
      </c>
      <c r="M28" s="100">
        <v>872</v>
      </c>
      <c r="N28" s="101">
        <v>3</v>
      </c>
      <c r="O28" s="102">
        <v>7</v>
      </c>
      <c r="P28" s="103">
        <v>10</v>
      </c>
      <c r="Q28" s="413">
        <v>0</v>
      </c>
      <c r="R28" s="102">
        <v>7</v>
      </c>
      <c r="S28" s="102">
        <v>7</v>
      </c>
      <c r="T28" s="102">
        <v>2</v>
      </c>
      <c r="U28" s="102">
        <v>5</v>
      </c>
      <c r="V28" s="102">
        <v>3</v>
      </c>
      <c r="W28" s="103">
        <v>24</v>
      </c>
      <c r="X28" s="104">
        <v>34</v>
      </c>
      <c r="Y28" s="101">
        <v>16</v>
      </c>
      <c r="Z28" s="102">
        <v>10</v>
      </c>
      <c r="AA28" s="103">
        <v>26</v>
      </c>
      <c r="AB28" s="413">
        <v>0</v>
      </c>
      <c r="AC28" s="102">
        <v>14</v>
      </c>
      <c r="AD28" s="102">
        <v>21</v>
      </c>
      <c r="AE28" s="102">
        <v>12</v>
      </c>
      <c r="AF28" s="102">
        <v>15</v>
      </c>
      <c r="AG28" s="102">
        <v>7</v>
      </c>
      <c r="AH28" s="103">
        <v>69</v>
      </c>
      <c r="AI28" s="104">
        <v>95</v>
      </c>
      <c r="AJ28" s="101">
        <v>20</v>
      </c>
      <c r="AK28" s="102">
        <v>18</v>
      </c>
      <c r="AL28" s="103">
        <v>38</v>
      </c>
      <c r="AM28" s="413">
        <v>0</v>
      </c>
      <c r="AN28" s="102">
        <v>32</v>
      </c>
      <c r="AO28" s="102">
        <v>32</v>
      </c>
      <c r="AP28" s="102">
        <v>19</v>
      </c>
      <c r="AQ28" s="102">
        <v>25</v>
      </c>
      <c r="AR28" s="102">
        <v>11</v>
      </c>
      <c r="AS28" s="103">
        <v>119</v>
      </c>
      <c r="AT28" s="104">
        <v>157</v>
      </c>
      <c r="AU28" s="101">
        <v>39</v>
      </c>
      <c r="AV28" s="102">
        <v>48</v>
      </c>
      <c r="AW28" s="103">
        <v>87</v>
      </c>
      <c r="AX28" s="413">
        <v>0</v>
      </c>
      <c r="AY28" s="102">
        <v>61</v>
      </c>
      <c r="AZ28" s="102">
        <v>45</v>
      </c>
      <c r="BA28" s="102">
        <v>28</v>
      </c>
      <c r="BB28" s="102">
        <v>22</v>
      </c>
      <c r="BC28" s="102">
        <v>13</v>
      </c>
      <c r="BD28" s="103">
        <v>169</v>
      </c>
      <c r="BE28" s="104">
        <v>256</v>
      </c>
      <c r="BF28" s="101">
        <v>29</v>
      </c>
      <c r="BG28" s="102">
        <v>32</v>
      </c>
      <c r="BH28" s="103">
        <v>61</v>
      </c>
      <c r="BI28" s="413">
        <v>0</v>
      </c>
      <c r="BJ28" s="102">
        <v>57</v>
      </c>
      <c r="BK28" s="102">
        <v>37</v>
      </c>
      <c r="BL28" s="102">
        <v>25</v>
      </c>
      <c r="BM28" s="102">
        <v>19</v>
      </c>
      <c r="BN28" s="102">
        <v>8</v>
      </c>
      <c r="BO28" s="103">
        <v>146</v>
      </c>
      <c r="BP28" s="104">
        <v>207</v>
      </c>
      <c r="BQ28" s="101">
        <v>16</v>
      </c>
      <c r="BR28" s="102">
        <v>16</v>
      </c>
      <c r="BS28" s="103">
        <v>32</v>
      </c>
      <c r="BT28" s="413">
        <v>0</v>
      </c>
      <c r="BU28" s="102">
        <v>22</v>
      </c>
      <c r="BV28" s="102">
        <v>29</v>
      </c>
      <c r="BW28" s="102">
        <v>14</v>
      </c>
      <c r="BX28" s="102">
        <v>15</v>
      </c>
      <c r="BY28" s="102">
        <v>11</v>
      </c>
      <c r="BZ28" s="103">
        <v>91</v>
      </c>
      <c r="CA28" s="104">
        <v>123</v>
      </c>
      <c r="CB28" s="101">
        <v>2</v>
      </c>
      <c r="CC28" s="102">
        <v>2</v>
      </c>
      <c r="CD28" s="103">
        <v>4</v>
      </c>
      <c r="CE28" s="413">
        <v>0</v>
      </c>
      <c r="CF28" s="102">
        <v>2</v>
      </c>
      <c r="CG28" s="102">
        <v>10</v>
      </c>
      <c r="CH28" s="102">
        <v>4</v>
      </c>
      <c r="CI28" s="102">
        <v>7</v>
      </c>
      <c r="CJ28" s="102">
        <v>1</v>
      </c>
      <c r="CK28" s="103">
        <v>24</v>
      </c>
      <c r="CL28" s="104">
        <v>28</v>
      </c>
      <c r="CM28" s="101">
        <v>125</v>
      </c>
      <c r="CN28" s="102">
        <v>133</v>
      </c>
      <c r="CO28" s="103">
        <v>258</v>
      </c>
      <c r="CP28" s="413">
        <v>0</v>
      </c>
      <c r="CQ28" s="102">
        <v>195</v>
      </c>
      <c r="CR28" s="102">
        <v>181</v>
      </c>
      <c r="CS28" s="102">
        <v>104</v>
      </c>
      <c r="CT28" s="102">
        <v>108</v>
      </c>
      <c r="CU28" s="102">
        <v>54</v>
      </c>
      <c r="CV28" s="103">
        <v>642</v>
      </c>
      <c r="CW28" s="104">
        <v>900</v>
      </c>
      <c r="CX28" s="105">
        <v>214</v>
      </c>
      <c r="CY28" s="97">
        <v>265</v>
      </c>
      <c r="CZ28" s="98">
        <v>479</v>
      </c>
      <c r="DA28" s="413">
        <v>0</v>
      </c>
      <c r="DB28" s="97">
        <v>339</v>
      </c>
      <c r="DC28" s="97">
        <v>240</v>
      </c>
      <c r="DD28" s="97">
        <v>179</v>
      </c>
      <c r="DE28" s="97">
        <v>204</v>
      </c>
      <c r="DF28" s="97">
        <v>97</v>
      </c>
      <c r="DG28" s="99">
        <v>1059</v>
      </c>
      <c r="DH28" s="100">
        <v>1538</v>
      </c>
      <c r="DI28" s="101">
        <v>5</v>
      </c>
      <c r="DJ28" s="102">
        <v>5</v>
      </c>
      <c r="DK28" s="103">
        <v>10</v>
      </c>
      <c r="DL28" s="413">
        <v>0</v>
      </c>
      <c r="DM28" s="102">
        <v>8</v>
      </c>
      <c r="DN28" s="102">
        <v>7</v>
      </c>
      <c r="DO28" s="102">
        <v>5</v>
      </c>
      <c r="DP28" s="102">
        <v>1</v>
      </c>
      <c r="DQ28" s="102">
        <v>3</v>
      </c>
      <c r="DR28" s="103">
        <v>24</v>
      </c>
      <c r="DS28" s="104">
        <v>34</v>
      </c>
      <c r="DT28" s="101">
        <v>10</v>
      </c>
      <c r="DU28" s="102">
        <v>25</v>
      </c>
      <c r="DV28" s="103">
        <v>35</v>
      </c>
      <c r="DW28" s="413">
        <v>0</v>
      </c>
      <c r="DX28" s="102">
        <v>22</v>
      </c>
      <c r="DY28" s="102">
        <v>10</v>
      </c>
      <c r="DZ28" s="102">
        <v>9</v>
      </c>
      <c r="EA28" s="102">
        <v>12</v>
      </c>
      <c r="EB28" s="102">
        <v>7</v>
      </c>
      <c r="EC28" s="103">
        <v>60</v>
      </c>
      <c r="ED28" s="104">
        <v>95</v>
      </c>
      <c r="EE28" s="101">
        <v>39</v>
      </c>
      <c r="EF28" s="102">
        <v>34</v>
      </c>
      <c r="EG28" s="103">
        <v>73</v>
      </c>
      <c r="EH28" s="413">
        <v>0</v>
      </c>
      <c r="EI28" s="102">
        <v>52</v>
      </c>
      <c r="EJ28" s="102">
        <v>31</v>
      </c>
      <c r="EK28" s="102">
        <v>19</v>
      </c>
      <c r="EL28" s="102">
        <v>24</v>
      </c>
      <c r="EM28" s="102">
        <v>13</v>
      </c>
      <c r="EN28" s="103">
        <v>139</v>
      </c>
      <c r="EO28" s="104">
        <v>212</v>
      </c>
      <c r="EP28" s="101">
        <v>73</v>
      </c>
      <c r="EQ28" s="102">
        <v>75</v>
      </c>
      <c r="ER28" s="103">
        <v>148</v>
      </c>
      <c r="ES28" s="413">
        <v>0</v>
      </c>
      <c r="ET28" s="102">
        <v>87</v>
      </c>
      <c r="EU28" s="102">
        <v>63</v>
      </c>
      <c r="EV28" s="102">
        <v>40</v>
      </c>
      <c r="EW28" s="102">
        <v>48</v>
      </c>
      <c r="EX28" s="102">
        <v>15</v>
      </c>
      <c r="EY28" s="103">
        <v>253</v>
      </c>
      <c r="EZ28" s="104">
        <v>401</v>
      </c>
      <c r="FA28" s="101">
        <v>57</v>
      </c>
      <c r="FB28" s="102">
        <v>73</v>
      </c>
      <c r="FC28" s="103">
        <v>130</v>
      </c>
      <c r="FD28" s="413">
        <v>0</v>
      </c>
      <c r="FE28" s="102">
        <v>88</v>
      </c>
      <c r="FF28" s="102">
        <v>63</v>
      </c>
      <c r="FG28" s="102">
        <v>46</v>
      </c>
      <c r="FH28" s="102">
        <v>46</v>
      </c>
      <c r="FI28" s="102">
        <v>30</v>
      </c>
      <c r="FJ28" s="103">
        <v>273</v>
      </c>
      <c r="FK28" s="104">
        <v>403</v>
      </c>
      <c r="FL28" s="101">
        <v>30</v>
      </c>
      <c r="FM28" s="102">
        <v>53</v>
      </c>
      <c r="FN28" s="103">
        <v>83</v>
      </c>
      <c r="FO28" s="413">
        <v>0</v>
      </c>
      <c r="FP28" s="102">
        <v>82</v>
      </c>
      <c r="FQ28" s="102">
        <v>66</v>
      </c>
      <c r="FR28" s="102">
        <v>60</v>
      </c>
      <c r="FS28" s="102">
        <v>73</v>
      </c>
      <c r="FT28" s="102">
        <v>29</v>
      </c>
      <c r="FU28" s="103">
        <v>310</v>
      </c>
      <c r="FV28" s="104">
        <v>393</v>
      </c>
      <c r="FW28" s="101">
        <v>1</v>
      </c>
      <c r="FX28" s="102">
        <v>4</v>
      </c>
      <c r="FY28" s="103">
        <v>5</v>
      </c>
      <c r="FZ28" s="413">
        <v>0</v>
      </c>
      <c r="GA28" s="102">
        <v>5</v>
      </c>
      <c r="GB28" s="102">
        <v>2</v>
      </c>
      <c r="GC28" s="102">
        <v>2</v>
      </c>
      <c r="GD28" s="102">
        <v>0</v>
      </c>
      <c r="GE28" s="102">
        <v>6</v>
      </c>
      <c r="GF28" s="103">
        <v>15</v>
      </c>
      <c r="GG28" s="104">
        <v>20</v>
      </c>
      <c r="GH28" s="101">
        <v>215</v>
      </c>
      <c r="GI28" s="102">
        <v>269</v>
      </c>
      <c r="GJ28" s="103">
        <v>484</v>
      </c>
      <c r="GK28" s="413">
        <v>0</v>
      </c>
      <c r="GL28" s="102">
        <v>344</v>
      </c>
      <c r="GM28" s="102">
        <v>242</v>
      </c>
      <c r="GN28" s="102">
        <v>181</v>
      </c>
      <c r="GO28" s="102">
        <v>204</v>
      </c>
      <c r="GP28" s="102">
        <v>103</v>
      </c>
      <c r="GQ28" s="103">
        <v>1074</v>
      </c>
      <c r="GR28" s="104">
        <v>1558</v>
      </c>
      <c r="GS28" s="105">
        <v>337</v>
      </c>
      <c r="GT28" s="97">
        <v>396</v>
      </c>
      <c r="GU28" s="98">
        <v>733</v>
      </c>
      <c r="GV28" s="413">
        <v>0</v>
      </c>
      <c r="GW28" s="97">
        <v>532</v>
      </c>
      <c r="GX28" s="97">
        <v>411</v>
      </c>
      <c r="GY28" s="97">
        <v>279</v>
      </c>
      <c r="GZ28" s="97">
        <v>305</v>
      </c>
      <c r="HA28" s="97">
        <v>150</v>
      </c>
      <c r="HB28" s="99">
        <v>1677</v>
      </c>
      <c r="HC28" s="100">
        <v>2410</v>
      </c>
      <c r="HD28" s="101">
        <v>8</v>
      </c>
      <c r="HE28" s="102">
        <v>12</v>
      </c>
      <c r="HF28" s="103">
        <v>20</v>
      </c>
      <c r="HG28" s="416">
        <v>0</v>
      </c>
      <c r="HH28" s="102">
        <v>15</v>
      </c>
      <c r="HI28" s="102">
        <v>14</v>
      </c>
      <c r="HJ28" s="102">
        <v>7</v>
      </c>
      <c r="HK28" s="102">
        <v>6</v>
      </c>
      <c r="HL28" s="102">
        <v>6</v>
      </c>
      <c r="HM28" s="103">
        <v>48</v>
      </c>
      <c r="HN28" s="104">
        <v>68</v>
      </c>
      <c r="HO28" s="101">
        <v>26</v>
      </c>
      <c r="HP28" s="102">
        <v>35</v>
      </c>
      <c r="HQ28" s="103">
        <v>61</v>
      </c>
      <c r="HR28" s="413">
        <v>0</v>
      </c>
      <c r="HS28" s="102">
        <v>36</v>
      </c>
      <c r="HT28" s="102">
        <v>31</v>
      </c>
      <c r="HU28" s="102">
        <v>21</v>
      </c>
      <c r="HV28" s="102">
        <v>27</v>
      </c>
      <c r="HW28" s="102">
        <v>14</v>
      </c>
      <c r="HX28" s="103">
        <v>129</v>
      </c>
      <c r="HY28" s="104">
        <v>190</v>
      </c>
      <c r="HZ28" s="101">
        <v>59</v>
      </c>
      <c r="IA28" s="102">
        <v>52</v>
      </c>
      <c r="IB28" s="103">
        <v>111</v>
      </c>
      <c r="IC28" s="413">
        <v>0</v>
      </c>
      <c r="ID28" s="102">
        <v>84</v>
      </c>
      <c r="IE28" s="102">
        <v>63</v>
      </c>
      <c r="IF28" s="102">
        <v>38</v>
      </c>
      <c r="IG28" s="102">
        <v>49</v>
      </c>
      <c r="IH28" s="102">
        <v>24</v>
      </c>
      <c r="II28" s="103">
        <v>258</v>
      </c>
      <c r="IJ28" s="104">
        <v>369</v>
      </c>
      <c r="IK28" s="101">
        <v>112</v>
      </c>
      <c r="IL28" s="102">
        <v>123</v>
      </c>
      <c r="IM28" s="103">
        <v>235</v>
      </c>
      <c r="IN28" s="413">
        <v>0</v>
      </c>
      <c r="IO28" s="102">
        <v>148</v>
      </c>
      <c r="IP28" s="102">
        <v>108</v>
      </c>
      <c r="IQ28" s="102">
        <v>68</v>
      </c>
      <c r="IR28" s="102">
        <v>70</v>
      </c>
      <c r="IS28" s="102">
        <v>28</v>
      </c>
      <c r="IT28" s="103">
        <v>422</v>
      </c>
      <c r="IU28" s="104">
        <v>657</v>
      </c>
      <c r="IV28" s="101">
        <v>86</v>
      </c>
      <c r="IW28" s="102">
        <v>105</v>
      </c>
      <c r="IX28" s="103">
        <v>191</v>
      </c>
      <c r="IY28" s="413">
        <v>0</v>
      </c>
      <c r="IZ28" s="102">
        <v>145</v>
      </c>
      <c r="JA28" s="102">
        <v>100</v>
      </c>
      <c r="JB28" s="102">
        <v>71</v>
      </c>
      <c r="JC28" s="102">
        <v>65</v>
      </c>
      <c r="JD28" s="102">
        <v>38</v>
      </c>
      <c r="JE28" s="103">
        <v>419</v>
      </c>
      <c r="JF28" s="104">
        <v>610</v>
      </c>
      <c r="JG28" s="101">
        <v>46</v>
      </c>
      <c r="JH28" s="102">
        <v>69</v>
      </c>
      <c r="JI28" s="103">
        <v>115</v>
      </c>
      <c r="JJ28" s="413">
        <v>0</v>
      </c>
      <c r="JK28" s="102">
        <v>104</v>
      </c>
      <c r="JL28" s="102">
        <v>95</v>
      </c>
      <c r="JM28" s="102">
        <v>74</v>
      </c>
      <c r="JN28" s="102">
        <v>88</v>
      </c>
      <c r="JO28" s="102">
        <v>40</v>
      </c>
      <c r="JP28" s="103">
        <v>401</v>
      </c>
      <c r="JQ28" s="104">
        <v>516</v>
      </c>
      <c r="JR28" s="101">
        <v>3</v>
      </c>
      <c r="JS28" s="102">
        <v>6</v>
      </c>
      <c r="JT28" s="103">
        <v>9</v>
      </c>
      <c r="JU28" s="413">
        <v>0</v>
      </c>
      <c r="JV28" s="102">
        <v>7</v>
      </c>
      <c r="JW28" s="102">
        <v>12</v>
      </c>
      <c r="JX28" s="102">
        <v>6</v>
      </c>
      <c r="JY28" s="102">
        <v>7</v>
      </c>
      <c r="JZ28" s="102">
        <v>7</v>
      </c>
      <c r="KA28" s="103">
        <v>39</v>
      </c>
      <c r="KB28" s="104">
        <v>48</v>
      </c>
      <c r="KC28" s="101">
        <v>340</v>
      </c>
      <c r="KD28" s="102">
        <v>402</v>
      </c>
      <c r="KE28" s="103">
        <v>742</v>
      </c>
      <c r="KF28" s="413">
        <v>0</v>
      </c>
      <c r="KG28" s="102">
        <v>539</v>
      </c>
      <c r="KH28" s="102">
        <v>423</v>
      </c>
      <c r="KI28" s="102">
        <v>285</v>
      </c>
      <c r="KJ28" s="102">
        <v>312</v>
      </c>
      <c r="KK28" s="102">
        <v>157</v>
      </c>
      <c r="KL28" s="103">
        <v>1716</v>
      </c>
      <c r="KM28" s="104">
        <v>2458</v>
      </c>
    </row>
    <row r="29" spans="2:299" s="70" customFormat="1" ht="21" customHeight="1" x14ac:dyDescent="0.2">
      <c r="B29" s="106" t="s">
        <v>26</v>
      </c>
      <c r="C29" s="96">
        <v>92</v>
      </c>
      <c r="D29" s="97">
        <v>81</v>
      </c>
      <c r="E29" s="98">
        <v>173</v>
      </c>
      <c r="F29" s="413">
        <v>0</v>
      </c>
      <c r="G29" s="97">
        <v>129</v>
      </c>
      <c r="H29" s="97">
        <v>139</v>
      </c>
      <c r="I29" s="97">
        <v>92</v>
      </c>
      <c r="J29" s="97">
        <v>69</v>
      </c>
      <c r="K29" s="97">
        <v>52</v>
      </c>
      <c r="L29" s="99">
        <v>481</v>
      </c>
      <c r="M29" s="100">
        <v>654</v>
      </c>
      <c r="N29" s="101">
        <v>1</v>
      </c>
      <c r="O29" s="102">
        <v>2</v>
      </c>
      <c r="P29" s="103">
        <v>3</v>
      </c>
      <c r="Q29" s="413">
        <v>0</v>
      </c>
      <c r="R29" s="102">
        <v>2</v>
      </c>
      <c r="S29" s="102">
        <v>3</v>
      </c>
      <c r="T29" s="102">
        <v>3</v>
      </c>
      <c r="U29" s="102">
        <v>5</v>
      </c>
      <c r="V29" s="102">
        <v>1</v>
      </c>
      <c r="W29" s="103">
        <v>14</v>
      </c>
      <c r="X29" s="104">
        <v>17</v>
      </c>
      <c r="Y29" s="101">
        <v>5</v>
      </c>
      <c r="Z29" s="102">
        <v>9</v>
      </c>
      <c r="AA29" s="103">
        <v>14</v>
      </c>
      <c r="AB29" s="413">
        <v>0</v>
      </c>
      <c r="AC29" s="102">
        <v>14</v>
      </c>
      <c r="AD29" s="102">
        <v>14</v>
      </c>
      <c r="AE29" s="102">
        <v>9</v>
      </c>
      <c r="AF29" s="102">
        <v>4</v>
      </c>
      <c r="AG29" s="102">
        <v>5</v>
      </c>
      <c r="AH29" s="103">
        <v>46</v>
      </c>
      <c r="AI29" s="104">
        <v>60</v>
      </c>
      <c r="AJ29" s="101">
        <v>13</v>
      </c>
      <c r="AK29" s="102">
        <v>15</v>
      </c>
      <c r="AL29" s="103">
        <v>28</v>
      </c>
      <c r="AM29" s="413">
        <v>0</v>
      </c>
      <c r="AN29" s="102">
        <v>22</v>
      </c>
      <c r="AO29" s="102">
        <v>17</v>
      </c>
      <c r="AP29" s="102">
        <v>7</v>
      </c>
      <c r="AQ29" s="102">
        <v>11</v>
      </c>
      <c r="AR29" s="102">
        <v>16</v>
      </c>
      <c r="AS29" s="103">
        <v>73</v>
      </c>
      <c r="AT29" s="104">
        <v>101</v>
      </c>
      <c r="AU29" s="101">
        <v>25</v>
      </c>
      <c r="AV29" s="102">
        <v>26</v>
      </c>
      <c r="AW29" s="103">
        <v>51</v>
      </c>
      <c r="AX29" s="413">
        <v>0</v>
      </c>
      <c r="AY29" s="102">
        <v>27</v>
      </c>
      <c r="AZ29" s="102">
        <v>36</v>
      </c>
      <c r="BA29" s="102">
        <v>26</v>
      </c>
      <c r="BB29" s="102">
        <v>19</v>
      </c>
      <c r="BC29" s="102">
        <v>11</v>
      </c>
      <c r="BD29" s="103">
        <v>119</v>
      </c>
      <c r="BE29" s="104">
        <v>170</v>
      </c>
      <c r="BF29" s="101">
        <v>25</v>
      </c>
      <c r="BG29" s="102">
        <v>16</v>
      </c>
      <c r="BH29" s="103">
        <v>41</v>
      </c>
      <c r="BI29" s="413">
        <v>0</v>
      </c>
      <c r="BJ29" s="102">
        <v>39</v>
      </c>
      <c r="BK29" s="102">
        <v>38</v>
      </c>
      <c r="BL29" s="102">
        <v>30</v>
      </c>
      <c r="BM29" s="102">
        <v>19</v>
      </c>
      <c r="BN29" s="102">
        <v>7</v>
      </c>
      <c r="BO29" s="103">
        <v>133</v>
      </c>
      <c r="BP29" s="104">
        <v>174</v>
      </c>
      <c r="BQ29" s="101">
        <v>23</v>
      </c>
      <c r="BR29" s="102">
        <v>13</v>
      </c>
      <c r="BS29" s="103">
        <v>36</v>
      </c>
      <c r="BT29" s="413">
        <v>0</v>
      </c>
      <c r="BU29" s="102">
        <v>25</v>
      </c>
      <c r="BV29" s="102">
        <v>31</v>
      </c>
      <c r="BW29" s="102">
        <v>17</v>
      </c>
      <c r="BX29" s="102">
        <v>11</v>
      </c>
      <c r="BY29" s="102">
        <v>12</v>
      </c>
      <c r="BZ29" s="103">
        <v>96</v>
      </c>
      <c r="CA29" s="104">
        <v>132</v>
      </c>
      <c r="CB29" s="101">
        <v>3</v>
      </c>
      <c r="CC29" s="102">
        <v>1</v>
      </c>
      <c r="CD29" s="103">
        <v>4</v>
      </c>
      <c r="CE29" s="413">
        <v>0</v>
      </c>
      <c r="CF29" s="102">
        <v>6</v>
      </c>
      <c r="CG29" s="102">
        <v>7</v>
      </c>
      <c r="CH29" s="102">
        <v>2</v>
      </c>
      <c r="CI29" s="102">
        <v>1</v>
      </c>
      <c r="CJ29" s="102">
        <v>1</v>
      </c>
      <c r="CK29" s="103">
        <v>17</v>
      </c>
      <c r="CL29" s="104">
        <v>21</v>
      </c>
      <c r="CM29" s="101">
        <v>95</v>
      </c>
      <c r="CN29" s="102">
        <v>82</v>
      </c>
      <c r="CO29" s="103">
        <v>177</v>
      </c>
      <c r="CP29" s="413">
        <v>0</v>
      </c>
      <c r="CQ29" s="102">
        <v>135</v>
      </c>
      <c r="CR29" s="102">
        <v>146</v>
      </c>
      <c r="CS29" s="102">
        <v>94</v>
      </c>
      <c r="CT29" s="102">
        <v>70</v>
      </c>
      <c r="CU29" s="102">
        <v>53</v>
      </c>
      <c r="CV29" s="103">
        <v>498</v>
      </c>
      <c r="CW29" s="104">
        <v>675</v>
      </c>
      <c r="CX29" s="105">
        <v>178</v>
      </c>
      <c r="CY29" s="97">
        <v>231</v>
      </c>
      <c r="CZ29" s="98">
        <v>409</v>
      </c>
      <c r="DA29" s="413">
        <v>0</v>
      </c>
      <c r="DB29" s="97">
        <v>243</v>
      </c>
      <c r="DC29" s="97">
        <v>271</v>
      </c>
      <c r="DD29" s="97">
        <v>183</v>
      </c>
      <c r="DE29" s="97">
        <v>157</v>
      </c>
      <c r="DF29" s="97">
        <v>122</v>
      </c>
      <c r="DG29" s="99">
        <v>976</v>
      </c>
      <c r="DH29" s="100">
        <v>1385</v>
      </c>
      <c r="DI29" s="101">
        <v>0</v>
      </c>
      <c r="DJ29" s="102">
        <v>4</v>
      </c>
      <c r="DK29" s="103">
        <v>4</v>
      </c>
      <c r="DL29" s="413">
        <v>0</v>
      </c>
      <c r="DM29" s="102">
        <v>3</v>
      </c>
      <c r="DN29" s="102">
        <v>4</v>
      </c>
      <c r="DO29" s="102">
        <v>2</v>
      </c>
      <c r="DP29" s="102">
        <v>4</v>
      </c>
      <c r="DQ29" s="102">
        <v>4</v>
      </c>
      <c r="DR29" s="103">
        <v>17</v>
      </c>
      <c r="DS29" s="104">
        <v>21</v>
      </c>
      <c r="DT29" s="101">
        <v>8</v>
      </c>
      <c r="DU29" s="102">
        <v>16</v>
      </c>
      <c r="DV29" s="103">
        <v>24</v>
      </c>
      <c r="DW29" s="413">
        <v>0</v>
      </c>
      <c r="DX29" s="102">
        <v>11</v>
      </c>
      <c r="DY29" s="102">
        <v>12</v>
      </c>
      <c r="DZ29" s="102">
        <v>5</v>
      </c>
      <c r="EA29" s="102">
        <v>6</v>
      </c>
      <c r="EB29" s="102">
        <v>6</v>
      </c>
      <c r="EC29" s="103">
        <v>40</v>
      </c>
      <c r="ED29" s="104">
        <v>64</v>
      </c>
      <c r="EE29" s="101">
        <v>26</v>
      </c>
      <c r="EF29" s="102">
        <v>32</v>
      </c>
      <c r="EG29" s="103">
        <v>58</v>
      </c>
      <c r="EH29" s="413">
        <v>0</v>
      </c>
      <c r="EI29" s="102">
        <v>26</v>
      </c>
      <c r="EJ29" s="102">
        <v>25</v>
      </c>
      <c r="EK29" s="102">
        <v>17</v>
      </c>
      <c r="EL29" s="102">
        <v>15</v>
      </c>
      <c r="EM29" s="102">
        <v>10</v>
      </c>
      <c r="EN29" s="103">
        <v>93</v>
      </c>
      <c r="EO29" s="104">
        <v>151</v>
      </c>
      <c r="EP29" s="101">
        <v>50</v>
      </c>
      <c r="EQ29" s="102">
        <v>68</v>
      </c>
      <c r="ER29" s="103">
        <v>118</v>
      </c>
      <c r="ES29" s="413">
        <v>0</v>
      </c>
      <c r="ET29" s="102">
        <v>54</v>
      </c>
      <c r="EU29" s="102">
        <v>71</v>
      </c>
      <c r="EV29" s="102">
        <v>37</v>
      </c>
      <c r="EW29" s="102">
        <v>25</v>
      </c>
      <c r="EX29" s="102">
        <v>13</v>
      </c>
      <c r="EY29" s="103">
        <v>200</v>
      </c>
      <c r="EZ29" s="104">
        <v>318</v>
      </c>
      <c r="FA29" s="101">
        <v>58</v>
      </c>
      <c r="FB29" s="102">
        <v>60</v>
      </c>
      <c r="FC29" s="103">
        <v>118</v>
      </c>
      <c r="FD29" s="413">
        <v>0</v>
      </c>
      <c r="FE29" s="102">
        <v>80</v>
      </c>
      <c r="FF29" s="102">
        <v>68</v>
      </c>
      <c r="FG29" s="102">
        <v>55</v>
      </c>
      <c r="FH29" s="102">
        <v>37</v>
      </c>
      <c r="FI29" s="102">
        <v>30</v>
      </c>
      <c r="FJ29" s="103">
        <v>270</v>
      </c>
      <c r="FK29" s="104">
        <v>388</v>
      </c>
      <c r="FL29" s="101">
        <v>36</v>
      </c>
      <c r="FM29" s="102">
        <v>51</v>
      </c>
      <c r="FN29" s="103">
        <v>87</v>
      </c>
      <c r="FO29" s="413">
        <v>0</v>
      </c>
      <c r="FP29" s="102">
        <v>69</v>
      </c>
      <c r="FQ29" s="102">
        <v>91</v>
      </c>
      <c r="FR29" s="102">
        <v>67</v>
      </c>
      <c r="FS29" s="102">
        <v>70</v>
      </c>
      <c r="FT29" s="102">
        <v>59</v>
      </c>
      <c r="FU29" s="103">
        <v>356</v>
      </c>
      <c r="FV29" s="104">
        <v>443</v>
      </c>
      <c r="FW29" s="101">
        <v>0</v>
      </c>
      <c r="FX29" s="102">
        <v>2</v>
      </c>
      <c r="FY29" s="103">
        <v>2</v>
      </c>
      <c r="FZ29" s="413">
        <v>0</v>
      </c>
      <c r="GA29" s="102">
        <v>2</v>
      </c>
      <c r="GB29" s="102">
        <v>1</v>
      </c>
      <c r="GC29" s="102">
        <v>5</v>
      </c>
      <c r="GD29" s="102">
        <v>2</v>
      </c>
      <c r="GE29" s="102">
        <v>2</v>
      </c>
      <c r="GF29" s="103">
        <v>12</v>
      </c>
      <c r="GG29" s="104">
        <v>14</v>
      </c>
      <c r="GH29" s="101">
        <v>178</v>
      </c>
      <c r="GI29" s="102">
        <v>233</v>
      </c>
      <c r="GJ29" s="103">
        <v>411</v>
      </c>
      <c r="GK29" s="413">
        <v>0</v>
      </c>
      <c r="GL29" s="102">
        <v>245</v>
      </c>
      <c r="GM29" s="102">
        <v>272</v>
      </c>
      <c r="GN29" s="102">
        <v>188</v>
      </c>
      <c r="GO29" s="102">
        <v>159</v>
      </c>
      <c r="GP29" s="102">
        <v>124</v>
      </c>
      <c r="GQ29" s="103">
        <v>988</v>
      </c>
      <c r="GR29" s="104">
        <v>1399</v>
      </c>
      <c r="GS29" s="105">
        <v>270</v>
      </c>
      <c r="GT29" s="97">
        <v>312</v>
      </c>
      <c r="GU29" s="98">
        <v>582</v>
      </c>
      <c r="GV29" s="413">
        <v>0</v>
      </c>
      <c r="GW29" s="97">
        <v>372</v>
      </c>
      <c r="GX29" s="97">
        <v>410</v>
      </c>
      <c r="GY29" s="97">
        <v>275</v>
      </c>
      <c r="GZ29" s="97">
        <v>226</v>
      </c>
      <c r="HA29" s="97">
        <v>174</v>
      </c>
      <c r="HB29" s="99">
        <v>1457</v>
      </c>
      <c r="HC29" s="100">
        <v>2039</v>
      </c>
      <c r="HD29" s="101">
        <v>1</v>
      </c>
      <c r="HE29" s="102">
        <v>6</v>
      </c>
      <c r="HF29" s="103">
        <v>7</v>
      </c>
      <c r="HG29" s="416">
        <v>0</v>
      </c>
      <c r="HH29" s="102">
        <v>5</v>
      </c>
      <c r="HI29" s="102">
        <v>7</v>
      </c>
      <c r="HJ29" s="102">
        <v>5</v>
      </c>
      <c r="HK29" s="102">
        <v>9</v>
      </c>
      <c r="HL29" s="102">
        <v>5</v>
      </c>
      <c r="HM29" s="103">
        <v>31</v>
      </c>
      <c r="HN29" s="104">
        <v>38</v>
      </c>
      <c r="HO29" s="101">
        <v>13</v>
      </c>
      <c r="HP29" s="102">
        <v>25</v>
      </c>
      <c r="HQ29" s="103">
        <v>38</v>
      </c>
      <c r="HR29" s="413">
        <v>0</v>
      </c>
      <c r="HS29" s="102">
        <v>25</v>
      </c>
      <c r="HT29" s="102">
        <v>26</v>
      </c>
      <c r="HU29" s="102">
        <v>14</v>
      </c>
      <c r="HV29" s="102">
        <v>10</v>
      </c>
      <c r="HW29" s="102">
        <v>11</v>
      </c>
      <c r="HX29" s="103">
        <v>86</v>
      </c>
      <c r="HY29" s="104">
        <v>124</v>
      </c>
      <c r="HZ29" s="101">
        <v>39</v>
      </c>
      <c r="IA29" s="102">
        <v>47</v>
      </c>
      <c r="IB29" s="103">
        <v>86</v>
      </c>
      <c r="IC29" s="413">
        <v>0</v>
      </c>
      <c r="ID29" s="102">
        <v>48</v>
      </c>
      <c r="IE29" s="102">
        <v>42</v>
      </c>
      <c r="IF29" s="102">
        <v>24</v>
      </c>
      <c r="IG29" s="102">
        <v>26</v>
      </c>
      <c r="IH29" s="102">
        <v>26</v>
      </c>
      <c r="II29" s="103">
        <v>166</v>
      </c>
      <c r="IJ29" s="104">
        <v>252</v>
      </c>
      <c r="IK29" s="101">
        <v>75</v>
      </c>
      <c r="IL29" s="102">
        <v>94</v>
      </c>
      <c r="IM29" s="103">
        <v>169</v>
      </c>
      <c r="IN29" s="413">
        <v>0</v>
      </c>
      <c r="IO29" s="102">
        <v>81</v>
      </c>
      <c r="IP29" s="102">
        <v>107</v>
      </c>
      <c r="IQ29" s="102">
        <v>63</v>
      </c>
      <c r="IR29" s="102">
        <v>44</v>
      </c>
      <c r="IS29" s="102">
        <v>24</v>
      </c>
      <c r="IT29" s="103">
        <v>319</v>
      </c>
      <c r="IU29" s="104">
        <v>488</v>
      </c>
      <c r="IV29" s="101">
        <v>83</v>
      </c>
      <c r="IW29" s="102">
        <v>76</v>
      </c>
      <c r="IX29" s="103">
        <v>159</v>
      </c>
      <c r="IY29" s="413">
        <v>0</v>
      </c>
      <c r="IZ29" s="102">
        <v>119</v>
      </c>
      <c r="JA29" s="102">
        <v>106</v>
      </c>
      <c r="JB29" s="102">
        <v>85</v>
      </c>
      <c r="JC29" s="102">
        <v>56</v>
      </c>
      <c r="JD29" s="102">
        <v>37</v>
      </c>
      <c r="JE29" s="103">
        <v>403</v>
      </c>
      <c r="JF29" s="104">
        <v>562</v>
      </c>
      <c r="JG29" s="101">
        <v>59</v>
      </c>
      <c r="JH29" s="102">
        <v>64</v>
      </c>
      <c r="JI29" s="103">
        <v>123</v>
      </c>
      <c r="JJ29" s="413">
        <v>0</v>
      </c>
      <c r="JK29" s="102">
        <v>94</v>
      </c>
      <c r="JL29" s="102">
        <v>122</v>
      </c>
      <c r="JM29" s="102">
        <v>84</v>
      </c>
      <c r="JN29" s="102">
        <v>81</v>
      </c>
      <c r="JO29" s="102">
        <v>71</v>
      </c>
      <c r="JP29" s="103">
        <v>452</v>
      </c>
      <c r="JQ29" s="104">
        <v>575</v>
      </c>
      <c r="JR29" s="101">
        <v>3</v>
      </c>
      <c r="JS29" s="102">
        <v>3</v>
      </c>
      <c r="JT29" s="103">
        <v>6</v>
      </c>
      <c r="JU29" s="413">
        <v>0</v>
      </c>
      <c r="JV29" s="102">
        <v>8</v>
      </c>
      <c r="JW29" s="102">
        <v>8</v>
      </c>
      <c r="JX29" s="102">
        <v>7</v>
      </c>
      <c r="JY29" s="102">
        <v>3</v>
      </c>
      <c r="JZ29" s="102">
        <v>3</v>
      </c>
      <c r="KA29" s="103">
        <v>29</v>
      </c>
      <c r="KB29" s="104">
        <v>35</v>
      </c>
      <c r="KC29" s="101">
        <v>273</v>
      </c>
      <c r="KD29" s="102">
        <v>315</v>
      </c>
      <c r="KE29" s="103">
        <v>588</v>
      </c>
      <c r="KF29" s="413">
        <v>0</v>
      </c>
      <c r="KG29" s="102">
        <v>380</v>
      </c>
      <c r="KH29" s="102">
        <v>418</v>
      </c>
      <c r="KI29" s="102">
        <v>282</v>
      </c>
      <c r="KJ29" s="102">
        <v>229</v>
      </c>
      <c r="KK29" s="102">
        <v>177</v>
      </c>
      <c r="KL29" s="103">
        <v>1486</v>
      </c>
      <c r="KM29" s="104">
        <v>2074</v>
      </c>
    </row>
    <row r="30" spans="2:299" s="70" customFormat="1" ht="21" customHeight="1" x14ac:dyDescent="0.2">
      <c r="B30" s="106" t="s">
        <v>27</v>
      </c>
      <c r="C30" s="96">
        <v>117</v>
      </c>
      <c r="D30" s="97">
        <v>129</v>
      </c>
      <c r="E30" s="98">
        <v>246</v>
      </c>
      <c r="F30" s="413">
        <v>0</v>
      </c>
      <c r="G30" s="97">
        <v>108</v>
      </c>
      <c r="H30" s="97">
        <v>91</v>
      </c>
      <c r="I30" s="97">
        <v>67</v>
      </c>
      <c r="J30" s="97">
        <v>82</v>
      </c>
      <c r="K30" s="97">
        <v>40</v>
      </c>
      <c r="L30" s="99">
        <v>388</v>
      </c>
      <c r="M30" s="100">
        <v>634</v>
      </c>
      <c r="N30" s="101">
        <v>2</v>
      </c>
      <c r="O30" s="102">
        <v>6</v>
      </c>
      <c r="P30" s="103">
        <v>8</v>
      </c>
      <c r="Q30" s="413">
        <v>0</v>
      </c>
      <c r="R30" s="102">
        <v>4</v>
      </c>
      <c r="S30" s="102">
        <v>0</v>
      </c>
      <c r="T30" s="102">
        <v>2</v>
      </c>
      <c r="U30" s="102">
        <v>3</v>
      </c>
      <c r="V30" s="102">
        <v>2</v>
      </c>
      <c r="W30" s="103">
        <v>11</v>
      </c>
      <c r="X30" s="104">
        <v>19</v>
      </c>
      <c r="Y30" s="101">
        <v>6</v>
      </c>
      <c r="Z30" s="102">
        <v>12</v>
      </c>
      <c r="AA30" s="103">
        <v>18</v>
      </c>
      <c r="AB30" s="413">
        <v>0</v>
      </c>
      <c r="AC30" s="102">
        <v>8</v>
      </c>
      <c r="AD30" s="102">
        <v>12</v>
      </c>
      <c r="AE30" s="102">
        <v>9</v>
      </c>
      <c r="AF30" s="102">
        <v>3</v>
      </c>
      <c r="AG30" s="102">
        <v>2</v>
      </c>
      <c r="AH30" s="103">
        <v>34</v>
      </c>
      <c r="AI30" s="104">
        <v>52</v>
      </c>
      <c r="AJ30" s="101">
        <v>24</v>
      </c>
      <c r="AK30" s="102">
        <v>27</v>
      </c>
      <c r="AL30" s="103">
        <v>51</v>
      </c>
      <c r="AM30" s="413">
        <v>0</v>
      </c>
      <c r="AN30" s="102">
        <v>21</v>
      </c>
      <c r="AO30" s="102">
        <v>17</v>
      </c>
      <c r="AP30" s="102">
        <v>7</v>
      </c>
      <c r="AQ30" s="102">
        <v>14</v>
      </c>
      <c r="AR30" s="102">
        <v>6</v>
      </c>
      <c r="AS30" s="103">
        <v>65</v>
      </c>
      <c r="AT30" s="104">
        <v>116</v>
      </c>
      <c r="AU30" s="101">
        <v>27</v>
      </c>
      <c r="AV30" s="102">
        <v>28</v>
      </c>
      <c r="AW30" s="103">
        <v>55</v>
      </c>
      <c r="AX30" s="413">
        <v>0</v>
      </c>
      <c r="AY30" s="102">
        <v>22</v>
      </c>
      <c r="AZ30" s="102">
        <v>25</v>
      </c>
      <c r="BA30" s="102">
        <v>17</v>
      </c>
      <c r="BB30" s="102">
        <v>20</v>
      </c>
      <c r="BC30" s="102">
        <v>11</v>
      </c>
      <c r="BD30" s="103">
        <v>95</v>
      </c>
      <c r="BE30" s="104">
        <v>150</v>
      </c>
      <c r="BF30" s="101">
        <v>39</v>
      </c>
      <c r="BG30" s="102">
        <v>36</v>
      </c>
      <c r="BH30" s="103">
        <v>75</v>
      </c>
      <c r="BI30" s="413">
        <v>0</v>
      </c>
      <c r="BJ30" s="102">
        <v>27</v>
      </c>
      <c r="BK30" s="102">
        <v>16</v>
      </c>
      <c r="BL30" s="102">
        <v>18</v>
      </c>
      <c r="BM30" s="102">
        <v>18</v>
      </c>
      <c r="BN30" s="102">
        <v>13</v>
      </c>
      <c r="BO30" s="103">
        <v>92</v>
      </c>
      <c r="BP30" s="104">
        <v>167</v>
      </c>
      <c r="BQ30" s="101">
        <v>19</v>
      </c>
      <c r="BR30" s="102">
        <v>20</v>
      </c>
      <c r="BS30" s="103">
        <v>39</v>
      </c>
      <c r="BT30" s="413">
        <v>0</v>
      </c>
      <c r="BU30" s="102">
        <v>26</v>
      </c>
      <c r="BV30" s="102">
        <v>21</v>
      </c>
      <c r="BW30" s="102">
        <v>14</v>
      </c>
      <c r="BX30" s="102">
        <v>24</v>
      </c>
      <c r="BY30" s="102">
        <v>6</v>
      </c>
      <c r="BZ30" s="103">
        <v>91</v>
      </c>
      <c r="CA30" s="104">
        <v>130</v>
      </c>
      <c r="CB30" s="101">
        <v>9</v>
      </c>
      <c r="CC30" s="102">
        <v>4</v>
      </c>
      <c r="CD30" s="103">
        <v>13</v>
      </c>
      <c r="CE30" s="413">
        <v>0</v>
      </c>
      <c r="CF30" s="102">
        <v>3</v>
      </c>
      <c r="CG30" s="102">
        <v>2</v>
      </c>
      <c r="CH30" s="102">
        <v>6</v>
      </c>
      <c r="CI30" s="102">
        <v>4</v>
      </c>
      <c r="CJ30" s="102">
        <v>1</v>
      </c>
      <c r="CK30" s="103">
        <v>16</v>
      </c>
      <c r="CL30" s="104">
        <v>29</v>
      </c>
      <c r="CM30" s="101">
        <v>126</v>
      </c>
      <c r="CN30" s="102">
        <v>133</v>
      </c>
      <c r="CO30" s="103">
        <v>259</v>
      </c>
      <c r="CP30" s="413">
        <v>0</v>
      </c>
      <c r="CQ30" s="102">
        <v>111</v>
      </c>
      <c r="CR30" s="102">
        <v>93</v>
      </c>
      <c r="CS30" s="102">
        <v>73</v>
      </c>
      <c r="CT30" s="102">
        <v>86</v>
      </c>
      <c r="CU30" s="102">
        <v>41</v>
      </c>
      <c r="CV30" s="103">
        <v>404</v>
      </c>
      <c r="CW30" s="104">
        <v>663</v>
      </c>
      <c r="CX30" s="105">
        <v>264</v>
      </c>
      <c r="CY30" s="97">
        <v>210</v>
      </c>
      <c r="CZ30" s="98">
        <v>474</v>
      </c>
      <c r="DA30" s="413">
        <v>0</v>
      </c>
      <c r="DB30" s="97">
        <v>251</v>
      </c>
      <c r="DC30" s="97">
        <v>136</v>
      </c>
      <c r="DD30" s="97">
        <v>135</v>
      </c>
      <c r="DE30" s="97">
        <v>150</v>
      </c>
      <c r="DF30" s="97">
        <v>101</v>
      </c>
      <c r="DG30" s="99">
        <v>773</v>
      </c>
      <c r="DH30" s="100">
        <v>1247</v>
      </c>
      <c r="DI30" s="101">
        <v>4</v>
      </c>
      <c r="DJ30" s="102">
        <v>2</v>
      </c>
      <c r="DK30" s="103">
        <v>6</v>
      </c>
      <c r="DL30" s="413">
        <v>0</v>
      </c>
      <c r="DM30" s="102">
        <v>4</v>
      </c>
      <c r="DN30" s="102">
        <v>1</v>
      </c>
      <c r="DO30" s="102">
        <v>0</v>
      </c>
      <c r="DP30" s="102">
        <v>1</v>
      </c>
      <c r="DQ30" s="102">
        <v>3</v>
      </c>
      <c r="DR30" s="103">
        <v>9</v>
      </c>
      <c r="DS30" s="104">
        <v>15</v>
      </c>
      <c r="DT30" s="101">
        <v>15</v>
      </c>
      <c r="DU30" s="102">
        <v>12</v>
      </c>
      <c r="DV30" s="103">
        <v>27</v>
      </c>
      <c r="DW30" s="413">
        <v>0</v>
      </c>
      <c r="DX30" s="102">
        <v>9</v>
      </c>
      <c r="DY30" s="102">
        <v>6</v>
      </c>
      <c r="DZ30" s="102">
        <v>7</v>
      </c>
      <c r="EA30" s="102">
        <v>8</v>
      </c>
      <c r="EB30" s="102">
        <v>0</v>
      </c>
      <c r="EC30" s="103">
        <v>30</v>
      </c>
      <c r="ED30" s="104">
        <v>57</v>
      </c>
      <c r="EE30" s="101">
        <v>40</v>
      </c>
      <c r="EF30" s="102">
        <v>23</v>
      </c>
      <c r="EG30" s="103">
        <v>63</v>
      </c>
      <c r="EH30" s="413">
        <v>0</v>
      </c>
      <c r="EI30" s="102">
        <v>22</v>
      </c>
      <c r="EJ30" s="102">
        <v>15</v>
      </c>
      <c r="EK30" s="102">
        <v>13</v>
      </c>
      <c r="EL30" s="102">
        <v>15</v>
      </c>
      <c r="EM30" s="102">
        <v>9</v>
      </c>
      <c r="EN30" s="103">
        <v>74</v>
      </c>
      <c r="EO30" s="104">
        <v>137</v>
      </c>
      <c r="EP30" s="101">
        <v>66</v>
      </c>
      <c r="EQ30" s="102">
        <v>45</v>
      </c>
      <c r="ER30" s="103">
        <v>111</v>
      </c>
      <c r="ES30" s="413">
        <v>0</v>
      </c>
      <c r="ET30" s="102">
        <v>63</v>
      </c>
      <c r="EU30" s="102">
        <v>22</v>
      </c>
      <c r="EV30" s="102">
        <v>23</v>
      </c>
      <c r="EW30" s="102">
        <v>28</v>
      </c>
      <c r="EX30" s="102">
        <v>17</v>
      </c>
      <c r="EY30" s="103">
        <v>153</v>
      </c>
      <c r="EZ30" s="104">
        <v>264</v>
      </c>
      <c r="FA30" s="101">
        <v>85</v>
      </c>
      <c r="FB30" s="102">
        <v>71</v>
      </c>
      <c r="FC30" s="103">
        <v>156</v>
      </c>
      <c r="FD30" s="413">
        <v>0</v>
      </c>
      <c r="FE30" s="102">
        <v>78</v>
      </c>
      <c r="FF30" s="102">
        <v>39</v>
      </c>
      <c r="FG30" s="102">
        <v>30</v>
      </c>
      <c r="FH30" s="102">
        <v>30</v>
      </c>
      <c r="FI30" s="102">
        <v>28</v>
      </c>
      <c r="FJ30" s="103">
        <v>205</v>
      </c>
      <c r="FK30" s="104">
        <v>361</v>
      </c>
      <c r="FL30" s="101">
        <v>54</v>
      </c>
      <c r="FM30" s="102">
        <v>57</v>
      </c>
      <c r="FN30" s="103">
        <v>111</v>
      </c>
      <c r="FO30" s="413">
        <v>0</v>
      </c>
      <c r="FP30" s="102">
        <v>75</v>
      </c>
      <c r="FQ30" s="102">
        <v>53</v>
      </c>
      <c r="FR30" s="102">
        <v>62</v>
      </c>
      <c r="FS30" s="102">
        <v>68</v>
      </c>
      <c r="FT30" s="102">
        <v>44</v>
      </c>
      <c r="FU30" s="103">
        <v>302</v>
      </c>
      <c r="FV30" s="104">
        <v>413</v>
      </c>
      <c r="FW30" s="101">
        <v>0</v>
      </c>
      <c r="FX30" s="102">
        <v>3</v>
      </c>
      <c r="FY30" s="103">
        <v>3</v>
      </c>
      <c r="FZ30" s="413">
        <v>0</v>
      </c>
      <c r="GA30" s="102">
        <v>3</v>
      </c>
      <c r="GB30" s="102">
        <v>6</v>
      </c>
      <c r="GC30" s="102">
        <v>2</v>
      </c>
      <c r="GD30" s="102">
        <v>2</v>
      </c>
      <c r="GE30" s="102">
        <v>3</v>
      </c>
      <c r="GF30" s="103">
        <v>16</v>
      </c>
      <c r="GG30" s="104">
        <v>19</v>
      </c>
      <c r="GH30" s="101">
        <v>264</v>
      </c>
      <c r="GI30" s="102">
        <v>213</v>
      </c>
      <c r="GJ30" s="103">
        <v>477</v>
      </c>
      <c r="GK30" s="413">
        <v>0</v>
      </c>
      <c r="GL30" s="102">
        <v>254</v>
      </c>
      <c r="GM30" s="102">
        <v>142</v>
      </c>
      <c r="GN30" s="102">
        <v>137</v>
      </c>
      <c r="GO30" s="102">
        <v>152</v>
      </c>
      <c r="GP30" s="102">
        <v>104</v>
      </c>
      <c r="GQ30" s="103">
        <v>789</v>
      </c>
      <c r="GR30" s="104">
        <v>1266</v>
      </c>
      <c r="GS30" s="105">
        <v>381</v>
      </c>
      <c r="GT30" s="97">
        <v>339</v>
      </c>
      <c r="GU30" s="98">
        <v>720</v>
      </c>
      <c r="GV30" s="413">
        <v>0</v>
      </c>
      <c r="GW30" s="97">
        <v>359</v>
      </c>
      <c r="GX30" s="97">
        <v>227</v>
      </c>
      <c r="GY30" s="97">
        <v>202</v>
      </c>
      <c r="GZ30" s="97">
        <v>232</v>
      </c>
      <c r="HA30" s="97">
        <v>141</v>
      </c>
      <c r="HB30" s="99">
        <v>1161</v>
      </c>
      <c r="HC30" s="100">
        <v>1881</v>
      </c>
      <c r="HD30" s="101">
        <v>6</v>
      </c>
      <c r="HE30" s="102">
        <v>8</v>
      </c>
      <c r="HF30" s="103">
        <v>14</v>
      </c>
      <c r="HG30" s="416">
        <v>0</v>
      </c>
      <c r="HH30" s="102">
        <v>8</v>
      </c>
      <c r="HI30" s="102">
        <v>1</v>
      </c>
      <c r="HJ30" s="102">
        <v>2</v>
      </c>
      <c r="HK30" s="102">
        <v>4</v>
      </c>
      <c r="HL30" s="102">
        <v>5</v>
      </c>
      <c r="HM30" s="103">
        <v>20</v>
      </c>
      <c r="HN30" s="104">
        <v>34</v>
      </c>
      <c r="HO30" s="101">
        <v>21</v>
      </c>
      <c r="HP30" s="102">
        <v>24</v>
      </c>
      <c r="HQ30" s="103">
        <v>45</v>
      </c>
      <c r="HR30" s="413">
        <v>0</v>
      </c>
      <c r="HS30" s="102">
        <v>17</v>
      </c>
      <c r="HT30" s="102">
        <v>18</v>
      </c>
      <c r="HU30" s="102">
        <v>16</v>
      </c>
      <c r="HV30" s="102">
        <v>11</v>
      </c>
      <c r="HW30" s="102">
        <v>2</v>
      </c>
      <c r="HX30" s="103">
        <v>64</v>
      </c>
      <c r="HY30" s="104">
        <v>109</v>
      </c>
      <c r="HZ30" s="101">
        <v>64</v>
      </c>
      <c r="IA30" s="102">
        <v>50</v>
      </c>
      <c r="IB30" s="103">
        <v>114</v>
      </c>
      <c r="IC30" s="413">
        <v>0</v>
      </c>
      <c r="ID30" s="102">
        <v>43</v>
      </c>
      <c r="IE30" s="102">
        <v>32</v>
      </c>
      <c r="IF30" s="102">
        <v>20</v>
      </c>
      <c r="IG30" s="102">
        <v>29</v>
      </c>
      <c r="IH30" s="102">
        <v>15</v>
      </c>
      <c r="II30" s="103">
        <v>139</v>
      </c>
      <c r="IJ30" s="104">
        <v>253</v>
      </c>
      <c r="IK30" s="101">
        <v>93</v>
      </c>
      <c r="IL30" s="102">
        <v>73</v>
      </c>
      <c r="IM30" s="103">
        <v>166</v>
      </c>
      <c r="IN30" s="413">
        <v>0</v>
      </c>
      <c r="IO30" s="102">
        <v>85</v>
      </c>
      <c r="IP30" s="102">
        <v>47</v>
      </c>
      <c r="IQ30" s="102">
        <v>40</v>
      </c>
      <c r="IR30" s="102">
        <v>48</v>
      </c>
      <c r="IS30" s="102">
        <v>28</v>
      </c>
      <c r="IT30" s="103">
        <v>248</v>
      </c>
      <c r="IU30" s="104">
        <v>414</v>
      </c>
      <c r="IV30" s="101">
        <v>124</v>
      </c>
      <c r="IW30" s="102">
        <v>107</v>
      </c>
      <c r="IX30" s="103">
        <v>231</v>
      </c>
      <c r="IY30" s="413">
        <v>0</v>
      </c>
      <c r="IZ30" s="102">
        <v>105</v>
      </c>
      <c r="JA30" s="102">
        <v>55</v>
      </c>
      <c r="JB30" s="102">
        <v>48</v>
      </c>
      <c r="JC30" s="102">
        <v>48</v>
      </c>
      <c r="JD30" s="102">
        <v>41</v>
      </c>
      <c r="JE30" s="103">
        <v>297</v>
      </c>
      <c r="JF30" s="104">
        <v>528</v>
      </c>
      <c r="JG30" s="101">
        <v>73</v>
      </c>
      <c r="JH30" s="102">
        <v>77</v>
      </c>
      <c r="JI30" s="103">
        <v>150</v>
      </c>
      <c r="JJ30" s="413">
        <v>0</v>
      </c>
      <c r="JK30" s="102">
        <v>101</v>
      </c>
      <c r="JL30" s="102">
        <v>74</v>
      </c>
      <c r="JM30" s="102">
        <v>76</v>
      </c>
      <c r="JN30" s="102">
        <v>92</v>
      </c>
      <c r="JO30" s="102">
        <v>50</v>
      </c>
      <c r="JP30" s="103">
        <v>393</v>
      </c>
      <c r="JQ30" s="104">
        <v>543</v>
      </c>
      <c r="JR30" s="101">
        <v>9</v>
      </c>
      <c r="JS30" s="102">
        <v>7</v>
      </c>
      <c r="JT30" s="103">
        <v>16</v>
      </c>
      <c r="JU30" s="413">
        <v>0</v>
      </c>
      <c r="JV30" s="102">
        <v>6</v>
      </c>
      <c r="JW30" s="102">
        <v>8</v>
      </c>
      <c r="JX30" s="102">
        <v>8</v>
      </c>
      <c r="JY30" s="102">
        <v>6</v>
      </c>
      <c r="JZ30" s="102">
        <v>4</v>
      </c>
      <c r="KA30" s="103">
        <v>32</v>
      </c>
      <c r="KB30" s="104">
        <v>48</v>
      </c>
      <c r="KC30" s="101">
        <v>390</v>
      </c>
      <c r="KD30" s="102">
        <v>346</v>
      </c>
      <c r="KE30" s="103">
        <v>736</v>
      </c>
      <c r="KF30" s="413">
        <v>0</v>
      </c>
      <c r="KG30" s="102">
        <v>365</v>
      </c>
      <c r="KH30" s="102">
        <v>235</v>
      </c>
      <c r="KI30" s="102">
        <v>210</v>
      </c>
      <c r="KJ30" s="102">
        <v>238</v>
      </c>
      <c r="KK30" s="102">
        <v>145</v>
      </c>
      <c r="KL30" s="103">
        <v>1193</v>
      </c>
      <c r="KM30" s="104">
        <v>1929</v>
      </c>
    </row>
    <row r="31" spans="2:299" s="70" customFormat="1" ht="21" customHeight="1" x14ac:dyDescent="0.2">
      <c r="B31" s="106" t="s">
        <v>28</v>
      </c>
      <c r="C31" s="96">
        <v>6</v>
      </c>
      <c r="D31" s="97">
        <v>26</v>
      </c>
      <c r="E31" s="98">
        <v>32</v>
      </c>
      <c r="F31" s="413">
        <v>0</v>
      </c>
      <c r="G31" s="97">
        <v>62</v>
      </c>
      <c r="H31" s="97">
        <v>47</v>
      </c>
      <c r="I31" s="97">
        <v>26</v>
      </c>
      <c r="J31" s="97">
        <v>17</v>
      </c>
      <c r="K31" s="97">
        <v>13</v>
      </c>
      <c r="L31" s="99">
        <v>165</v>
      </c>
      <c r="M31" s="100">
        <v>197</v>
      </c>
      <c r="N31" s="101">
        <v>0</v>
      </c>
      <c r="O31" s="102">
        <v>3</v>
      </c>
      <c r="P31" s="103">
        <v>3</v>
      </c>
      <c r="Q31" s="413">
        <v>0</v>
      </c>
      <c r="R31" s="102">
        <v>5</v>
      </c>
      <c r="S31" s="102">
        <v>1</v>
      </c>
      <c r="T31" s="102">
        <v>2</v>
      </c>
      <c r="U31" s="102">
        <v>1</v>
      </c>
      <c r="V31" s="102">
        <v>1</v>
      </c>
      <c r="W31" s="103">
        <v>10</v>
      </c>
      <c r="X31" s="104">
        <v>13</v>
      </c>
      <c r="Y31" s="101">
        <v>1</v>
      </c>
      <c r="Z31" s="102">
        <v>4</v>
      </c>
      <c r="AA31" s="103">
        <v>5</v>
      </c>
      <c r="AB31" s="413">
        <v>0</v>
      </c>
      <c r="AC31" s="102">
        <v>7</v>
      </c>
      <c r="AD31" s="102">
        <v>9</v>
      </c>
      <c r="AE31" s="102">
        <v>2</v>
      </c>
      <c r="AF31" s="102">
        <v>2</v>
      </c>
      <c r="AG31" s="102">
        <v>2</v>
      </c>
      <c r="AH31" s="103">
        <v>22</v>
      </c>
      <c r="AI31" s="104">
        <v>27</v>
      </c>
      <c r="AJ31" s="101">
        <v>1</v>
      </c>
      <c r="AK31" s="102">
        <v>3</v>
      </c>
      <c r="AL31" s="103">
        <v>4</v>
      </c>
      <c r="AM31" s="413">
        <v>0</v>
      </c>
      <c r="AN31" s="102">
        <v>9</v>
      </c>
      <c r="AO31" s="102">
        <v>11</v>
      </c>
      <c r="AP31" s="102">
        <v>4</v>
      </c>
      <c r="AQ31" s="102">
        <v>4</v>
      </c>
      <c r="AR31" s="102">
        <v>3</v>
      </c>
      <c r="AS31" s="103">
        <v>31</v>
      </c>
      <c r="AT31" s="104">
        <v>35</v>
      </c>
      <c r="AU31" s="101">
        <v>1</v>
      </c>
      <c r="AV31" s="102">
        <v>6</v>
      </c>
      <c r="AW31" s="103">
        <v>7</v>
      </c>
      <c r="AX31" s="413">
        <v>0</v>
      </c>
      <c r="AY31" s="102">
        <v>17</v>
      </c>
      <c r="AZ31" s="102">
        <v>8</v>
      </c>
      <c r="BA31" s="102">
        <v>6</v>
      </c>
      <c r="BB31" s="102">
        <v>4</v>
      </c>
      <c r="BC31" s="102">
        <v>1</v>
      </c>
      <c r="BD31" s="103">
        <v>36</v>
      </c>
      <c r="BE31" s="104">
        <v>43</v>
      </c>
      <c r="BF31" s="101">
        <v>2</v>
      </c>
      <c r="BG31" s="102">
        <v>6</v>
      </c>
      <c r="BH31" s="103">
        <v>8</v>
      </c>
      <c r="BI31" s="413">
        <v>0</v>
      </c>
      <c r="BJ31" s="102">
        <v>16</v>
      </c>
      <c r="BK31" s="102">
        <v>9</v>
      </c>
      <c r="BL31" s="102">
        <v>5</v>
      </c>
      <c r="BM31" s="102">
        <v>3</v>
      </c>
      <c r="BN31" s="102">
        <v>2</v>
      </c>
      <c r="BO31" s="103">
        <v>35</v>
      </c>
      <c r="BP31" s="104">
        <v>43</v>
      </c>
      <c r="BQ31" s="101">
        <v>1</v>
      </c>
      <c r="BR31" s="102">
        <v>4</v>
      </c>
      <c r="BS31" s="103">
        <v>5</v>
      </c>
      <c r="BT31" s="413">
        <v>0</v>
      </c>
      <c r="BU31" s="102">
        <v>8</v>
      </c>
      <c r="BV31" s="102">
        <v>9</v>
      </c>
      <c r="BW31" s="102">
        <v>7</v>
      </c>
      <c r="BX31" s="102">
        <v>3</v>
      </c>
      <c r="BY31" s="102">
        <v>4</v>
      </c>
      <c r="BZ31" s="103">
        <v>31</v>
      </c>
      <c r="CA31" s="104">
        <v>36</v>
      </c>
      <c r="CB31" s="101">
        <v>0</v>
      </c>
      <c r="CC31" s="102">
        <v>1</v>
      </c>
      <c r="CD31" s="103">
        <v>1</v>
      </c>
      <c r="CE31" s="413">
        <v>0</v>
      </c>
      <c r="CF31" s="102">
        <v>0</v>
      </c>
      <c r="CG31" s="102">
        <v>1</v>
      </c>
      <c r="CH31" s="102">
        <v>1</v>
      </c>
      <c r="CI31" s="102">
        <v>0</v>
      </c>
      <c r="CJ31" s="102">
        <v>2</v>
      </c>
      <c r="CK31" s="103">
        <v>4</v>
      </c>
      <c r="CL31" s="104">
        <v>5</v>
      </c>
      <c r="CM31" s="101">
        <v>6</v>
      </c>
      <c r="CN31" s="102">
        <v>27</v>
      </c>
      <c r="CO31" s="103">
        <v>33</v>
      </c>
      <c r="CP31" s="413">
        <v>0</v>
      </c>
      <c r="CQ31" s="102">
        <v>62</v>
      </c>
      <c r="CR31" s="102">
        <v>48</v>
      </c>
      <c r="CS31" s="102">
        <v>27</v>
      </c>
      <c r="CT31" s="102">
        <v>17</v>
      </c>
      <c r="CU31" s="102">
        <v>15</v>
      </c>
      <c r="CV31" s="103">
        <v>169</v>
      </c>
      <c r="CW31" s="104">
        <v>202</v>
      </c>
      <c r="CX31" s="105">
        <v>15</v>
      </c>
      <c r="CY31" s="97">
        <v>38</v>
      </c>
      <c r="CZ31" s="98">
        <v>53</v>
      </c>
      <c r="DA31" s="413">
        <v>0</v>
      </c>
      <c r="DB31" s="97">
        <v>61</v>
      </c>
      <c r="DC31" s="97">
        <v>71</v>
      </c>
      <c r="DD31" s="97">
        <v>52</v>
      </c>
      <c r="DE31" s="97">
        <v>51</v>
      </c>
      <c r="DF31" s="97">
        <v>38</v>
      </c>
      <c r="DG31" s="99">
        <v>273</v>
      </c>
      <c r="DH31" s="100">
        <v>326</v>
      </c>
      <c r="DI31" s="101">
        <v>1</v>
      </c>
      <c r="DJ31" s="102">
        <v>0</v>
      </c>
      <c r="DK31" s="103">
        <v>1</v>
      </c>
      <c r="DL31" s="413">
        <v>0</v>
      </c>
      <c r="DM31" s="102">
        <v>2</v>
      </c>
      <c r="DN31" s="102">
        <v>1</v>
      </c>
      <c r="DO31" s="102">
        <v>1</v>
      </c>
      <c r="DP31" s="102">
        <v>0</v>
      </c>
      <c r="DQ31" s="102">
        <v>0</v>
      </c>
      <c r="DR31" s="103">
        <v>4</v>
      </c>
      <c r="DS31" s="104">
        <v>5</v>
      </c>
      <c r="DT31" s="101">
        <v>3</v>
      </c>
      <c r="DU31" s="102">
        <v>5</v>
      </c>
      <c r="DV31" s="103">
        <v>8</v>
      </c>
      <c r="DW31" s="413">
        <v>0</v>
      </c>
      <c r="DX31" s="102">
        <v>3</v>
      </c>
      <c r="DY31" s="102">
        <v>6</v>
      </c>
      <c r="DZ31" s="102">
        <v>3</v>
      </c>
      <c r="EA31" s="102">
        <v>2</v>
      </c>
      <c r="EB31" s="102">
        <v>0</v>
      </c>
      <c r="EC31" s="103">
        <v>14</v>
      </c>
      <c r="ED31" s="104">
        <v>22</v>
      </c>
      <c r="EE31" s="101">
        <v>1</v>
      </c>
      <c r="EF31" s="102">
        <v>7</v>
      </c>
      <c r="EG31" s="103">
        <v>8</v>
      </c>
      <c r="EH31" s="413">
        <v>0</v>
      </c>
      <c r="EI31" s="102">
        <v>9</v>
      </c>
      <c r="EJ31" s="102">
        <v>10</v>
      </c>
      <c r="EK31" s="102">
        <v>6</v>
      </c>
      <c r="EL31" s="102">
        <v>4</v>
      </c>
      <c r="EM31" s="102">
        <v>5</v>
      </c>
      <c r="EN31" s="103">
        <v>34</v>
      </c>
      <c r="EO31" s="104">
        <v>42</v>
      </c>
      <c r="EP31" s="101">
        <v>7</v>
      </c>
      <c r="EQ31" s="102">
        <v>10</v>
      </c>
      <c r="ER31" s="103">
        <v>17</v>
      </c>
      <c r="ES31" s="413">
        <v>0</v>
      </c>
      <c r="ET31" s="102">
        <v>17</v>
      </c>
      <c r="EU31" s="102">
        <v>10</v>
      </c>
      <c r="EV31" s="102">
        <v>16</v>
      </c>
      <c r="EW31" s="102">
        <v>11</v>
      </c>
      <c r="EX31" s="102">
        <v>10</v>
      </c>
      <c r="EY31" s="103">
        <v>64</v>
      </c>
      <c r="EZ31" s="104">
        <v>81</v>
      </c>
      <c r="FA31" s="101">
        <v>3</v>
      </c>
      <c r="FB31" s="102">
        <v>11</v>
      </c>
      <c r="FC31" s="103">
        <v>14</v>
      </c>
      <c r="FD31" s="413">
        <v>0</v>
      </c>
      <c r="FE31" s="102">
        <v>19</v>
      </c>
      <c r="FF31" s="102">
        <v>24</v>
      </c>
      <c r="FG31" s="102">
        <v>8</v>
      </c>
      <c r="FH31" s="102">
        <v>15</v>
      </c>
      <c r="FI31" s="102">
        <v>10</v>
      </c>
      <c r="FJ31" s="103">
        <v>76</v>
      </c>
      <c r="FK31" s="104">
        <v>90</v>
      </c>
      <c r="FL31" s="101">
        <v>0</v>
      </c>
      <c r="FM31" s="102">
        <v>5</v>
      </c>
      <c r="FN31" s="103">
        <v>5</v>
      </c>
      <c r="FO31" s="413">
        <v>0</v>
      </c>
      <c r="FP31" s="102">
        <v>11</v>
      </c>
      <c r="FQ31" s="102">
        <v>20</v>
      </c>
      <c r="FR31" s="102">
        <v>18</v>
      </c>
      <c r="FS31" s="102">
        <v>19</v>
      </c>
      <c r="FT31" s="102">
        <v>13</v>
      </c>
      <c r="FU31" s="103">
        <v>81</v>
      </c>
      <c r="FV31" s="104">
        <v>86</v>
      </c>
      <c r="FW31" s="101">
        <v>1</v>
      </c>
      <c r="FX31" s="102">
        <v>1</v>
      </c>
      <c r="FY31" s="103">
        <v>2</v>
      </c>
      <c r="FZ31" s="413">
        <v>0</v>
      </c>
      <c r="GA31" s="102">
        <v>1</v>
      </c>
      <c r="GB31" s="102">
        <v>1</v>
      </c>
      <c r="GC31" s="102">
        <v>0</v>
      </c>
      <c r="GD31" s="102">
        <v>1</v>
      </c>
      <c r="GE31" s="102">
        <v>2</v>
      </c>
      <c r="GF31" s="103">
        <v>5</v>
      </c>
      <c r="GG31" s="104">
        <v>7</v>
      </c>
      <c r="GH31" s="101">
        <v>16</v>
      </c>
      <c r="GI31" s="102">
        <v>39</v>
      </c>
      <c r="GJ31" s="103">
        <v>55</v>
      </c>
      <c r="GK31" s="413">
        <v>0</v>
      </c>
      <c r="GL31" s="102">
        <v>62</v>
      </c>
      <c r="GM31" s="102">
        <v>72</v>
      </c>
      <c r="GN31" s="102">
        <v>52</v>
      </c>
      <c r="GO31" s="102">
        <v>52</v>
      </c>
      <c r="GP31" s="102">
        <v>40</v>
      </c>
      <c r="GQ31" s="103">
        <v>278</v>
      </c>
      <c r="GR31" s="104">
        <v>333</v>
      </c>
      <c r="GS31" s="105">
        <v>21</v>
      </c>
      <c r="GT31" s="97">
        <v>64</v>
      </c>
      <c r="GU31" s="98">
        <v>85</v>
      </c>
      <c r="GV31" s="413">
        <v>0</v>
      </c>
      <c r="GW31" s="97">
        <v>123</v>
      </c>
      <c r="GX31" s="97">
        <v>118</v>
      </c>
      <c r="GY31" s="97">
        <v>78</v>
      </c>
      <c r="GZ31" s="97">
        <v>68</v>
      </c>
      <c r="HA31" s="97">
        <v>51</v>
      </c>
      <c r="HB31" s="99">
        <v>438</v>
      </c>
      <c r="HC31" s="100">
        <v>523</v>
      </c>
      <c r="HD31" s="101">
        <v>1</v>
      </c>
      <c r="HE31" s="102">
        <v>3</v>
      </c>
      <c r="HF31" s="103">
        <v>4</v>
      </c>
      <c r="HG31" s="416">
        <v>0</v>
      </c>
      <c r="HH31" s="102">
        <v>7</v>
      </c>
      <c r="HI31" s="102">
        <v>2</v>
      </c>
      <c r="HJ31" s="102">
        <v>3</v>
      </c>
      <c r="HK31" s="102">
        <v>1</v>
      </c>
      <c r="HL31" s="102">
        <v>1</v>
      </c>
      <c r="HM31" s="103">
        <v>14</v>
      </c>
      <c r="HN31" s="104">
        <v>18</v>
      </c>
      <c r="HO31" s="101">
        <v>4</v>
      </c>
      <c r="HP31" s="102">
        <v>9</v>
      </c>
      <c r="HQ31" s="103">
        <v>13</v>
      </c>
      <c r="HR31" s="413">
        <v>0</v>
      </c>
      <c r="HS31" s="102">
        <v>10</v>
      </c>
      <c r="HT31" s="102">
        <v>15</v>
      </c>
      <c r="HU31" s="102">
        <v>5</v>
      </c>
      <c r="HV31" s="102">
        <v>4</v>
      </c>
      <c r="HW31" s="102">
        <v>2</v>
      </c>
      <c r="HX31" s="103">
        <v>36</v>
      </c>
      <c r="HY31" s="104">
        <v>49</v>
      </c>
      <c r="HZ31" s="101">
        <v>2</v>
      </c>
      <c r="IA31" s="102">
        <v>10</v>
      </c>
      <c r="IB31" s="103">
        <v>12</v>
      </c>
      <c r="IC31" s="413">
        <v>0</v>
      </c>
      <c r="ID31" s="102">
        <v>18</v>
      </c>
      <c r="IE31" s="102">
        <v>21</v>
      </c>
      <c r="IF31" s="102">
        <v>10</v>
      </c>
      <c r="IG31" s="102">
        <v>8</v>
      </c>
      <c r="IH31" s="102">
        <v>8</v>
      </c>
      <c r="II31" s="103">
        <v>65</v>
      </c>
      <c r="IJ31" s="104">
        <v>77</v>
      </c>
      <c r="IK31" s="101">
        <v>8</v>
      </c>
      <c r="IL31" s="102">
        <v>16</v>
      </c>
      <c r="IM31" s="103">
        <v>24</v>
      </c>
      <c r="IN31" s="413">
        <v>0</v>
      </c>
      <c r="IO31" s="102">
        <v>34</v>
      </c>
      <c r="IP31" s="102">
        <v>18</v>
      </c>
      <c r="IQ31" s="102">
        <v>22</v>
      </c>
      <c r="IR31" s="102">
        <v>15</v>
      </c>
      <c r="IS31" s="102">
        <v>11</v>
      </c>
      <c r="IT31" s="103">
        <v>100</v>
      </c>
      <c r="IU31" s="104">
        <v>124</v>
      </c>
      <c r="IV31" s="101">
        <v>5</v>
      </c>
      <c r="IW31" s="102">
        <v>17</v>
      </c>
      <c r="IX31" s="103">
        <v>22</v>
      </c>
      <c r="IY31" s="413">
        <v>0</v>
      </c>
      <c r="IZ31" s="102">
        <v>35</v>
      </c>
      <c r="JA31" s="102">
        <v>33</v>
      </c>
      <c r="JB31" s="102">
        <v>13</v>
      </c>
      <c r="JC31" s="102">
        <v>18</v>
      </c>
      <c r="JD31" s="102">
        <v>12</v>
      </c>
      <c r="JE31" s="103">
        <v>111</v>
      </c>
      <c r="JF31" s="104">
        <v>133</v>
      </c>
      <c r="JG31" s="101">
        <v>1</v>
      </c>
      <c r="JH31" s="102">
        <v>9</v>
      </c>
      <c r="JI31" s="103">
        <v>10</v>
      </c>
      <c r="JJ31" s="413">
        <v>0</v>
      </c>
      <c r="JK31" s="102">
        <v>19</v>
      </c>
      <c r="JL31" s="102">
        <v>29</v>
      </c>
      <c r="JM31" s="102">
        <v>25</v>
      </c>
      <c r="JN31" s="102">
        <v>22</v>
      </c>
      <c r="JO31" s="102">
        <v>17</v>
      </c>
      <c r="JP31" s="103">
        <v>112</v>
      </c>
      <c r="JQ31" s="104">
        <v>122</v>
      </c>
      <c r="JR31" s="101">
        <v>1</v>
      </c>
      <c r="JS31" s="102">
        <v>2</v>
      </c>
      <c r="JT31" s="103">
        <v>3</v>
      </c>
      <c r="JU31" s="413">
        <v>0</v>
      </c>
      <c r="JV31" s="102">
        <v>1</v>
      </c>
      <c r="JW31" s="102">
        <v>2</v>
      </c>
      <c r="JX31" s="102">
        <v>1</v>
      </c>
      <c r="JY31" s="102">
        <v>1</v>
      </c>
      <c r="JZ31" s="102">
        <v>4</v>
      </c>
      <c r="KA31" s="103">
        <v>9</v>
      </c>
      <c r="KB31" s="104">
        <v>12</v>
      </c>
      <c r="KC31" s="101">
        <v>22</v>
      </c>
      <c r="KD31" s="102">
        <v>66</v>
      </c>
      <c r="KE31" s="103">
        <v>88</v>
      </c>
      <c r="KF31" s="413">
        <v>0</v>
      </c>
      <c r="KG31" s="102">
        <v>124</v>
      </c>
      <c r="KH31" s="102">
        <v>120</v>
      </c>
      <c r="KI31" s="102">
        <v>79</v>
      </c>
      <c r="KJ31" s="102">
        <v>69</v>
      </c>
      <c r="KK31" s="102">
        <v>55</v>
      </c>
      <c r="KL31" s="103">
        <v>447</v>
      </c>
      <c r="KM31" s="104">
        <v>535</v>
      </c>
    </row>
    <row r="32" spans="2:299" s="70" customFormat="1" ht="21" customHeight="1" x14ac:dyDescent="0.2">
      <c r="B32" s="106" t="s">
        <v>29</v>
      </c>
      <c r="C32" s="96">
        <v>19</v>
      </c>
      <c r="D32" s="97">
        <v>21</v>
      </c>
      <c r="E32" s="98">
        <v>40</v>
      </c>
      <c r="F32" s="413">
        <v>0</v>
      </c>
      <c r="G32" s="97">
        <v>44</v>
      </c>
      <c r="H32" s="97">
        <v>55</v>
      </c>
      <c r="I32" s="97">
        <v>46</v>
      </c>
      <c r="J32" s="97">
        <v>27</v>
      </c>
      <c r="K32" s="97">
        <v>20</v>
      </c>
      <c r="L32" s="99">
        <v>192</v>
      </c>
      <c r="M32" s="100">
        <v>232</v>
      </c>
      <c r="N32" s="101">
        <v>2</v>
      </c>
      <c r="O32" s="102">
        <v>1</v>
      </c>
      <c r="P32" s="103">
        <v>3</v>
      </c>
      <c r="Q32" s="413">
        <v>0</v>
      </c>
      <c r="R32" s="102">
        <v>4</v>
      </c>
      <c r="S32" s="102">
        <v>5</v>
      </c>
      <c r="T32" s="102">
        <v>0</v>
      </c>
      <c r="U32" s="102">
        <v>1</v>
      </c>
      <c r="V32" s="102">
        <v>2</v>
      </c>
      <c r="W32" s="103">
        <v>12</v>
      </c>
      <c r="X32" s="104">
        <v>15</v>
      </c>
      <c r="Y32" s="101">
        <v>2</v>
      </c>
      <c r="Z32" s="102">
        <v>6</v>
      </c>
      <c r="AA32" s="103">
        <v>8</v>
      </c>
      <c r="AB32" s="413">
        <v>0</v>
      </c>
      <c r="AC32" s="102">
        <v>6</v>
      </c>
      <c r="AD32" s="102">
        <v>5</v>
      </c>
      <c r="AE32" s="102">
        <v>8</v>
      </c>
      <c r="AF32" s="102">
        <v>3</v>
      </c>
      <c r="AG32" s="102">
        <v>2</v>
      </c>
      <c r="AH32" s="103">
        <v>24</v>
      </c>
      <c r="AI32" s="104">
        <v>32</v>
      </c>
      <c r="AJ32" s="101">
        <v>1</v>
      </c>
      <c r="AK32" s="102">
        <v>0</v>
      </c>
      <c r="AL32" s="103">
        <v>1</v>
      </c>
      <c r="AM32" s="413">
        <v>0</v>
      </c>
      <c r="AN32" s="102">
        <v>12</v>
      </c>
      <c r="AO32" s="102">
        <v>9</v>
      </c>
      <c r="AP32" s="102">
        <v>9</v>
      </c>
      <c r="AQ32" s="102">
        <v>7</v>
      </c>
      <c r="AR32" s="102">
        <v>4</v>
      </c>
      <c r="AS32" s="103">
        <v>41</v>
      </c>
      <c r="AT32" s="104">
        <v>42</v>
      </c>
      <c r="AU32" s="101">
        <v>7</v>
      </c>
      <c r="AV32" s="102">
        <v>7</v>
      </c>
      <c r="AW32" s="103">
        <v>14</v>
      </c>
      <c r="AX32" s="413">
        <v>0</v>
      </c>
      <c r="AY32" s="102">
        <v>8</v>
      </c>
      <c r="AZ32" s="102">
        <v>10</v>
      </c>
      <c r="BA32" s="102">
        <v>9</v>
      </c>
      <c r="BB32" s="102">
        <v>7</v>
      </c>
      <c r="BC32" s="102">
        <v>3</v>
      </c>
      <c r="BD32" s="103">
        <v>37</v>
      </c>
      <c r="BE32" s="104">
        <v>51</v>
      </c>
      <c r="BF32" s="101">
        <v>4</v>
      </c>
      <c r="BG32" s="102">
        <v>4</v>
      </c>
      <c r="BH32" s="103">
        <v>8</v>
      </c>
      <c r="BI32" s="413">
        <v>0</v>
      </c>
      <c r="BJ32" s="102">
        <v>9</v>
      </c>
      <c r="BK32" s="102">
        <v>9</v>
      </c>
      <c r="BL32" s="102">
        <v>13</v>
      </c>
      <c r="BM32" s="102">
        <v>2</v>
      </c>
      <c r="BN32" s="102">
        <v>2</v>
      </c>
      <c r="BO32" s="103">
        <v>35</v>
      </c>
      <c r="BP32" s="104">
        <v>43</v>
      </c>
      <c r="BQ32" s="101">
        <v>3</v>
      </c>
      <c r="BR32" s="102">
        <v>3</v>
      </c>
      <c r="BS32" s="103">
        <v>6</v>
      </c>
      <c r="BT32" s="413">
        <v>0</v>
      </c>
      <c r="BU32" s="102">
        <v>5</v>
      </c>
      <c r="BV32" s="102">
        <v>17</v>
      </c>
      <c r="BW32" s="102">
        <v>7</v>
      </c>
      <c r="BX32" s="102">
        <v>7</v>
      </c>
      <c r="BY32" s="102">
        <v>7</v>
      </c>
      <c r="BZ32" s="103">
        <v>43</v>
      </c>
      <c r="CA32" s="104">
        <v>49</v>
      </c>
      <c r="CB32" s="101">
        <v>2</v>
      </c>
      <c r="CC32" s="102">
        <v>2</v>
      </c>
      <c r="CD32" s="103">
        <v>4</v>
      </c>
      <c r="CE32" s="413">
        <v>0</v>
      </c>
      <c r="CF32" s="102">
        <v>2</v>
      </c>
      <c r="CG32" s="102">
        <v>1</v>
      </c>
      <c r="CH32" s="102">
        <v>1</v>
      </c>
      <c r="CI32" s="102">
        <v>0</v>
      </c>
      <c r="CJ32" s="102">
        <v>3</v>
      </c>
      <c r="CK32" s="103">
        <v>7</v>
      </c>
      <c r="CL32" s="104">
        <v>11</v>
      </c>
      <c r="CM32" s="101">
        <v>21</v>
      </c>
      <c r="CN32" s="102">
        <v>23</v>
      </c>
      <c r="CO32" s="103">
        <v>44</v>
      </c>
      <c r="CP32" s="413">
        <v>0</v>
      </c>
      <c r="CQ32" s="102">
        <v>46</v>
      </c>
      <c r="CR32" s="102">
        <v>56</v>
      </c>
      <c r="CS32" s="102">
        <v>47</v>
      </c>
      <c r="CT32" s="102">
        <v>27</v>
      </c>
      <c r="CU32" s="102">
        <v>23</v>
      </c>
      <c r="CV32" s="103">
        <v>199</v>
      </c>
      <c r="CW32" s="104">
        <v>243</v>
      </c>
      <c r="CX32" s="105">
        <v>40</v>
      </c>
      <c r="CY32" s="97">
        <v>58</v>
      </c>
      <c r="CZ32" s="98">
        <v>98</v>
      </c>
      <c r="DA32" s="413">
        <v>0</v>
      </c>
      <c r="DB32" s="97">
        <v>89</v>
      </c>
      <c r="DC32" s="97">
        <v>91</v>
      </c>
      <c r="DD32" s="97">
        <v>77</v>
      </c>
      <c r="DE32" s="97">
        <v>89</v>
      </c>
      <c r="DF32" s="97">
        <v>52</v>
      </c>
      <c r="DG32" s="99">
        <v>398</v>
      </c>
      <c r="DH32" s="100">
        <v>496</v>
      </c>
      <c r="DI32" s="101">
        <v>3</v>
      </c>
      <c r="DJ32" s="102">
        <v>1</v>
      </c>
      <c r="DK32" s="103">
        <v>4</v>
      </c>
      <c r="DL32" s="413">
        <v>0</v>
      </c>
      <c r="DM32" s="102">
        <v>1</v>
      </c>
      <c r="DN32" s="102">
        <v>4</v>
      </c>
      <c r="DO32" s="102">
        <v>2</v>
      </c>
      <c r="DP32" s="102">
        <v>3</v>
      </c>
      <c r="DQ32" s="102">
        <v>2</v>
      </c>
      <c r="DR32" s="103">
        <v>12</v>
      </c>
      <c r="DS32" s="104">
        <v>16</v>
      </c>
      <c r="DT32" s="101">
        <v>2</v>
      </c>
      <c r="DU32" s="102">
        <v>7</v>
      </c>
      <c r="DV32" s="103">
        <v>9</v>
      </c>
      <c r="DW32" s="413">
        <v>0</v>
      </c>
      <c r="DX32" s="102">
        <v>6</v>
      </c>
      <c r="DY32" s="102">
        <v>7</v>
      </c>
      <c r="DZ32" s="102">
        <v>5</v>
      </c>
      <c r="EA32" s="102">
        <v>1</v>
      </c>
      <c r="EB32" s="102">
        <v>2</v>
      </c>
      <c r="EC32" s="103">
        <v>21</v>
      </c>
      <c r="ED32" s="104">
        <v>30</v>
      </c>
      <c r="EE32" s="101">
        <v>4</v>
      </c>
      <c r="EF32" s="102">
        <v>10</v>
      </c>
      <c r="EG32" s="103">
        <v>14</v>
      </c>
      <c r="EH32" s="413">
        <v>0</v>
      </c>
      <c r="EI32" s="102">
        <v>8</v>
      </c>
      <c r="EJ32" s="102">
        <v>10</v>
      </c>
      <c r="EK32" s="102">
        <v>4</v>
      </c>
      <c r="EL32" s="102">
        <v>10</v>
      </c>
      <c r="EM32" s="102">
        <v>7</v>
      </c>
      <c r="EN32" s="103">
        <v>39</v>
      </c>
      <c r="EO32" s="104">
        <v>53</v>
      </c>
      <c r="EP32" s="101">
        <v>12</v>
      </c>
      <c r="EQ32" s="102">
        <v>17</v>
      </c>
      <c r="ER32" s="103">
        <v>29</v>
      </c>
      <c r="ES32" s="413">
        <v>0</v>
      </c>
      <c r="ET32" s="102">
        <v>25</v>
      </c>
      <c r="EU32" s="102">
        <v>13</v>
      </c>
      <c r="EV32" s="102">
        <v>28</v>
      </c>
      <c r="EW32" s="102">
        <v>13</v>
      </c>
      <c r="EX32" s="102">
        <v>10</v>
      </c>
      <c r="EY32" s="103">
        <v>89</v>
      </c>
      <c r="EZ32" s="104">
        <v>118</v>
      </c>
      <c r="FA32" s="101">
        <v>13</v>
      </c>
      <c r="FB32" s="102">
        <v>12</v>
      </c>
      <c r="FC32" s="103">
        <v>25</v>
      </c>
      <c r="FD32" s="413">
        <v>0</v>
      </c>
      <c r="FE32" s="102">
        <v>18</v>
      </c>
      <c r="FF32" s="102">
        <v>32</v>
      </c>
      <c r="FG32" s="102">
        <v>17</v>
      </c>
      <c r="FH32" s="102">
        <v>27</v>
      </c>
      <c r="FI32" s="102">
        <v>15</v>
      </c>
      <c r="FJ32" s="103">
        <v>109</v>
      </c>
      <c r="FK32" s="104">
        <v>134</v>
      </c>
      <c r="FL32" s="101">
        <v>6</v>
      </c>
      <c r="FM32" s="102">
        <v>11</v>
      </c>
      <c r="FN32" s="103">
        <v>17</v>
      </c>
      <c r="FO32" s="413">
        <v>0</v>
      </c>
      <c r="FP32" s="102">
        <v>31</v>
      </c>
      <c r="FQ32" s="102">
        <v>25</v>
      </c>
      <c r="FR32" s="102">
        <v>21</v>
      </c>
      <c r="FS32" s="102">
        <v>35</v>
      </c>
      <c r="FT32" s="102">
        <v>16</v>
      </c>
      <c r="FU32" s="103">
        <v>128</v>
      </c>
      <c r="FV32" s="104">
        <v>145</v>
      </c>
      <c r="FW32" s="101">
        <v>1</v>
      </c>
      <c r="FX32" s="102">
        <v>2</v>
      </c>
      <c r="FY32" s="103">
        <v>3</v>
      </c>
      <c r="FZ32" s="413">
        <v>0</v>
      </c>
      <c r="GA32" s="102">
        <v>0</v>
      </c>
      <c r="GB32" s="102">
        <v>1</v>
      </c>
      <c r="GC32" s="102">
        <v>2</v>
      </c>
      <c r="GD32" s="102">
        <v>2</v>
      </c>
      <c r="GE32" s="102">
        <v>1</v>
      </c>
      <c r="GF32" s="103">
        <v>6</v>
      </c>
      <c r="GG32" s="104">
        <v>9</v>
      </c>
      <c r="GH32" s="101">
        <v>41</v>
      </c>
      <c r="GI32" s="102">
        <v>60</v>
      </c>
      <c r="GJ32" s="103">
        <v>101</v>
      </c>
      <c r="GK32" s="413">
        <v>0</v>
      </c>
      <c r="GL32" s="102">
        <v>89</v>
      </c>
      <c r="GM32" s="102">
        <v>92</v>
      </c>
      <c r="GN32" s="102">
        <v>79</v>
      </c>
      <c r="GO32" s="102">
        <v>91</v>
      </c>
      <c r="GP32" s="102">
        <v>53</v>
      </c>
      <c r="GQ32" s="103">
        <v>404</v>
      </c>
      <c r="GR32" s="104">
        <v>505</v>
      </c>
      <c r="GS32" s="105">
        <v>59</v>
      </c>
      <c r="GT32" s="97">
        <v>79</v>
      </c>
      <c r="GU32" s="98">
        <v>138</v>
      </c>
      <c r="GV32" s="413">
        <v>0</v>
      </c>
      <c r="GW32" s="97">
        <v>133</v>
      </c>
      <c r="GX32" s="97">
        <v>146</v>
      </c>
      <c r="GY32" s="97">
        <v>123</v>
      </c>
      <c r="GZ32" s="97">
        <v>116</v>
      </c>
      <c r="HA32" s="97">
        <v>72</v>
      </c>
      <c r="HB32" s="99">
        <v>590</v>
      </c>
      <c r="HC32" s="100">
        <v>728</v>
      </c>
      <c r="HD32" s="101">
        <v>5</v>
      </c>
      <c r="HE32" s="102">
        <v>2</v>
      </c>
      <c r="HF32" s="103">
        <v>7</v>
      </c>
      <c r="HG32" s="416">
        <v>0</v>
      </c>
      <c r="HH32" s="102">
        <v>5</v>
      </c>
      <c r="HI32" s="102">
        <v>9</v>
      </c>
      <c r="HJ32" s="102">
        <v>2</v>
      </c>
      <c r="HK32" s="102">
        <v>4</v>
      </c>
      <c r="HL32" s="102">
        <v>4</v>
      </c>
      <c r="HM32" s="103">
        <v>24</v>
      </c>
      <c r="HN32" s="104">
        <v>31</v>
      </c>
      <c r="HO32" s="101">
        <v>4</v>
      </c>
      <c r="HP32" s="102">
        <v>13</v>
      </c>
      <c r="HQ32" s="103">
        <v>17</v>
      </c>
      <c r="HR32" s="413">
        <v>0</v>
      </c>
      <c r="HS32" s="102">
        <v>12</v>
      </c>
      <c r="HT32" s="102">
        <v>12</v>
      </c>
      <c r="HU32" s="102">
        <v>13</v>
      </c>
      <c r="HV32" s="102">
        <v>4</v>
      </c>
      <c r="HW32" s="102">
        <v>4</v>
      </c>
      <c r="HX32" s="103">
        <v>45</v>
      </c>
      <c r="HY32" s="104">
        <v>62</v>
      </c>
      <c r="HZ32" s="101">
        <v>5</v>
      </c>
      <c r="IA32" s="102">
        <v>10</v>
      </c>
      <c r="IB32" s="103">
        <v>15</v>
      </c>
      <c r="IC32" s="413">
        <v>0</v>
      </c>
      <c r="ID32" s="102">
        <v>20</v>
      </c>
      <c r="IE32" s="102">
        <v>19</v>
      </c>
      <c r="IF32" s="102">
        <v>13</v>
      </c>
      <c r="IG32" s="102">
        <v>17</v>
      </c>
      <c r="IH32" s="102">
        <v>11</v>
      </c>
      <c r="II32" s="103">
        <v>80</v>
      </c>
      <c r="IJ32" s="104">
        <v>95</v>
      </c>
      <c r="IK32" s="101">
        <v>19</v>
      </c>
      <c r="IL32" s="102">
        <v>24</v>
      </c>
      <c r="IM32" s="103">
        <v>43</v>
      </c>
      <c r="IN32" s="413">
        <v>0</v>
      </c>
      <c r="IO32" s="102">
        <v>33</v>
      </c>
      <c r="IP32" s="102">
        <v>23</v>
      </c>
      <c r="IQ32" s="102">
        <v>37</v>
      </c>
      <c r="IR32" s="102">
        <v>20</v>
      </c>
      <c r="IS32" s="102">
        <v>13</v>
      </c>
      <c r="IT32" s="103">
        <v>126</v>
      </c>
      <c r="IU32" s="104">
        <v>169</v>
      </c>
      <c r="IV32" s="101">
        <v>17</v>
      </c>
      <c r="IW32" s="102">
        <v>16</v>
      </c>
      <c r="IX32" s="103">
        <v>33</v>
      </c>
      <c r="IY32" s="413">
        <v>0</v>
      </c>
      <c r="IZ32" s="102">
        <v>27</v>
      </c>
      <c r="JA32" s="102">
        <v>41</v>
      </c>
      <c r="JB32" s="102">
        <v>30</v>
      </c>
      <c r="JC32" s="102">
        <v>29</v>
      </c>
      <c r="JD32" s="102">
        <v>17</v>
      </c>
      <c r="JE32" s="103">
        <v>144</v>
      </c>
      <c r="JF32" s="104">
        <v>177</v>
      </c>
      <c r="JG32" s="101">
        <v>9</v>
      </c>
      <c r="JH32" s="102">
        <v>14</v>
      </c>
      <c r="JI32" s="103">
        <v>23</v>
      </c>
      <c r="JJ32" s="413">
        <v>0</v>
      </c>
      <c r="JK32" s="102">
        <v>36</v>
      </c>
      <c r="JL32" s="102">
        <v>42</v>
      </c>
      <c r="JM32" s="102">
        <v>28</v>
      </c>
      <c r="JN32" s="102">
        <v>42</v>
      </c>
      <c r="JO32" s="102">
        <v>23</v>
      </c>
      <c r="JP32" s="103">
        <v>171</v>
      </c>
      <c r="JQ32" s="104">
        <v>194</v>
      </c>
      <c r="JR32" s="101">
        <v>3</v>
      </c>
      <c r="JS32" s="102">
        <v>4</v>
      </c>
      <c r="JT32" s="103">
        <v>7</v>
      </c>
      <c r="JU32" s="413">
        <v>0</v>
      </c>
      <c r="JV32" s="102">
        <v>2</v>
      </c>
      <c r="JW32" s="102">
        <v>2</v>
      </c>
      <c r="JX32" s="102">
        <v>3</v>
      </c>
      <c r="JY32" s="102">
        <v>2</v>
      </c>
      <c r="JZ32" s="102">
        <v>4</v>
      </c>
      <c r="KA32" s="103">
        <v>13</v>
      </c>
      <c r="KB32" s="104">
        <v>20</v>
      </c>
      <c r="KC32" s="101">
        <v>62</v>
      </c>
      <c r="KD32" s="102">
        <v>83</v>
      </c>
      <c r="KE32" s="103">
        <v>145</v>
      </c>
      <c r="KF32" s="413">
        <v>0</v>
      </c>
      <c r="KG32" s="102">
        <v>135</v>
      </c>
      <c r="KH32" s="102">
        <v>148</v>
      </c>
      <c r="KI32" s="102">
        <v>126</v>
      </c>
      <c r="KJ32" s="102">
        <v>118</v>
      </c>
      <c r="KK32" s="102">
        <v>76</v>
      </c>
      <c r="KL32" s="103">
        <v>603</v>
      </c>
      <c r="KM32" s="104">
        <v>748</v>
      </c>
    </row>
    <row r="33" spans="2:299" s="70" customFormat="1" ht="21" customHeight="1" x14ac:dyDescent="0.2">
      <c r="B33" s="106" t="s">
        <v>30</v>
      </c>
      <c r="C33" s="96">
        <v>29</v>
      </c>
      <c r="D33" s="97">
        <v>14</v>
      </c>
      <c r="E33" s="98">
        <v>43</v>
      </c>
      <c r="F33" s="413">
        <v>0</v>
      </c>
      <c r="G33" s="97">
        <v>37</v>
      </c>
      <c r="H33" s="97">
        <v>33</v>
      </c>
      <c r="I33" s="97">
        <v>25</v>
      </c>
      <c r="J33" s="97">
        <v>28</v>
      </c>
      <c r="K33" s="97">
        <v>13</v>
      </c>
      <c r="L33" s="99">
        <v>136</v>
      </c>
      <c r="M33" s="100">
        <v>179</v>
      </c>
      <c r="N33" s="101">
        <v>2</v>
      </c>
      <c r="O33" s="102">
        <v>2</v>
      </c>
      <c r="P33" s="103">
        <v>4</v>
      </c>
      <c r="Q33" s="413">
        <v>0</v>
      </c>
      <c r="R33" s="102">
        <v>1</v>
      </c>
      <c r="S33" s="102">
        <v>1</v>
      </c>
      <c r="T33" s="102">
        <v>1</v>
      </c>
      <c r="U33" s="102">
        <v>3</v>
      </c>
      <c r="V33" s="102">
        <v>2</v>
      </c>
      <c r="W33" s="103">
        <v>8</v>
      </c>
      <c r="X33" s="104">
        <v>12</v>
      </c>
      <c r="Y33" s="101">
        <v>7</v>
      </c>
      <c r="Z33" s="102">
        <v>2</v>
      </c>
      <c r="AA33" s="103">
        <v>9</v>
      </c>
      <c r="AB33" s="413">
        <v>0</v>
      </c>
      <c r="AC33" s="102">
        <v>5</v>
      </c>
      <c r="AD33" s="102">
        <v>7</v>
      </c>
      <c r="AE33" s="102">
        <v>1</v>
      </c>
      <c r="AF33" s="102">
        <v>5</v>
      </c>
      <c r="AG33" s="102">
        <v>0</v>
      </c>
      <c r="AH33" s="103">
        <v>18</v>
      </c>
      <c r="AI33" s="104">
        <v>27</v>
      </c>
      <c r="AJ33" s="101">
        <v>5</v>
      </c>
      <c r="AK33" s="102">
        <v>3</v>
      </c>
      <c r="AL33" s="103">
        <v>8</v>
      </c>
      <c r="AM33" s="413">
        <v>0</v>
      </c>
      <c r="AN33" s="102">
        <v>4</v>
      </c>
      <c r="AO33" s="102">
        <v>6</v>
      </c>
      <c r="AP33" s="102">
        <v>5</v>
      </c>
      <c r="AQ33" s="102">
        <v>6</v>
      </c>
      <c r="AR33" s="102">
        <v>1</v>
      </c>
      <c r="AS33" s="103">
        <v>22</v>
      </c>
      <c r="AT33" s="104">
        <v>30</v>
      </c>
      <c r="AU33" s="101">
        <v>7</v>
      </c>
      <c r="AV33" s="102">
        <v>1</v>
      </c>
      <c r="AW33" s="103">
        <v>8</v>
      </c>
      <c r="AX33" s="413">
        <v>0</v>
      </c>
      <c r="AY33" s="102">
        <v>13</v>
      </c>
      <c r="AZ33" s="102">
        <v>6</v>
      </c>
      <c r="BA33" s="102">
        <v>5</v>
      </c>
      <c r="BB33" s="102">
        <v>5</v>
      </c>
      <c r="BC33" s="102">
        <v>3</v>
      </c>
      <c r="BD33" s="103">
        <v>32</v>
      </c>
      <c r="BE33" s="104">
        <v>40</v>
      </c>
      <c r="BF33" s="101">
        <v>3</v>
      </c>
      <c r="BG33" s="102">
        <v>2</v>
      </c>
      <c r="BH33" s="103">
        <v>5</v>
      </c>
      <c r="BI33" s="413">
        <v>0</v>
      </c>
      <c r="BJ33" s="102">
        <v>8</v>
      </c>
      <c r="BK33" s="102">
        <v>6</v>
      </c>
      <c r="BL33" s="102">
        <v>4</v>
      </c>
      <c r="BM33" s="102">
        <v>4</v>
      </c>
      <c r="BN33" s="102">
        <v>2</v>
      </c>
      <c r="BO33" s="103">
        <v>24</v>
      </c>
      <c r="BP33" s="104">
        <v>29</v>
      </c>
      <c r="BQ33" s="101">
        <v>5</v>
      </c>
      <c r="BR33" s="102">
        <v>4</v>
      </c>
      <c r="BS33" s="103">
        <v>9</v>
      </c>
      <c r="BT33" s="413">
        <v>0</v>
      </c>
      <c r="BU33" s="102">
        <v>6</v>
      </c>
      <c r="BV33" s="102">
        <v>7</v>
      </c>
      <c r="BW33" s="102">
        <v>9</v>
      </c>
      <c r="BX33" s="102">
        <v>5</v>
      </c>
      <c r="BY33" s="102">
        <v>5</v>
      </c>
      <c r="BZ33" s="103">
        <v>32</v>
      </c>
      <c r="CA33" s="104">
        <v>41</v>
      </c>
      <c r="CB33" s="101">
        <v>1</v>
      </c>
      <c r="CC33" s="102">
        <v>1</v>
      </c>
      <c r="CD33" s="103">
        <v>2</v>
      </c>
      <c r="CE33" s="413">
        <v>0</v>
      </c>
      <c r="CF33" s="102">
        <v>1</v>
      </c>
      <c r="CG33" s="102">
        <v>4</v>
      </c>
      <c r="CH33" s="102">
        <v>0</v>
      </c>
      <c r="CI33" s="102">
        <v>0</v>
      </c>
      <c r="CJ33" s="102">
        <v>0</v>
      </c>
      <c r="CK33" s="103">
        <v>5</v>
      </c>
      <c r="CL33" s="104">
        <v>7</v>
      </c>
      <c r="CM33" s="101">
        <v>30</v>
      </c>
      <c r="CN33" s="102">
        <v>15</v>
      </c>
      <c r="CO33" s="103">
        <v>45</v>
      </c>
      <c r="CP33" s="413">
        <v>0</v>
      </c>
      <c r="CQ33" s="102">
        <v>38</v>
      </c>
      <c r="CR33" s="102">
        <v>37</v>
      </c>
      <c r="CS33" s="102">
        <v>25</v>
      </c>
      <c r="CT33" s="102">
        <v>28</v>
      </c>
      <c r="CU33" s="102">
        <v>13</v>
      </c>
      <c r="CV33" s="103">
        <v>141</v>
      </c>
      <c r="CW33" s="104">
        <v>186</v>
      </c>
      <c r="CX33" s="105">
        <v>41</v>
      </c>
      <c r="CY33" s="97">
        <v>30</v>
      </c>
      <c r="CZ33" s="98">
        <v>71</v>
      </c>
      <c r="DA33" s="413">
        <v>0</v>
      </c>
      <c r="DB33" s="97">
        <v>102</v>
      </c>
      <c r="DC33" s="97">
        <v>73</v>
      </c>
      <c r="DD33" s="97">
        <v>65</v>
      </c>
      <c r="DE33" s="97">
        <v>69</v>
      </c>
      <c r="DF33" s="97">
        <v>42</v>
      </c>
      <c r="DG33" s="99">
        <v>351</v>
      </c>
      <c r="DH33" s="100">
        <v>422</v>
      </c>
      <c r="DI33" s="101">
        <v>1</v>
      </c>
      <c r="DJ33" s="102">
        <v>1</v>
      </c>
      <c r="DK33" s="103">
        <v>2</v>
      </c>
      <c r="DL33" s="413">
        <v>0</v>
      </c>
      <c r="DM33" s="102">
        <v>1</v>
      </c>
      <c r="DN33" s="102">
        <v>0</v>
      </c>
      <c r="DO33" s="102">
        <v>0</v>
      </c>
      <c r="DP33" s="102">
        <v>1</v>
      </c>
      <c r="DQ33" s="102">
        <v>1</v>
      </c>
      <c r="DR33" s="103">
        <v>3</v>
      </c>
      <c r="DS33" s="104">
        <v>5</v>
      </c>
      <c r="DT33" s="101">
        <v>4</v>
      </c>
      <c r="DU33" s="102">
        <v>1</v>
      </c>
      <c r="DV33" s="103">
        <v>5</v>
      </c>
      <c r="DW33" s="413">
        <v>0</v>
      </c>
      <c r="DX33" s="102">
        <v>2</v>
      </c>
      <c r="DY33" s="102">
        <v>5</v>
      </c>
      <c r="DZ33" s="102">
        <v>1</v>
      </c>
      <c r="EA33" s="102">
        <v>3</v>
      </c>
      <c r="EB33" s="102">
        <v>2</v>
      </c>
      <c r="EC33" s="103">
        <v>13</v>
      </c>
      <c r="ED33" s="104">
        <v>18</v>
      </c>
      <c r="EE33" s="101">
        <v>8</v>
      </c>
      <c r="EF33" s="102">
        <v>3</v>
      </c>
      <c r="EG33" s="103">
        <v>11</v>
      </c>
      <c r="EH33" s="413">
        <v>0</v>
      </c>
      <c r="EI33" s="102">
        <v>8</v>
      </c>
      <c r="EJ33" s="102">
        <v>9</v>
      </c>
      <c r="EK33" s="102">
        <v>9</v>
      </c>
      <c r="EL33" s="102">
        <v>3</v>
      </c>
      <c r="EM33" s="102">
        <v>2</v>
      </c>
      <c r="EN33" s="103">
        <v>31</v>
      </c>
      <c r="EO33" s="104">
        <v>42</v>
      </c>
      <c r="EP33" s="101">
        <v>13</v>
      </c>
      <c r="EQ33" s="102">
        <v>9</v>
      </c>
      <c r="ER33" s="103">
        <v>22</v>
      </c>
      <c r="ES33" s="413">
        <v>0</v>
      </c>
      <c r="ET33" s="102">
        <v>26</v>
      </c>
      <c r="EU33" s="102">
        <v>16</v>
      </c>
      <c r="EV33" s="102">
        <v>13</v>
      </c>
      <c r="EW33" s="102">
        <v>10</v>
      </c>
      <c r="EX33" s="102">
        <v>9</v>
      </c>
      <c r="EY33" s="103">
        <v>74</v>
      </c>
      <c r="EZ33" s="104">
        <v>96</v>
      </c>
      <c r="FA33" s="101">
        <v>10</v>
      </c>
      <c r="FB33" s="102">
        <v>10</v>
      </c>
      <c r="FC33" s="103">
        <v>20</v>
      </c>
      <c r="FD33" s="413">
        <v>0</v>
      </c>
      <c r="FE33" s="102">
        <v>26</v>
      </c>
      <c r="FF33" s="102">
        <v>17</v>
      </c>
      <c r="FG33" s="102">
        <v>9</v>
      </c>
      <c r="FH33" s="102">
        <v>15</v>
      </c>
      <c r="FI33" s="102">
        <v>10</v>
      </c>
      <c r="FJ33" s="103">
        <v>77</v>
      </c>
      <c r="FK33" s="104">
        <v>97</v>
      </c>
      <c r="FL33" s="101">
        <v>5</v>
      </c>
      <c r="FM33" s="102">
        <v>6</v>
      </c>
      <c r="FN33" s="103">
        <v>11</v>
      </c>
      <c r="FO33" s="413">
        <v>0</v>
      </c>
      <c r="FP33" s="102">
        <v>39</v>
      </c>
      <c r="FQ33" s="102">
        <v>26</v>
      </c>
      <c r="FR33" s="102">
        <v>33</v>
      </c>
      <c r="FS33" s="102">
        <v>37</v>
      </c>
      <c r="FT33" s="102">
        <v>18</v>
      </c>
      <c r="FU33" s="103">
        <v>153</v>
      </c>
      <c r="FV33" s="104">
        <v>164</v>
      </c>
      <c r="FW33" s="101">
        <v>0</v>
      </c>
      <c r="FX33" s="102">
        <v>0</v>
      </c>
      <c r="FY33" s="103">
        <v>0</v>
      </c>
      <c r="FZ33" s="413">
        <v>0</v>
      </c>
      <c r="GA33" s="102">
        <v>1</v>
      </c>
      <c r="GB33" s="102">
        <v>0</v>
      </c>
      <c r="GC33" s="102">
        <v>2</v>
      </c>
      <c r="GD33" s="102">
        <v>0</v>
      </c>
      <c r="GE33" s="102">
        <v>2</v>
      </c>
      <c r="GF33" s="103">
        <v>5</v>
      </c>
      <c r="GG33" s="104">
        <v>5</v>
      </c>
      <c r="GH33" s="101">
        <v>41</v>
      </c>
      <c r="GI33" s="102">
        <v>30</v>
      </c>
      <c r="GJ33" s="103">
        <v>71</v>
      </c>
      <c r="GK33" s="413">
        <v>0</v>
      </c>
      <c r="GL33" s="102">
        <v>103</v>
      </c>
      <c r="GM33" s="102">
        <v>73</v>
      </c>
      <c r="GN33" s="102">
        <v>67</v>
      </c>
      <c r="GO33" s="102">
        <v>69</v>
      </c>
      <c r="GP33" s="102">
        <v>44</v>
      </c>
      <c r="GQ33" s="103">
        <v>356</v>
      </c>
      <c r="GR33" s="104">
        <v>427</v>
      </c>
      <c r="GS33" s="105">
        <v>70</v>
      </c>
      <c r="GT33" s="97">
        <v>44</v>
      </c>
      <c r="GU33" s="98">
        <v>114</v>
      </c>
      <c r="GV33" s="413">
        <v>0</v>
      </c>
      <c r="GW33" s="97">
        <v>139</v>
      </c>
      <c r="GX33" s="97">
        <v>106</v>
      </c>
      <c r="GY33" s="97">
        <v>90</v>
      </c>
      <c r="GZ33" s="97">
        <v>97</v>
      </c>
      <c r="HA33" s="97">
        <v>55</v>
      </c>
      <c r="HB33" s="99">
        <v>487</v>
      </c>
      <c r="HC33" s="100">
        <v>601</v>
      </c>
      <c r="HD33" s="101">
        <v>3</v>
      </c>
      <c r="HE33" s="102">
        <v>3</v>
      </c>
      <c r="HF33" s="103">
        <v>6</v>
      </c>
      <c r="HG33" s="416">
        <v>0</v>
      </c>
      <c r="HH33" s="102">
        <v>2</v>
      </c>
      <c r="HI33" s="102">
        <v>1</v>
      </c>
      <c r="HJ33" s="102">
        <v>1</v>
      </c>
      <c r="HK33" s="102">
        <v>4</v>
      </c>
      <c r="HL33" s="102">
        <v>3</v>
      </c>
      <c r="HM33" s="103">
        <v>11</v>
      </c>
      <c r="HN33" s="104">
        <v>17</v>
      </c>
      <c r="HO33" s="101">
        <v>11</v>
      </c>
      <c r="HP33" s="102">
        <v>3</v>
      </c>
      <c r="HQ33" s="103">
        <v>14</v>
      </c>
      <c r="HR33" s="413">
        <v>0</v>
      </c>
      <c r="HS33" s="102">
        <v>7</v>
      </c>
      <c r="HT33" s="102">
        <v>12</v>
      </c>
      <c r="HU33" s="102">
        <v>2</v>
      </c>
      <c r="HV33" s="102">
        <v>8</v>
      </c>
      <c r="HW33" s="102">
        <v>2</v>
      </c>
      <c r="HX33" s="103">
        <v>31</v>
      </c>
      <c r="HY33" s="104">
        <v>45</v>
      </c>
      <c r="HZ33" s="101">
        <v>13</v>
      </c>
      <c r="IA33" s="102">
        <v>6</v>
      </c>
      <c r="IB33" s="103">
        <v>19</v>
      </c>
      <c r="IC33" s="413">
        <v>0</v>
      </c>
      <c r="ID33" s="102">
        <v>12</v>
      </c>
      <c r="IE33" s="102">
        <v>15</v>
      </c>
      <c r="IF33" s="102">
        <v>14</v>
      </c>
      <c r="IG33" s="102">
        <v>9</v>
      </c>
      <c r="IH33" s="102">
        <v>3</v>
      </c>
      <c r="II33" s="103">
        <v>53</v>
      </c>
      <c r="IJ33" s="104">
        <v>72</v>
      </c>
      <c r="IK33" s="101">
        <v>20</v>
      </c>
      <c r="IL33" s="102">
        <v>10</v>
      </c>
      <c r="IM33" s="103">
        <v>30</v>
      </c>
      <c r="IN33" s="413">
        <v>0</v>
      </c>
      <c r="IO33" s="102">
        <v>39</v>
      </c>
      <c r="IP33" s="102">
        <v>22</v>
      </c>
      <c r="IQ33" s="102">
        <v>18</v>
      </c>
      <c r="IR33" s="102">
        <v>15</v>
      </c>
      <c r="IS33" s="102">
        <v>12</v>
      </c>
      <c r="IT33" s="103">
        <v>106</v>
      </c>
      <c r="IU33" s="104">
        <v>136</v>
      </c>
      <c r="IV33" s="101">
        <v>13</v>
      </c>
      <c r="IW33" s="102">
        <v>12</v>
      </c>
      <c r="IX33" s="103">
        <v>25</v>
      </c>
      <c r="IY33" s="413">
        <v>0</v>
      </c>
      <c r="IZ33" s="102">
        <v>34</v>
      </c>
      <c r="JA33" s="102">
        <v>23</v>
      </c>
      <c r="JB33" s="102">
        <v>13</v>
      </c>
      <c r="JC33" s="102">
        <v>19</v>
      </c>
      <c r="JD33" s="102">
        <v>12</v>
      </c>
      <c r="JE33" s="103">
        <v>101</v>
      </c>
      <c r="JF33" s="104">
        <v>126</v>
      </c>
      <c r="JG33" s="101">
        <v>10</v>
      </c>
      <c r="JH33" s="102">
        <v>10</v>
      </c>
      <c r="JI33" s="103">
        <v>20</v>
      </c>
      <c r="JJ33" s="413">
        <v>0</v>
      </c>
      <c r="JK33" s="102">
        <v>45</v>
      </c>
      <c r="JL33" s="102">
        <v>33</v>
      </c>
      <c r="JM33" s="102">
        <v>42</v>
      </c>
      <c r="JN33" s="102">
        <v>42</v>
      </c>
      <c r="JO33" s="102">
        <v>23</v>
      </c>
      <c r="JP33" s="103">
        <v>185</v>
      </c>
      <c r="JQ33" s="104">
        <v>205</v>
      </c>
      <c r="JR33" s="101">
        <v>1</v>
      </c>
      <c r="JS33" s="102">
        <v>1</v>
      </c>
      <c r="JT33" s="103">
        <v>2</v>
      </c>
      <c r="JU33" s="413">
        <v>0</v>
      </c>
      <c r="JV33" s="102">
        <v>2</v>
      </c>
      <c r="JW33" s="102">
        <v>4</v>
      </c>
      <c r="JX33" s="102">
        <v>2</v>
      </c>
      <c r="JY33" s="102">
        <v>0</v>
      </c>
      <c r="JZ33" s="102">
        <v>2</v>
      </c>
      <c r="KA33" s="103">
        <v>10</v>
      </c>
      <c r="KB33" s="104">
        <v>12</v>
      </c>
      <c r="KC33" s="101">
        <v>71</v>
      </c>
      <c r="KD33" s="102">
        <v>45</v>
      </c>
      <c r="KE33" s="103">
        <v>116</v>
      </c>
      <c r="KF33" s="413">
        <v>0</v>
      </c>
      <c r="KG33" s="102">
        <v>141</v>
      </c>
      <c r="KH33" s="102">
        <v>110</v>
      </c>
      <c r="KI33" s="102">
        <v>92</v>
      </c>
      <c r="KJ33" s="102">
        <v>97</v>
      </c>
      <c r="KK33" s="102">
        <v>57</v>
      </c>
      <c r="KL33" s="103">
        <v>497</v>
      </c>
      <c r="KM33" s="104">
        <v>613</v>
      </c>
    </row>
    <row r="34" spans="2:299" s="70" customFormat="1" ht="21" customHeight="1" x14ac:dyDescent="0.2">
      <c r="B34" s="106" t="s">
        <v>31</v>
      </c>
      <c r="C34" s="96">
        <v>26</v>
      </c>
      <c r="D34" s="97">
        <v>34</v>
      </c>
      <c r="E34" s="98">
        <v>60</v>
      </c>
      <c r="F34" s="413">
        <v>0</v>
      </c>
      <c r="G34" s="97">
        <v>51</v>
      </c>
      <c r="H34" s="97">
        <v>51</v>
      </c>
      <c r="I34" s="97">
        <v>48</v>
      </c>
      <c r="J34" s="97">
        <v>37</v>
      </c>
      <c r="K34" s="97">
        <v>17</v>
      </c>
      <c r="L34" s="99">
        <v>204</v>
      </c>
      <c r="M34" s="100">
        <v>264</v>
      </c>
      <c r="N34" s="101">
        <v>3</v>
      </c>
      <c r="O34" s="102">
        <v>2</v>
      </c>
      <c r="P34" s="103">
        <v>5</v>
      </c>
      <c r="Q34" s="413">
        <v>0</v>
      </c>
      <c r="R34" s="102">
        <v>0</v>
      </c>
      <c r="S34" s="102">
        <v>3</v>
      </c>
      <c r="T34" s="102">
        <v>4</v>
      </c>
      <c r="U34" s="102">
        <v>2</v>
      </c>
      <c r="V34" s="102">
        <v>0</v>
      </c>
      <c r="W34" s="103">
        <v>9</v>
      </c>
      <c r="X34" s="104">
        <v>14</v>
      </c>
      <c r="Y34" s="101">
        <v>2</v>
      </c>
      <c r="Z34" s="102">
        <v>4</v>
      </c>
      <c r="AA34" s="103">
        <v>6</v>
      </c>
      <c r="AB34" s="413">
        <v>0</v>
      </c>
      <c r="AC34" s="102">
        <v>7</v>
      </c>
      <c r="AD34" s="102">
        <v>7</v>
      </c>
      <c r="AE34" s="102">
        <v>6</v>
      </c>
      <c r="AF34" s="102">
        <v>4</v>
      </c>
      <c r="AG34" s="102">
        <v>3</v>
      </c>
      <c r="AH34" s="103">
        <v>27</v>
      </c>
      <c r="AI34" s="104">
        <v>33</v>
      </c>
      <c r="AJ34" s="101">
        <v>5</v>
      </c>
      <c r="AK34" s="102">
        <v>7</v>
      </c>
      <c r="AL34" s="103">
        <v>12</v>
      </c>
      <c r="AM34" s="413">
        <v>0</v>
      </c>
      <c r="AN34" s="102">
        <v>10</v>
      </c>
      <c r="AO34" s="102">
        <v>10</v>
      </c>
      <c r="AP34" s="102">
        <v>5</v>
      </c>
      <c r="AQ34" s="102">
        <v>5</v>
      </c>
      <c r="AR34" s="102">
        <v>6</v>
      </c>
      <c r="AS34" s="103">
        <v>36</v>
      </c>
      <c r="AT34" s="104">
        <v>48</v>
      </c>
      <c r="AU34" s="101">
        <v>6</v>
      </c>
      <c r="AV34" s="102">
        <v>7</v>
      </c>
      <c r="AW34" s="103">
        <v>13</v>
      </c>
      <c r="AX34" s="413">
        <v>0</v>
      </c>
      <c r="AY34" s="102">
        <v>13</v>
      </c>
      <c r="AZ34" s="102">
        <v>12</v>
      </c>
      <c r="BA34" s="102">
        <v>7</v>
      </c>
      <c r="BB34" s="102">
        <v>5</v>
      </c>
      <c r="BC34" s="102">
        <v>2</v>
      </c>
      <c r="BD34" s="103">
        <v>39</v>
      </c>
      <c r="BE34" s="104">
        <v>52</v>
      </c>
      <c r="BF34" s="101">
        <v>6</v>
      </c>
      <c r="BG34" s="102">
        <v>10</v>
      </c>
      <c r="BH34" s="103">
        <v>16</v>
      </c>
      <c r="BI34" s="413">
        <v>0</v>
      </c>
      <c r="BJ34" s="102">
        <v>13</v>
      </c>
      <c r="BK34" s="102">
        <v>14</v>
      </c>
      <c r="BL34" s="102">
        <v>10</v>
      </c>
      <c r="BM34" s="102">
        <v>9</v>
      </c>
      <c r="BN34" s="102">
        <v>2</v>
      </c>
      <c r="BO34" s="103">
        <v>48</v>
      </c>
      <c r="BP34" s="104">
        <v>64</v>
      </c>
      <c r="BQ34" s="101">
        <v>4</v>
      </c>
      <c r="BR34" s="102">
        <v>4</v>
      </c>
      <c r="BS34" s="103">
        <v>8</v>
      </c>
      <c r="BT34" s="413">
        <v>0</v>
      </c>
      <c r="BU34" s="102">
        <v>8</v>
      </c>
      <c r="BV34" s="102">
        <v>5</v>
      </c>
      <c r="BW34" s="102">
        <v>16</v>
      </c>
      <c r="BX34" s="102">
        <v>12</v>
      </c>
      <c r="BY34" s="102">
        <v>4</v>
      </c>
      <c r="BZ34" s="103">
        <v>45</v>
      </c>
      <c r="CA34" s="104">
        <v>53</v>
      </c>
      <c r="CB34" s="101">
        <v>0</v>
      </c>
      <c r="CC34" s="102">
        <v>3</v>
      </c>
      <c r="CD34" s="103">
        <v>3</v>
      </c>
      <c r="CE34" s="413">
        <v>0</v>
      </c>
      <c r="CF34" s="102">
        <v>1</v>
      </c>
      <c r="CG34" s="102">
        <v>0</v>
      </c>
      <c r="CH34" s="102">
        <v>1</v>
      </c>
      <c r="CI34" s="102">
        <v>1</v>
      </c>
      <c r="CJ34" s="102">
        <v>1</v>
      </c>
      <c r="CK34" s="103">
        <v>4</v>
      </c>
      <c r="CL34" s="104">
        <v>7</v>
      </c>
      <c r="CM34" s="101">
        <v>26</v>
      </c>
      <c r="CN34" s="102">
        <v>37</v>
      </c>
      <c r="CO34" s="103">
        <v>63</v>
      </c>
      <c r="CP34" s="413">
        <v>0</v>
      </c>
      <c r="CQ34" s="102">
        <v>52</v>
      </c>
      <c r="CR34" s="102">
        <v>51</v>
      </c>
      <c r="CS34" s="102">
        <v>49</v>
      </c>
      <c r="CT34" s="102">
        <v>38</v>
      </c>
      <c r="CU34" s="102">
        <v>18</v>
      </c>
      <c r="CV34" s="103">
        <v>208</v>
      </c>
      <c r="CW34" s="104">
        <v>271</v>
      </c>
      <c r="CX34" s="105">
        <v>49</v>
      </c>
      <c r="CY34" s="97">
        <v>98</v>
      </c>
      <c r="CZ34" s="98">
        <v>147</v>
      </c>
      <c r="DA34" s="413">
        <v>0</v>
      </c>
      <c r="DB34" s="97">
        <v>109</v>
      </c>
      <c r="DC34" s="97">
        <v>82</v>
      </c>
      <c r="DD34" s="97">
        <v>80</v>
      </c>
      <c r="DE34" s="97">
        <v>57</v>
      </c>
      <c r="DF34" s="97">
        <v>36</v>
      </c>
      <c r="DG34" s="99">
        <v>364</v>
      </c>
      <c r="DH34" s="100">
        <v>511</v>
      </c>
      <c r="DI34" s="101">
        <v>1</v>
      </c>
      <c r="DJ34" s="102">
        <v>0</v>
      </c>
      <c r="DK34" s="103">
        <v>1</v>
      </c>
      <c r="DL34" s="413">
        <v>0</v>
      </c>
      <c r="DM34" s="102">
        <v>3</v>
      </c>
      <c r="DN34" s="102">
        <v>2</v>
      </c>
      <c r="DO34" s="102">
        <v>2</v>
      </c>
      <c r="DP34" s="102">
        <v>1</v>
      </c>
      <c r="DQ34" s="102">
        <v>1</v>
      </c>
      <c r="DR34" s="103">
        <v>9</v>
      </c>
      <c r="DS34" s="104">
        <v>10</v>
      </c>
      <c r="DT34" s="101">
        <v>2</v>
      </c>
      <c r="DU34" s="102">
        <v>4</v>
      </c>
      <c r="DV34" s="103">
        <v>6</v>
      </c>
      <c r="DW34" s="413">
        <v>0</v>
      </c>
      <c r="DX34" s="102">
        <v>8</v>
      </c>
      <c r="DY34" s="102">
        <v>4</v>
      </c>
      <c r="DZ34" s="102">
        <v>7</v>
      </c>
      <c r="EA34" s="102">
        <v>1</v>
      </c>
      <c r="EB34" s="102">
        <v>4</v>
      </c>
      <c r="EC34" s="103">
        <v>24</v>
      </c>
      <c r="ED34" s="104">
        <v>30</v>
      </c>
      <c r="EE34" s="101">
        <v>5</v>
      </c>
      <c r="EF34" s="102">
        <v>12</v>
      </c>
      <c r="EG34" s="103">
        <v>17</v>
      </c>
      <c r="EH34" s="413">
        <v>0</v>
      </c>
      <c r="EI34" s="102">
        <v>18</v>
      </c>
      <c r="EJ34" s="102">
        <v>9</v>
      </c>
      <c r="EK34" s="102">
        <v>3</v>
      </c>
      <c r="EL34" s="102">
        <v>5</v>
      </c>
      <c r="EM34" s="102">
        <v>3</v>
      </c>
      <c r="EN34" s="103">
        <v>38</v>
      </c>
      <c r="EO34" s="104">
        <v>55</v>
      </c>
      <c r="EP34" s="101">
        <v>15</v>
      </c>
      <c r="EQ34" s="102">
        <v>33</v>
      </c>
      <c r="ER34" s="103">
        <v>48</v>
      </c>
      <c r="ES34" s="413">
        <v>0</v>
      </c>
      <c r="ET34" s="102">
        <v>15</v>
      </c>
      <c r="EU34" s="102">
        <v>12</v>
      </c>
      <c r="EV34" s="102">
        <v>15</v>
      </c>
      <c r="EW34" s="102">
        <v>6</v>
      </c>
      <c r="EX34" s="102">
        <v>3</v>
      </c>
      <c r="EY34" s="103">
        <v>51</v>
      </c>
      <c r="EZ34" s="104">
        <v>99</v>
      </c>
      <c r="FA34" s="101">
        <v>16</v>
      </c>
      <c r="FB34" s="102">
        <v>26</v>
      </c>
      <c r="FC34" s="103">
        <v>42</v>
      </c>
      <c r="FD34" s="413">
        <v>0</v>
      </c>
      <c r="FE34" s="102">
        <v>27</v>
      </c>
      <c r="FF34" s="102">
        <v>23</v>
      </c>
      <c r="FG34" s="102">
        <v>21</v>
      </c>
      <c r="FH34" s="102">
        <v>12</v>
      </c>
      <c r="FI34" s="102">
        <v>10</v>
      </c>
      <c r="FJ34" s="103">
        <v>93</v>
      </c>
      <c r="FK34" s="104">
        <v>135</v>
      </c>
      <c r="FL34" s="101">
        <v>10</v>
      </c>
      <c r="FM34" s="102">
        <v>23</v>
      </c>
      <c r="FN34" s="103">
        <v>33</v>
      </c>
      <c r="FO34" s="413">
        <v>0</v>
      </c>
      <c r="FP34" s="102">
        <v>38</v>
      </c>
      <c r="FQ34" s="102">
        <v>32</v>
      </c>
      <c r="FR34" s="102">
        <v>32</v>
      </c>
      <c r="FS34" s="102">
        <v>32</v>
      </c>
      <c r="FT34" s="102">
        <v>15</v>
      </c>
      <c r="FU34" s="103">
        <v>149</v>
      </c>
      <c r="FV34" s="104">
        <v>182</v>
      </c>
      <c r="FW34" s="101">
        <v>0</v>
      </c>
      <c r="FX34" s="102">
        <v>0</v>
      </c>
      <c r="FY34" s="103">
        <v>0</v>
      </c>
      <c r="FZ34" s="413">
        <v>0</v>
      </c>
      <c r="GA34" s="102">
        <v>1</v>
      </c>
      <c r="GB34" s="102">
        <v>0</v>
      </c>
      <c r="GC34" s="102">
        <v>0</v>
      </c>
      <c r="GD34" s="102">
        <v>1</v>
      </c>
      <c r="GE34" s="102">
        <v>2</v>
      </c>
      <c r="GF34" s="103">
        <v>4</v>
      </c>
      <c r="GG34" s="104">
        <v>4</v>
      </c>
      <c r="GH34" s="101">
        <v>49</v>
      </c>
      <c r="GI34" s="102">
        <v>98</v>
      </c>
      <c r="GJ34" s="103">
        <v>147</v>
      </c>
      <c r="GK34" s="413">
        <v>0</v>
      </c>
      <c r="GL34" s="102">
        <v>110</v>
      </c>
      <c r="GM34" s="102">
        <v>82</v>
      </c>
      <c r="GN34" s="102">
        <v>80</v>
      </c>
      <c r="GO34" s="102">
        <v>58</v>
      </c>
      <c r="GP34" s="102">
        <v>38</v>
      </c>
      <c r="GQ34" s="103">
        <v>368</v>
      </c>
      <c r="GR34" s="104">
        <v>515</v>
      </c>
      <c r="GS34" s="105">
        <v>75</v>
      </c>
      <c r="GT34" s="97">
        <v>132</v>
      </c>
      <c r="GU34" s="98">
        <v>207</v>
      </c>
      <c r="GV34" s="413">
        <v>0</v>
      </c>
      <c r="GW34" s="97">
        <v>160</v>
      </c>
      <c r="GX34" s="97">
        <v>133</v>
      </c>
      <c r="GY34" s="97">
        <v>128</v>
      </c>
      <c r="GZ34" s="97">
        <v>94</v>
      </c>
      <c r="HA34" s="97">
        <v>53</v>
      </c>
      <c r="HB34" s="99">
        <v>568</v>
      </c>
      <c r="HC34" s="100">
        <v>775</v>
      </c>
      <c r="HD34" s="101">
        <v>4</v>
      </c>
      <c r="HE34" s="102">
        <v>2</v>
      </c>
      <c r="HF34" s="103">
        <v>6</v>
      </c>
      <c r="HG34" s="416">
        <v>0</v>
      </c>
      <c r="HH34" s="102">
        <v>3</v>
      </c>
      <c r="HI34" s="102">
        <v>5</v>
      </c>
      <c r="HJ34" s="102">
        <v>6</v>
      </c>
      <c r="HK34" s="102">
        <v>3</v>
      </c>
      <c r="HL34" s="102">
        <v>1</v>
      </c>
      <c r="HM34" s="103">
        <v>18</v>
      </c>
      <c r="HN34" s="104">
        <v>24</v>
      </c>
      <c r="HO34" s="101">
        <v>4</v>
      </c>
      <c r="HP34" s="102">
        <v>8</v>
      </c>
      <c r="HQ34" s="103">
        <v>12</v>
      </c>
      <c r="HR34" s="413">
        <v>0</v>
      </c>
      <c r="HS34" s="102">
        <v>15</v>
      </c>
      <c r="HT34" s="102">
        <v>11</v>
      </c>
      <c r="HU34" s="102">
        <v>13</v>
      </c>
      <c r="HV34" s="102">
        <v>5</v>
      </c>
      <c r="HW34" s="102">
        <v>7</v>
      </c>
      <c r="HX34" s="103">
        <v>51</v>
      </c>
      <c r="HY34" s="104">
        <v>63</v>
      </c>
      <c r="HZ34" s="101">
        <v>10</v>
      </c>
      <c r="IA34" s="102">
        <v>19</v>
      </c>
      <c r="IB34" s="103">
        <v>29</v>
      </c>
      <c r="IC34" s="413">
        <v>0</v>
      </c>
      <c r="ID34" s="102">
        <v>28</v>
      </c>
      <c r="IE34" s="102">
        <v>19</v>
      </c>
      <c r="IF34" s="102">
        <v>8</v>
      </c>
      <c r="IG34" s="102">
        <v>10</v>
      </c>
      <c r="IH34" s="102">
        <v>9</v>
      </c>
      <c r="II34" s="103">
        <v>74</v>
      </c>
      <c r="IJ34" s="104">
        <v>103</v>
      </c>
      <c r="IK34" s="101">
        <v>21</v>
      </c>
      <c r="IL34" s="102">
        <v>40</v>
      </c>
      <c r="IM34" s="103">
        <v>61</v>
      </c>
      <c r="IN34" s="413">
        <v>0</v>
      </c>
      <c r="IO34" s="102">
        <v>28</v>
      </c>
      <c r="IP34" s="102">
        <v>24</v>
      </c>
      <c r="IQ34" s="102">
        <v>22</v>
      </c>
      <c r="IR34" s="102">
        <v>11</v>
      </c>
      <c r="IS34" s="102">
        <v>5</v>
      </c>
      <c r="IT34" s="103">
        <v>90</v>
      </c>
      <c r="IU34" s="104">
        <v>151</v>
      </c>
      <c r="IV34" s="101">
        <v>22</v>
      </c>
      <c r="IW34" s="102">
        <v>36</v>
      </c>
      <c r="IX34" s="103">
        <v>58</v>
      </c>
      <c r="IY34" s="413">
        <v>0</v>
      </c>
      <c r="IZ34" s="102">
        <v>40</v>
      </c>
      <c r="JA34" s="102">
        <v>37</v>
      </c>
      <c r="JB34" s="102">
        <v>31</v>
      </c>
      <c r="JC34" s="102">
        <v>21</v>
      </c>
      <c r="JD34" s="102">
        <v>12</v>
      </c>
      <c r="JE34" s="103">
        <v>141</v>
      </c>
      <c r="JF34" s="104">
        <v>199</v>
      </c>
      <c r="JG34" s="101">
        <v>14</v>
      </c>
      <c r="JH34" s="102">
        <v>27</v>
      </c>
      <c r="JI34" s="103">
        <v>41</v>
      </c>
      <c r="JJ34" s="413">
        <v>0</v>
      </c>
      <c r="JK34" s="102">
        <v>46</v>
      </c>
      <c r="JL34" s="102">
        <v>37</v>
      </c>
      <c r="JM34" s="102">
        <v>48</v>
      </c>
      <c r="JN34" s="102">
        <v>44</v>
      </c>
      <c r="JO34" s="102">
        <v>19</v>
      </c>
      <c r="JP34" s="103">
        <v>194</v>
      </c>
      <c r="JQ34" s="104">
        <v>235</v>
      </c>
      <c r="JR34" s="101">
        <v>0</v>
      </c>
      <c r="JS34" s="102">
        <v>3</v>
      </c>
      <c r="JT34" s="103">
        <v>3</v>
      </c>
      <c r="JU34" s="413">
        <v>0</v>
      </c>
      <c r="JV34" s="102">
        <v>2</v>
      </c>
      <c r="JW34" s="102">
        <v>0</v>
      </c>
      <c r="JX34" s="102">
        <v>1</v>
      </c>
      <c r="JY34" s="102">
        <v>2</v>
      </c>
      <c r="JZ34" s="102">
        <v>3</v>
      </c>
      <c r="KA34" s="103">
        <v>8</v>
      </c>
      <c r="KB34" s="104">
        <v>11</v>
      </c>
      <c r="KC34" s="101">
        <v>75</v>
      </c>
      <c r="KD34" s="102">
        <v>135</v>
      </c>
      <c r="KE34" s="103">
        <v>210</v>
      </c>
      <c r="KF34" s="413">
        <v>0</v>
      </c>
      <c r="KG34" s="102">
        <v>162</v>
      </c>
      <c r="KH34" s="102">
        <v>133</v>
      </c>
      <c r="KI34" s="102">
        <v>129</v>
      </c>
      <c r="KJ34" s="102">
        <v>96</v>
      </c>
      <c r="KK34" s="102">
        <v>56</v>
      </c>
      <c r="KL34" s="103">
        <v>576</v>
      </c>
      <c r="KM34" s="104">
        <v>786</v>
      </c>
    </row>
    <row r="35" spans="2:299" s="70" customFormat="1" ht="21" customHeight="1" x14ac:dyDescent="0.2">
      <c r="B35" s="106" t="s">
        <v>32</v>
      </c>
      <c r="C35" s="96">
        <v>41</v>
      </c>
      <c r="D35" s="97">
        <v>31</v>
      </c>
      <c r="E35" s="98">
        <v>72</v>
      </c>
      <c r="F35" s="413">
        <v>0</v>
      </c>
      <c r="G35" s="97">
        <v>76</v>
      </c>
      <c r="H35" s="97">
        <v>56</v>
      </c>
      <c r="I35" s="97">
        <v>31</v>
      </c>
      <c r="J35" s="97">
        <v>35</v>
      </c>
      <c r="K35" s="97">
        <v>24</v>
      </c>
      <c r="L35" s="99">
        <v>222</v>
      </c>
      <c r="M35" s="100">
        <v>294</v>
      </c>
      <c r="N35" s="101">
        <v>4</v>
      </c>
      <c r="O35" s="102">
        <v>1</v>
      </c>
      <c r="P35" s="103">
        <v>5</v>
      </c>
      <c r="Q35" s="413">
        <v>0</v>
      </c>
      <c r="R35" s="102">
        <v>3</v>
      </c>
      <c r="S35" s="102">
        <v>4</v>
      </c>
      <c r="T35" s="102">
        <v>3</v>
      </c>
      <c r="U35" s="102">
        <v>1</v>
      </c>
      <c r="V35" s="102">
        <v>0</v>
      </c>
      <c r="W35" s="103">
        <v>11</v>
      </c>
      <c r="X35" s="104">
        <v>16</v>
      </c>
      <c r="Y35" s="101">
        <v>4</v>
      </c>
      <c r="Z35" s="102">
        <v>1</v>
      </c>
      <c r="AA35" s="103">
        <v>5</v>
      </c>
      <c r="AB35" s="413">
        <v>0</v>
      </c>
      <c r="AC35" s="102">
        <v>7</v>
      </c>
      <c r="AD35" s="102">
        <v>2</v>
      </c>
      <c r="AE35" s="102">
        <v>2</v>
      </c>
      <c r="AF35" s="102">
        <v>7</v>
      </c>
      <c r="AG35" s="102">
        <v>2</v>
      </c>
      <c r="AH35" s="103">
        <v>20</v>
      </c>
      <c r="AI35" s="104">
        <v>25</v>
      </c>
      <c r="AJ35" s="101">
        <v>6</v>
      </c>
      <c r="AK35" s="102">
        <v>2</v>
      </c>
      <c r="AL35" s="103">
        <v>8</v>
      </c>
      <c r="AM35" s="413">
        <v>0</v>
      </c>
      <c r="AN35" s="102">
        <v>12</v>
      </c>
      <c r="AO35" s="102">
        <v>10</v>
      </c>
      <c r="AP35" s="102">
        <v>6</v>
      </c>
      <c r="AQ35" s="102">
        <v>2</v>
      </c>
      <c r="AR35" s="102">
        <v>5</v>
      </c>
      <c r="AS35" s="103">
        <v>35</v>
      </c>
      <c r="AT35" s="104">
        <v>43</v>
      </c>
      <c r="AU35" s="101">
        <v>15</v>
      </c>
      <c r="AV35" s="102">
        <v>12</v>
      </c>
      <c r="AW35" s="103">
        <v>27</v>
      </c>
      <c r="AX35" s="413">
        <v>0</v>
      </c>
      <c r="AY35" s="102">
        <v>21</v>
      </c>
      <c r="AZ35" s="102">
        <v>14</v>
      </c>
      <c r="BA35" s="102">
        <v>6</v>
      </c>
      <c r="BB35" s="102">
        <v>6</v>
      </c>
      <c r="BC35" s="102">
        <v>7</v>
      </c>
      <c r="BD35" s="103">
        <v>54</v>
      </c>
      <c r="BE35" s="104">
        <v>81</v>
      </c>
      <c r="BF35" s="101">
        <v>3</v>
      </c>
      <c r="BG35" s="102">
        <v>11</v>
      </c>
      <c r="BH35" s="103">
        <v>14</v>
      </c>
      <c r="BI35" s="413">
        <v>0</v>
      </c>
      <c r="BJ35" s="102">
        <v>19</v>
      </c>
      <c r="BK35" s="102">
        <v>13</v>
      </c>
      <c r="BL35" s="102">
        <v>11</v>
      </c>
      <c r="BM35" s="102">
        <v>12</v>
      </c>
      <c r="BN35" s="102">
        <v>6</v>
      </c>
      <c r="BO35" s="103">
        <v>61</v>
      </c>
      <c r="BP35" s="104">
        <v>75</v>
      </c>
      <c r="BQ35" s="101">
        <v>9</v>
      </c>
      <c r="BR35" s="102">
        <v>4</v>
      </c>
      <c r="BS35" s="103">
        <v>13</v>
      </c>
      <c r="BT35" s="413">
        <v>0</v>
      </c>
      <c r="BU35" s="102">
        <v>14</v>
      </c>
      <c r="BV35" s="102">
        <v>13</v>
      </c>
      <c r="BW35" s="102">
        <v>3</v>
      </c>
      <c r="BX35" s="102">
        <v>7</v>
      </c>
      <c r="BY35" s="102">
        <v>4</v>
      </c>
      <c r="BZ35" s="103">
        <v>41</v>
      </c>
      <c r="CA35" s="104">
        <v>54</v>
      </c>
      <c r="CB35" s="101">
        <v>0</v>
      </c>
      <c r="CC35" s="102">
        <v>3</v>
      </c>
      <c r="CD35" s="103">
        <v>3</v>
      </c>
      <c r="CE35" s="413">
        <v>0</v>
      </c>
      <c r="CF35" s="102">
        <v>4</v>
      </c>
      <c r="CG35" s="102">
        <v>2</v>
      </c>
      <c r="CH35" s="102">
        <v>3</v>
      </c>
      <c r="CI35" s="102">
        <v>0</v>
      </c>
      <c r="CJ35" s="102">
        <v>3</v>
      </c>
      <c r="CK35" s="103">
        <v>12</v>
      </c>
      <c r="CL35" s="104">
        <v>15</v>
      </c>
      <c r="CM35" s="101">
        <v>41</v>
      </c>
      <c r="CN35" s="102">
        <v>34</v>
      </c>
      <c r="CO35" s="103">
        <v>75</v>
      </c>
      <c r="CP35" s="413">
        <v>0</v>
      </c>
      <c r="CQ35" s="102">
        <v>80</v>
      </c>
      <c r="CR35" s="102">
        <v>58</v>
      </c>
      <c r="CS35" s="102">
        <v>34</v>
      </c>
      <c r="CT35" s="102">
        <v>35</v>
      </c>
      <c r="CU35" s="102">
        <v>27</v>
      </c>
      <c r="CV35" s="103">
        <v>234</v>
      </c>
      <c r="CW35" s="104">
        <v>309</v>
      </c>
      <c r="CX35" s="105">
        <v>54</v>
      </c>
      <c r="CY35" s="97">
        <v>80</v>
      </c>
      <c r="CZ35" s="98">
        <v>134</v>
      </c>
      <c r="DA35" s="413">
        <v>0</v>
      </c>
      <c r="DB35" s="97">
        <v>146</v>
      </c>
      <c r="DC35" s="97">
        <v>89</v>
      </c>
      <c r="DD35" s="97">
        <v>71</v>
      </c>
      <c r="DE35" s="97">
        <v>91</v>
      </c>
      <c r="DF35" s="97">
        <v>49</v>
      </c>
      <c r="DG35" s="99">
        <v>446</v>
      </c>
      <c r="DH35" s="100">
        <v>580</v>
      </c>
      <c r="DI35" s="101">
        <v>0</v>
      </c>
      <c r="DJ35" s="102">
        <v>3</v>
      </c>
      <c r="DK35" s="103">
        <v>3</v>
      </c>
      <c r="DL35" s="413">
        <v>0</v>
      </c>
      <c r="DM35" s="102">
        <v>1</v>
      </c>
      <c r="DN35" s="102">
        <v>3</v>
      </c>
      <c r="DO35" s="102">
        <v>0</v>
      </c>
      <c r="DP35" s="102">
        <v>0</v>
      </c>
      <c r="DQ35" s="102">
        <v>1</v>
      </c>
      <c r="DR35" s="103">
        <v>5</v>
      </c>
      <c r="DS35" s="104">
        <v>8</v>
      </c>
      <c r="DT35" s="101">
        <v>6</v>
      </c>
      <c r="DU35" s="102">
        <v>2</v>
      </c>
      <c r="DV35" s="103">
        <v>8</v>
      </c>
      <c r="DW35" s="413">
        <v>0</v>
      </c>
      <c r="DX35" s="102">
        <v>4</v>
      </c>
      <c r="DY35" s="102">
        <v>5</v>
      </c>
      <c r="DZ35" s="102">
        <v>2</v>
      </c>
      <c r="EA35" s="102">
        <v>4</v>
      </c>
      <c r="EB35" s="102">
        <v>1</v>
      </c>
      <c r="EC35" s="103">
        <v>16</v>
      </c>
      <c r="ED35" s="104">
        <v>24</v>
      </c>
      <c r="EE35" s="101">
        <v>5</v>
      </c>
      <c r="EF35" s="102">
        <v>10</v>
      </c>
      <c r="EG35" s="103">
        <v>15</v>
      </c>
      <c r="EH35" s="413">
        <v>0</v>
      </c>
      <c r="EI35" s="102">
        <v>23</v>
      </c>
      <c r="EJ35" s="102">
        <v>4</v>
      </c>
      <c r="EK35" s="102">
        <v>9</v>
      </c>
      <c r="EL35" s="102">
        <v>3</v>
      </c>
      <c r="EM35" s="102">
        <v>5</v>
      </c>
      <c r="EN35" s="103">
        <v>44</v>
      </c>
      <c r="EO35" s="104">
        <v>59</v>
      </c>
      <c r="EP35" s="101">
        <v>23</v>
      </c>
      <c r="EQ35" s="102">
        <v>20</v>
      </c>
      <c r="ER35" s="103">
        <v>43</v>
      </c>
      <c r="ES35" s="413">
        <v>0</v>
      </c>
      <c r="ET35" s="102">
        <v>36</v>
      </c>
      <c r="EU35" s="102">
        <v>20</v>
      </c>
      <c r="EV35" s="102">
        <v>18</v>
      </c>
      <c r="EW35" s="102">
        <v>20</v>
      </c>
      <c r="EX35" s="102">
        <v>10</v>
      </c>
      <c r="EY35" s="103">
        <v>104</v>
      </c>
      <c r="EZ35" s="104">
        <v>147</v>
      </c>
      <c r="FA35" s="101">
        <v>11</v>
      </c>
      <c r="FB35" s="102">
        <v>20</v>
      </c>
      <c r="FC35" s="103">
        <v>31</v>
      </c>
      <c r="FD35" s="413">
        <v>0</v>
      </c>
      <c r="FE35" s="102">
        <v>41</v>
      </c>
      <c r="FF35" s="102">
        <v>24</v>
      </c>
      <c r="FG35" s="102">
        <v>16</v>
      </c>
      <c r="FH35" s="102">
        <v>19</v>
      </c>
      <c r="FI35" s="102">
        <v>14</v>
      </c>
      <c r="FJ35" s="103">
        <v>114</v>
      </c>
      <c r="FK35" s="104">
        <v>145</v>
      </c>
      <c r="FL35" s="101">
        <v>9</v>
      </c>
      <c r="FM35" s="102">
        <v>25</v>
      </c>
      <c r="FN35" s="103">
        <v>34</v>
      </c>
      <c r="FO35" s="413">
        <v>0</v>
      </c>
      <c r="FP35" s="102">
        <v>41</v>
      </c>
      <c r="FQ35" s="102">
        <v>33</v>
      </c>
      <c r="FR35" s="102">
        <v>26</v>
      </c>
      <c r="FS35" s="102">
        <v>45</v>
      </c>
      <c r="FT35" s="102">
        <v>18</v>
      </c>
      <c r="FU35" s="103">
        <v>163</v>
      </c>
      <c r="FV35" s="104">
        <v>197</v>
      </c>
      <c r="FW35" s="101">
        <v>1</v>
      </c>
      <c r="FX35" s="102">
        <v>2</v>
      </c>
      <c r="FY35" s="103">
        <v>3</v>
      </c>
      <c r="FZ35" s="413">
        <v>0</v>
      </c>
      <c r="GA35" s="102">
        <v>2</v>
      </c>
      <c r="GB35" s="102">
        <v>3</v>
      </c>
      <c r="GC35" s="102">
        <v>1</v>
      </c>
      <c r="GD35" s="102">
        <v>0</v>
      </c>
      <c r="GE35" s="102">
        <v>0</v>
      </c>
      <c r="GF35" s="103">
        <v>6</v>
      </c>
      <c r="GG35" s="104">
        <v>9</v>
      </c>
      <c r="GH35" s="101">
        <v>55</v>
      </c>
      <c r="GI35" s="102">
        <v>82</v>
      </c>
      <c r="GJ35" s="103">
        <v>137</v>
      </c>
      <c r="GK35" s="413">
        <v>0</v>
      </c>
      <c r="GL35" s="102">
        <v>148</v>
      </c>
      <c r="GM35" s="102">
        <v>92</v>
      </c>
      <c r="GN35" s="102">
        <v>72</v>
      </c>
      <c r="GO35" s="102">
        <v>91</v>
      </c>
      <c r="GP35" s="102">
        <v>49</v>
      </c>
      <c r="GQ35" s="103">
        <v>452</v>
      </c>
      <c r="GR35" s="104">
        <v>589</v>
      </c>
      <c r="GS35" s="105">
        <v>95</v>
      </c>
      <c r="GT35" s="97">
        <v>111</v>
      </c>
      <c r="GU35" s="98">
        <v>206</v>
      </c>
      <c r="GV35" s="413">
        <v>0</v>
      </c>
      <c r="GW35" s="97">
        <v>222</v>
      </c>
      <c r="GX35" s="97">
        <v>145</v>
      </c>
      <c r="GY35" s="97">
        <v>102</v>
      </c>
      <c r="GZ35" s="97">
        <v>126</v>
      </c>
      <c r="HA35" s="97">
        <v>73</v>
      </c>
      <c r="HB35" s="99">
        <v>668</v>
      </c>
      <c r="HC35" s="100">
        <v>874</v>
      </c>
      <c r="HD35" s="101">
        <v>4</v>
      </c>
      <c r="HE35" s="102">
        <v>4</v>
      </c>
      <c r="HF35" s="103">
        <v>8</v>
      </c>
      <c r="HG35" s="416">
        <v>0</v>
      </c>
      <c r="HH35" s="102">
        <v>4</v>
      </c>
      <c r="HI35" s="102">
        <v>7</v>
      </c>
      <c r="HJ35" s="102">
        <v>3</v>
      </c>
      <c r="HK35" s="102">
        <v>1</v>
      </c>
      <c r="HL35" s="102">
        <v>1</v>
      </c>
      <c r="HM35" s="103">
        <v>16</v>
      </c>
      <c r="HN35" s="104">
        <v>24</v>
      </c>
      <c r="HO35" s="101">
        <v>10</v>
      </c>
      <c r="HP35" s="102">
        <v>3</v>
      </c>
      <c r="HQ35" s="103">
        <v>13</v>
      </c>
      <c r="HR35" s="413">
        <v>0</v>
      </c>
      <c r="HS35" s="102">
        <v>11</v>
      </c>
      <c r="HT35" s="102">
        <v>7</v>
      </c>
      <c r="HU35" s="102">
        <v>4</v>
      </c>
      <c r="HV35" s="102">
        <v>11</v>
      </c>
      <c r="HW35" s="102">
        <v>3</v>
      </c>
      <c r="HX35" s="103">
        <v>36</v>
      </c>
      <c r="HY35" s="104">
        <v>49</v>
      </c>
      <c r="HZ35" s="101">
        <v>11</v>
      </c>
      <c r="IA35" s="102">
        <v>12</v>
      </c>
      <c r="IB35" s="103">
        <v>23</v>
      </c>
      <c r="IC35" s="413">
        <v>0</v>
      </c>
      <c r="ID35" s="102">
        <v>35</v>
      </c>
      <c r="IE35" s="102">
        <v>14</v>
      </c>
      <c r="IF35" s="102">
        <v>15</v>
      </c>
      <c r="IG35" s="102">
        <v>5</v>
      </c>
      <c r="IH35" s="102">
        <v>10</v>
      </c>
      <c r="II35" s="103">
        <v>79</v>
      </c>
      <c r="IJ35" s="104">
        <v>102</v>
      </c>
      <c r="IK35" s="101">
        <v>38</v>
      </c>
      <c r="IL35" s="102">
        <v>32</v>
      </c>
      <c r="IM35" s="103">
        <v>70</v>
      </c>
      <c r="IN35" s="413">
        <v>0</v>
      </c>
      <c r="IO35" s="102">
        <v>57</v>
      </c>
      <c r="IP35" s="102">
        <v>34</v>
      </c>
      <c r="IQ35" s="102">
        <v>24</v>
      </c>
      <c r="IR35" s="102">
        <v>26</v>
      </c>
      <c r="IS35" s="102">
        <v>17</v>
      </c>
      <c r="IT35" s="103">
        <v>158</v>
      </c>
      <c r="IU35" s="104">
        <v>228</v>
      </c>
      <c r="IV35" s="101">
        <v>14</v>
      </c>
      <c r="IW35" s="102">
        <v>31</v>
      </c>
      <c r="IX35" s="103">
        <v>45</v>
      </c>
      <c r="IY35" s="413">
        <v>0</v>
      </c>
      <c r="IZ35" s="102">
        <v>60</v>
      </c>
      <c r="JA35" s="102">
        <v>37</v>
      </c>
      <c r="JB35" s="102">
        <v>27</v>
      </c>
      <c r="JC35" s="102">
        <v>31</v>
      </c>
      <c r="JD35" s="102">
        <v>20</v>
      </c>
      <c r="JE35" s="103">
        <v>175</v>
      </c>
      <c r="JF35" s="104">
        <v>220</v>
      </c>
      <c r="JG35" s="101">
        <v>18</v>
      </c>
      <c r="JH35" s="102">
        <v>29</v>
      </c>
      <c r="JI35" s="103">
        <v>47</v>
      </c>
      <c r="JJ35" s="413">
        <v>0</v>
      </c>
      <c r="JK35" s="102">
        <v>55</v>
      </c>
      <c r="JL35" s="102">
        <v>46</v>
      </c>
      <c r="JM35" s="102">
        <v>29</v>
      </c>
      <c r="JN35" s="102">
        <v>52</v>
      </c>
      <c r="JO35" s="102">
        <v>22</v>
      </c>
      <c r="JP35" s="103">
        <v>204</v>
      </c>
      <c r="JQ35" s="104">
        <v>251</v>
      </c>
      <c r="JR35" s="101">
        <v>1</v>
      </c>
      <c r="JS35" s="102">
        <v>5</v>
      </c>
      <c r="JT35" s="103">
        <v>6</v>
      </c>
      <c r="JU35" s="413">
        <v>0</v>
      </c>
      <c r="JV35" s="102">
        <v>6</v>
      </c>
      <c r="JW35" s="102">
        <v>5</v>
      </c>
      <c r="JX35" s="102">
        <v>4</v>
      </c>
      <c r="JY35" s="102">
        <v>0</v>
      </c>
      <c r="JZ35" s="102">
        <v>3</v>
      </c>
      <c r="KA35" s="103">
        <v>18</v>
      </c>
      <c r="KB35" s="104">
        <v>24</v>
      </c>
      <c r="KC35" s="101">
        <v>96</v>
      </c>
      <c r="KD35" s="102">
        <v>116</v>
      </c>
      <c r="KE35" s="103">
        <v>212</v>
      </c>
      <c r="KF35" s="413">
        <v>0</v>
      </c>
      <c r="KG35" s="102">
        <v>228</v>
      </c>
      <c r="KH35" s="102">
        <v>150</v>
      </c>
      <c r="KI35" s="102">
        <v>106</v>
      </c>
      <c r="KJ35" s="102">
        <v>126</v>
      </c>
      <c r="KK35" s="102">
        <v>76</v>
      </c>
      <c r="KL35" s="103">
        <v>686</v>
      </c>
      <c r="KM35" s="104">
        <v>898</v>
      </c>
    </row>
    <row r="36" spans="2:299" s="70" customFormat="1" ht="21" customHeight="1" x14ac:dyDescent="0.2">
      <c r="B36" s="106" t="s">
        <v>33</v>
      </c>
      <c r="C36" s="96">
        <v>30</v>
      </c>
      <c r="D36" s="97">
        <v>31</v>
      </c>
      <c r="E36" s="98">
        <v>61</v>
      </c>
      <c r="F36" s="413">
        <v>0</v>
      </c>
      <c r="G36" s="97">
        <v>79</v>
      </c>
      <c r="H36" s="97">
        <v>39</v>
      </c>
      <c r="I36" s="97">
        <v>46</v>
      </c>
      <c r="J36" s="97">
        <v>25</v>
      </c>
      <c r="K36" s="97">
        <v>16</v>
      </c>
      <c r="L36" s="99">
        <v>205</v>
      </c>
      <c r="M36" s="100">
        <v>266</v>
      </c>
      <c r="N36" s="101">
        <v>1</v>
      </c>
      <c r="O36" s="102">
        <v>1</v>
      </c>
      <c r="P36" s="103">
        <v>2</v>
      </c>
      <c r="Q36" s="413">
        <v>0</v>
      </c>
      <c r="R36" s="102">
        <v>7</v>
      </c>
      <c r="S36" s="102">
        <v>2</v>
      </c>
      <c r="T36" s="102">
        <v>2</v>
      </c>
      <c r="U36" s="102">
        <v>1</v>
      </c>
      <c r="V36" s="102">
        <v>0</v>
      </c>
      <c r="W36" s="103">
        <v>12</v>
      </c>
      <c r="X36" s="104">
        <v>14</v>
      </c>
      <c r="Y36" s="101">
        <v>1</v>
      </c>
      <c r="Z36" s="102">
        <v>2</v>
      </c>
      <c r="AA36" s="103">
        <v>3</v>
      </c>
      <c r="AB36" s="413">
        <v>0</v>
      </c>
      <c r="AC36" s="102">
        <v>11</v>
      </c>
      <c r="AD36" s="102">
        <v>3</v>
      </c>
      <c r="AE36" s="102">
        <v>9</v>
      </c>
      <c r="AF36" s="102">
        <v>5</v>
      </c>
      <c r="AG36" s="102">
        <v>2</v>
      </c>
      <c r="AH36" s="103">
        <v>30</v>
      </c>
      <c r="AI36" s="104">
        <v>33</v>
      </c>
      <c r="AJ36" s="101">
        <v>8</v>
      </c>
      <c r="AK36" s="102">
        <v>5</v>
      </c>
      <c r="AL36" s="103">
        <v>13</v>
      </c>
      <c r="AM36" s="413">
        <v>0</v>
      </c>
      <c r="AN36" s="102">
        <v>8</v>
      </c>
      <c r="AO36" s="102">
        <v>11</v>
      </c>
      <c r="AP36" s="102">
        <v>11</v>
      </c>
      <c r="AQ36" s="102">
        <v>4</v>
      </c>
      <c r="AR36" s="102">
        <v>4</v>
      </c>
      <c r="AS36" s="103">
        <v>38</v>
      </c>
      <c r="AT36" s="104">
        <v>51</v>
      </c>
      <c r="AU36" s="101">
        <v>14</v>
      </c>
      <c r="AV36" s="102">
        <v>8</v>
      </c>
      <c r="AW36" s="103">
        <v>22</v>
      </c>
      <c r="AX36" s="413">
        <v>0</v>
      </c>
      <c r="AY36" s="102">
        <v>21</v>
      </c>
      <c r="AZ36" s="102">
        <v>9</v>
      </c>
      <c r="BA36" s="102">
        <v>11</v>
      </c>
      <c r="BB36" s="102">
        <v>5</v>
      </c>
      <c r="BC36" s="102">
        <v>3</v>
      </c>
      <c r="BD36" s="103">
        <v>49</v>
      </c>
      <c r="BE36" s="104">
        <v>71</v>
      </c>
      <c r="BF36" s="101">
        <v>4</v>
      </c>
      <c r="BG36" s="102">
        <v>10</v>
      </c>
      <c r="BH36" s="103">
        <v>14</v>
      </c>
      <c r="BI36" s="413">
        <v>0</v>
      </c>
      <c r="BJ36" s="102">
        <v>19</v>
      </c>
      <c r="BK36" s="102">
        <v>8</v>
      </c>
      <c r="BL36" s="102">
        <v>7</v>
      </c>
      <c r="BM36" s="102">
        <v>5</v>
      </c>
      <c r="BN36" s="102">
        <v>3</v>
      </c>
      <c r="BO36" s="103">
        <v>42</v>
      </c>
      <c r="BP36" s="104">
        <v>56</v>
      </c>
      <c r="BQ36" s="101">
        <v>2</v>
      </c>
      <c r="BR36" s="102">
        <v>5</v>
      </c>
      <c r="BS36" s="103">
        <v>7</v>
      </c>
      <c r="BT36" s="413">
        <v>0</v>
      </c>
      <c r="BU36" s="102">
        <v>13</v>
      </c>
      <c r="BV36" s="102">
        <v>6</v>
      </c>
      <c r="BW36" s="102">
        <v>6</v>
      </c>
      <c r="BX36" s="102">
        <v>5</v>
      </c>
      <c r="BY36" s="102">
        <v>4</v>
      </c>
      <c r="BZ36" s="103">
        <v>34</v>
      </c>
      <c r="CA36" s="104">
        <v>41</v>
      </c>
      <c r="CB36" s="101">
        <v>0</v>
      </c>
      <c r="CC36" s="102">
        <v>1</v>
      </c>
      <c r="CD36" s="103">
        <v>1</v>
      </c>
      <c r="CE36" s="413">
        <v>0</v>
      </c>
      <c r="CF36" s="102">
        <v>0</v>
      </c>
      <c r="CG36" s="102">
        <v>1</v>
      </c>
      <c r="CH36" s="102">
        <v>0</v>
      </c>
      <c r="CI36" s="102">
        <v>1</v>
      </c>
      <c r="CJ36" s="102">
        <v>0</v>
      </c>
      <c r="CK36" s="103">
        <v>2</v>
      </c>
      <c r="CL36" s="104">
        <v>3</v>
      </c>
      <c r="CM36" s="101">
        <v>30</v>
      </c>
      <c r="CN36" s="102">
        <v>32</v>
      </c>
      <c r="CO36" s="103">
        <v>62</v>
      </c>
      <c r="CP36" s="413">
        <v>0</v>
      </c>
      <c r="CQ36" s="102">
        <v>79</v>
      </c>
      <c r="CR36" s="102">
        <v>40</v>
      </c>
      <c r="CS36" s="102">
        <v>46</v>
      </c>
      <c r="CT36" s="102">
        <v>26</v>
      </c>
      <c r="CU36" s="102">
        <v>16</v>
      </c>
      <c r="CV36" s="103">
        <v>207</v>
      </c>
      <c r="CW36" s="104">
        <v>269</v>
      </c>
      <c r="CX36" s="105">
        <v>43</v>
      </c>
      <c r="CY36" s="97">
        <v>60</v>
      </c>
      <c r="CZ36" s="98">
        <v>103</v>
      </c>
      <c r="DA36" s="413">
        <v>0</v>
      </c>
      <c r="DB36" s="97">
        <v>146</v>
      </c>
      <c r="DC36" s="97">
        <v>81</v>
      </c>
      <c r="DD36" s="97">
        <v>83</v>
      </c>
      <c r="DE36" s="97">
        <v>72</v>
      </c>
      <c r="DF36" s="97">
        <v>52</v>
      </c>
      <c r="DG36" s="99">
        <v>434</v>
      </c>
      <c r="DH36" s="100">
        <v>537</v>
      </c>
      <c r="DI36" s="101">
        <v>0</v>
      </c>
      <c r="DJ36" s="102">
        <v>1</v>
      </c>
      <c r="DK36" s="103">
        <v>1</v>
      </c>
      <c r="DL36" s="413">
        <v>0</v>
      </c>
      <c r="DM36" s="102">
        <v>3</v>
      </c>
      <c r="DN36" s="102">
        <v>0</v>
      </c>
      <c r="DO36" s="102">
        <v>1</v>
      </c>
      <c r="DP36" s="102">
        <v>3</v>
      </c>
      <c r="DQ36" s="102">
        <v>1</v>
      </c>
      <c r="DR36" s="103">
        <v>8</v>
      </c>
      <c r="DS36" s="104">
        <v>9</v>
      </c>
      <c r="DT36" s="101">
        <v>4</v>
      </c>
      <c r="DU36" s="102">
        <v>5</v>
      </c>
      <c r="DV36" s="103">
        <v>9</v>
      </c>
      <c r="DW36" s="413">
        <v>0</v>
      </c>
      <c r="DX36" s="102">
        <v>2</v>
      </c>
      <c r="DY36" s="102">
        <v>4</v>
      </c>
      <c r="DZ36" s="102">
        <v>2</v>
      </c>
      <c r="EA36" s="102">
        <v>3</v>
      </c>
      <c r="EB36" s="102">
        <v>0</v>
      </c>
      <c r="EC36" s="103">
        <v>11</v>
      </c>
      <c r="ED36" s="104">
        <v>20</v>
      </c>
      <c r="EE36" s="101">
        <v>6</v>
      </c>
      <c r="EF36" s="102">
        <v>9</v>
      </c>
      <c r="EG36" s="103">
        <v>15</v>
      </c>
      <c r="EH36" s="413">
        <v>0</v>
      </c>
      <c r="EI36" s="102">
        <v>11</v>
      </c>
      <c r="EJ36" s="102">
        <v>6</v>
      </c>
      <c r="EK36" s="102">
        <v>6</v>
      </c>
      <c r="EL36" s="102">
        <v>8</v>
      </c>
      <c r="EM36" s="102">
        <v>6</v>
      </c>
      <c r="EN36" s="103">
        <v>37</v>
      </c>
      <c r="EO36" s="104">
        <v>52</v>
      </c>
      <c r="EP36" s="101">
        <v>7</v>
      </c>
      <c r="EQ36" s="102">
        <v>16</v>
      </c>
      <c r="ER36" s="103">
        <v>23</v>
      </c>
      <c r="ES36" s="413">
        <v>0</v>
      </c>
      <c r="ET36" s="102">
        <v>34</v>
      </c>
      <c r="EU36" s="102">
        <v>13</v>
      </c>
      <c r="EV36" s="102">
        <v>16</v>
      </c>
      <c r="EW36" s="102">
        <v>10</v>
      </c>
      <c r="EX36" s="102">
        <v>9</v>
      </c>
      <c r="EY36" s="103">
        <v>82</v>
      </c>
      <c r="EZ36" s="104">
        <v>105</v>
      </c>
      <c r="FA36" s="101">
        <v>20</v>
      </c>
      <c r="FB36" s="102">
        <v>15</v>
      </c>
      <c r="FC36" s="103">
        <v>35</v>
      </c>
      <c r="FD36" s="413">
        <v>0</v>
      </c>
      <c r="FE36" s="102">
        <v>50</v>
      </c>
      <c r="FF36" s="102">
        <v>21</v>
      </c>
      <c r="FG36" s="102">
        <v>21</v>
      </c>
      <c r="FH36" s="102">
        <v>20</v>
      </c>
      <c r="FI36" s="102">
        <v>16</v>
      </c>
      <c r="FJ36" s="103">
        <v>128</v>
      </c>
      <c r="FK36" s="104">
        <v>163</v>
      </c>
      <c r="FL36" s="101">
        <v>6</v>
      </c>
      <c r="FM36" s="102">
        <v>14</v>
      </c>
      <c r="FN36" s="103">
        <v>20</v>
      </c>
      <c r="FO36" s="413">
        <v>0</v>
      </c>
      <c r="FP36" s="102">
        <v>46</v>
      </c>
      <c r="FQ36" s="102">
        <v>37</v>
      </c>
      <c r="FR36" s="102">
        <v>37</v>
      </c>
      <c r="FS36" s="102">
        <v>28</v>
      </c>
      <c r="FT36" s="102">
        <v>20</v>
      </c>
      <c r="FU36" s="103">
        <v>168</v>
      </c>
      <c r="FV36" s="104">
        <v>188</v>
      </c>
      <c r="FW36" s="101">
        <v>0</v>
      </c>
      <c r="FX36" s="102">
        <v>0</v>
      </c>
      <c r="FY36" s="103">
        <v>0</v>
      </c>
      <c r="FZ36" s="413">
        <v>0</v>
      </c>
      <c r="GA36" s="102">
        <v>1</v>
      </c>
      <c r="GB36" s="102">
        <v>0</v>
      </c>
      <c r="GC36" s="102">
        <v>0</v>
      </c>
      <c r="GD36" s="102">
        <v>0</v>
      </c>
      <c r="GE36" s="102">
        <v>1</v>
      </c>
      <c r="GF36" s="103">
        <v>2</v>
      </c>
      <c r="GG36" s="104">
        <v>2</v>
      </c>
      <c r="GH36" s="101">
        <v>43</v>
      </c>
      <c r="GI36" s="102">
        <v>60</v>
      </c>
      <c r="GJ36" s="103">
        <v>103</v>
      </c>
      <c r="GK36" s="413">
        <v>0</v>
      </c>
      <c r="GL36" s="102">
        <v>147</v>
      </c>
      <c r="GM36" s="102">
        <v>81</v>
      </c>
      <c r="GN36" s="102">
        <v>83</v>
      </c>
      <c r="GO36" s="102">
        <v>72</v>
      </c>
      <c r="GP36" s="102">
        <v>53</v>
      </c>
      <c r="GQ36" s="103">
        <v>436</v>
      </c>
      <c r="GR36" s="104">
        <v>539</v>
      </c>
      <c r="GS36" s="105">
        <v>73</v>
      </c>
      <c r="GT36" s="97">
        <v>91</v>
      </c>
      <c r="GU36" s="98">
        <v>164</v>
      </c>
      <c r="GV36" s="413">
        <v>0</v>
      </c>
      <c r="GW36" s="97">
        <v>225</v>
      </c>
      <c r="GX36" s="97">
        <v>120</v>
      </c>
      <c r="GY36" s="97">
        <v>129</v>
      </c>
      <c r="GZ36" s="97">
        <v>97</v>
      </c>
      <c r="HA36" s="97">
        <v>68</v>
      </c>
      <c r="HB36" s="99">
        <v>639</v>
      </c>
      <c r="HC36" s="100">
        <v>803</v>
      </c>
      <c r="HD36" s="101">
        <v>1</v>
      </c>
      <c r="HE36" s="102">
        <v>2</v>
      </c>
      <c r="HF36" s="103">
        <v>3</v>
      </c>
      <c r="HG36" s="416">
        <v>0</v>
      </c>
      <c r="HH36" s="102">
        <v>10</v>
      </c>
      <c r="HI36" s="102">
        <v>2</v>
      </c>
      <c r="HJ36" s="102">
        <v>3</v>
      </c>
      <c r="HK36" s="102">
        <v>4</v>
      </c>
      <c r="HL36" s="102">
        <v>1</v>
      </c>
      <c r="HM36" s="103">
        <v>20</v>
      </c>
      <c r="HN36" s="104">
        <v>23</v>
      </c>
      <c r="HO36" s="101">
        <v>5</v>
      </c>
      <c r="HP36" s="102">
        <v>7</v>
      </c>
      <c r="HQ36" s="103">
        <v>12</v>
      </c>
      <c r="HR36" s="413">
        <v>0</v>
      </c>
      <c r="HS36" s="102">
        <v>13</v>
      </c>
      <c r="HT36" s="102">
        <v>7</v>
      </c>
      <c r="HU36" s="102">
        <v>11</v>
      </c>
      <c r="HV36" s="102">
        <v>8</v>
      </c>
      <c r="HW36" s="102">
        <v>2</v>
      </c>
      <c r="HX36" s="103">
        <v>41</v>
      </c>
      <c r="HY36" s="104">
        <v>53</v>
      </c>
      <c r="HZ36" s="101">
        <v>14</v>
      </c>
      <c r="IA36" s="102">
        <v>14</v>
      </c>
      <c r="IB36" s="103">
        <v>28</v>
      </c>
      <c r="IC36" s="413">
        <v>0</v>
      </c>
      <c r="ID36" s="102">
        <v>19</v>
      </c>
      <c r="IE36" s="102">
        <v>17</v>
      </c>
      <c r="IF36" s="102">
        <v>17</v>
      </c>
      <c r="IG36" s="102">
        <v>12</v>
      </c>
      <c r="IH36" s="102">
        <v>10</v>
      </c>
      <c r="II36" s="103">
        <v>75</v>
      </c>
      <c r="IJ36" s="104">
        <v>103</v>
      </c>
      <c r="IK36" s="101">
        <v>21</v>
      </c>
      <c r="IL36" s="102">
        <v>24</v>
      </c>
      <c r="IM36" s="103">
        <v>45</v>
      </c>
      <c r="IN36" s="413">
        <v>0</v>
      </c>
      <c r="IO36" s="102">
        <v>55</v>
      </c>
      <c r="IP36" s="102">
        <v>22</v>
      </c>
      <c r="IQ36" s="102">
        <v>27</v>
      </c>
      <c r="IR36" s="102">
        <v>15</v>
      </c>
      <c r="IS36" s="102">
        <v>12</v>
      </c>
      <c r="IT36" s="103">
        <v>131</v>
      </c>
      <c r="IU36" s="104">
        <v>176</v>
      </c>
      <c r="IV36" s="101">
        <v>24</v>
      </c>
      <c r="IW36" s="102">
        <v>25</v>
      </c>
      <c r="IX36" s="103">
        <v>49</v>
      </c>
      <c r="IY36" s="413">
        <v>0</v>
      </c>
      <c r="IZ36" s="102">
        <v>69</v>
      </c>
      <c r="JA36" s="102">
        <v>29</v>
      </c>
      <c r="JB36" s="102">
        <v>28</v>
      </c>
      <c r="JC36" s="102">
        <v>25</v>
      </c>
      <c r="JD36" s="102">
        <v>19</v>
      </c>
      <c r="JE36" s="103">
        <v>170</v>
      </c>
      <c r="JF36" s="104">
        <v>219</v>
      </c>
      <c r="JG36" s="101">
        <v>8</v>
      </c>
      <c r="JH36" s="102">
        <v>19</v>
      </c>
      <c r="JI36" s="103">
        <v>27</v>
      </c>
      <c r="JJ36" s="413">
        <v>0</v>
      </c>
      <c r="JK36" s="102">
        <v>59</v>
      </c>
      <c r="JL36" s="102">
        <v>43</v>
      </c>
      <c r="JM36" s="102">
        <v>43</v>
      </c>
      <c r="JN36" s="102">
        <v>33</v>
      </c>
      <c r="JO36" s="102">
        <v>24</v>
      </c>
      <c r="JP36" s="103">
        <v>202</v>
      </c>
      <c r="JQ36" s="104">
        <v>229</v>
      </c>
      <c r="JR36" s="101">
        <v>0</v>
      </c>
      <c r="JS36" s="102">
        <v>1</v>
      </c>
      <c r="JT36" s="103">
        <v>1</v>
      </c>
      <c r="JU36" s="413">
        <v>0</v>
      </c>
      <c r="JV36" s="102">
        <v>1</v>
      </c>
      <c r="JW36" s="102">
        <v>1</v>
      </c>
      <c r="JX36" s="102">
        <v>0</v>
      </c>
      <c r="JY36" s="102">
        <v>1</v>
      </c>
      <c r="JZ36" s="102">
        <v>1</v>
      </c>
      <c r="KA36" s="103">
        <v>4</v>
      </c>
      <c r="KB36" s="104">
        <v>5</v>
      </c>
      <c r="KC36" s="101">
        <v>73</v>
      </c>
      <c r="KD36" s="102">
        <v>92</v>
      </c>
      <c r="KE36" s="103">
        <v>165</v>
      </c>
      <c r="KF36" s="413">
        <v>0</v>
      </c>
      <c r="KG36" s="102">
        <v>226</v>
      </c>
      <c r="KH36" s="102">
        <v>121</v>
      </c>
      <c r="KI36" s="102">
        <v>129</v>
      </c>
      <c r="KJ36" s="102">
        <v>98</v>
      </c>
      <c r="KK36" s="102">
        <v>69</v>
      </c>
      <c r="KL36" s="103">
        <v>643</v>
      </c>
      <c r="KM36" s="104">
        <v>808</v>
      </c>
    </row>
    <row r="37" spans="2:299" s="70" customFormat="1" ht="21" customHeight="1" x14ac:dyDescent="0.2">
      <c r="B37" s="106" t="s">
        <v>34</v>
      </c>
      <c r="C37" s="96">
        <v>18</v>
      </c>
      <c r="D37" s="97">
        <v>22</v>
      </c>
      <c r="E37" s="98">
        <v>40</v>
      </c>
      <c r="F37" s="413">
        <v>0</v>
      </c>
      <c r="G37" s="97">
        <v>48</v>
      </c>
      <c r="H37" s="97">
        <v>37</v>
      </c>
      <c r="I37" s="97">
        <v>15</v>
      </c>
      <c r="J37" s="97">
        <v>30</v>
      </c>
      <c r="K37" s="97">
        <v>11</v>
      </c>
      <c r="L37" s="99">
        <v>141</v>
      </c>
      <c r="M37" s="100">
        <v>181</v>
      </c>
      <c r="N37" s="101">
        <v>0</v>
      </c>
      <c r="O37" s="102">
        <v>1</v>
      </c>
      <c r="P37" s="103">
        <v>1</v>
      </c>
      <c r="Q37" s="413">
        <v>0</v>
      </c>
      <c r="R37" s="102">
        <v>4</v>
      </c>
      <c r="S37" s="102">
        <v>0</v>
      </c>
      <c r="T37" s="102">
        <v>0</v>
      </c>
      <c r="U37" s="102">
        <v>2</v>
      </c>
      <c r="V37" s="102">
        <v>0</v>
      </c>
      <c r="W37" s="103">
        <v>6</v>
      </c>
      <c r="X37" s="104">
        <v>7</v>
      </c>
      <c r="Y37" s="101">
        <v>2</v>
      </c>
      <c r="Z37" s="102">
        <v>2</v>
      </c>
      <c r="AA37" s="103">
        <v>4</v>
      </c>
      <c r="AB37" s="413">
        <v>0</v>
      </c>
      <c r="AC37" s="102">
        <v>5</v>
      </c>
      <c r="AD37" s="102">
        <v>3</v>
      </c>
      <c r="AE37" s="102">
        <v>2</v>
      </c>
      <c r="AF37" s="102">
        <v>2</v>
      </c>
      <c r="AG37" s="102">
        <v>1</v>
      </c>
      <c r="AH37" s="103">
        <v>13</v>
      </c>
      <c r="AI37" s="104">
        <v>17</v>
      </c>
      <c r="AJ37" s="101">
        <v>3</v>
      </c>
      <c r="AK37" s="102">
        <v>2</v>
      </c>
      <c r="AL37" s="103">
        <v>5</v>
      </c>
      <c r="AM37" s="413">
        <v>0</v>
      </c>
      <c r="AN37" s="102">
        <v>4</v>
      </c>
      <c r="AO37" s="102">
        <v>6</v>
      </c>
      <c r="AP37" s="102">
        <v>2</v>
      </c>
      <c r="AQ37" s="102">
        <v>8</v>
      </c>
      <c r="AR37" s="102">
        <v>1</v>
      </c>
      <c r="AS37" s="103">
        <v>21</v>
      </c>
      <c r="AT37" s="104">
        <v>26</v>
      </c>
      <c r="AU37" s="101">
        <v>6</v>
      </c>
      <c r="AV37" s="102">
        <v>7</v>
      </c>
      <c r="AW37" s="103">
        <v>13</v>
      </c>
      <c r="AX37" s="413">
        <v>0</v>
      </c>
      <c r="AY37" s="102">
        <v>14</v>
      </c>
      <c r="AZ37" s="102">
        <v>10</v>
      </c>
      <c r="BA37" s="102">
        <v>5</v>
      </c>
      <c r="BB37" s="102">
        <v>6</v>
      </c>
      <c r="BC37" s="102">
        <v>5</v>
      </c>
      <c r="BD37" s="103">
        <v>40</v>
      </c>
      <c r="BE37" s="104">
        <v>53</v>
      </c>
      <c r="BF37" s="101">
        <v>2</v>
      </c>
      <c r="BG37" s="102">
        <v>8</v>
      </c>
      <c r="BH37" s="103">
        <v>10</v>
      </c>
      <c r="BI37" s="413">
        <v>0</v>
      </c>
      <c r="BJ37" s="102">
        <v>10</v>
      </c>
      <c r="BK37" s="102">
        <v>7</v>
      </c>
      <c r="BL37" s="102">
        <v>3</v>
      </c>
      <c r="BM37" s="102">
        <v>5</v>
      </c>
      <c r="BN37" s="102">
        <v>3</v>
      </c>
      <c r="BO37" s="103">
        <v>28</v>
      </c>
      <c r="BP37" s="104">
        <v>38</v>
      </c>
      <c r="BQ37" s="101">
        <v>5</v>
      </c>
      <c r="BR37" s="102">
        <v>2</v>
      </c>
      <c r="BS37" s="103">
        <v>7</v>
      </c>
      <c r="BT37" s="413">
        <v>0</v>
      </c>
      <c r="BU37" s="102">
        <v>11</v>
      </c>
      <c r="BV37" s="102">
        <v>11</v>
      </c>
      <c r="BW37" s="102">
        <v>3</v>
      </c>
      <c r="BX37" s="102">
        <v>7</v>
      </c>
      <c r="BY37" s="102">
        <v>1</v>
      </c>
      <c r="BZ37" s="103">
        <v>33</v>
      </c>
      <c r="CA37" s="104">
        <v>40</v>
      </c>
      <c r="CB37" s="101">
        <v>0</v>
      </c>
      <c r="CC37" s="102">
        <v>0</v>
      </c>
      <c r="CD37" s="103">
        <v>0</v>
      </c>
      <c r="CE37" s="413">
        <v>0</v>
      </c>
      <c r="CF37" s="102">
        <v>1</v>
      </c>
      <c r="CG37" s="102">
        <v>0</v>
      </c>
      <c r="CH37" s="102">
        <v>1</v>
      </c>
      <c r="CI37" s="102">
        <v>1</v>
      </c>
      <c r="CJ37" s="102">
        <v>2</v>
      </c>
      <c r="CK37" s="103">
        <v>5</v>
      </c>
      <c r="CL37" s="104">
        <v>5</v>
      </c>
      <c r="CM37" s="101">
        <v>18</v>
      </c>
      <c r="CN37" s="102">
        <v>22</v>
      </c>
      <c r="CO37" s="103">
        <v>40</v>
      </c>
      <c r="CP37" s="413">
        <v>0</v>
      </c>
      <c r="CQ37" s="102">
        <v>49</v>
      </c>
      <c r="CR37" s="102">
        <v>37</v>
      </c>
      <c r="CS37" s="102">
        <v>16</v>
      </c>
      <c r="CT37" s="102">
        <v>31</v>
      </c>
      <c r="CU37" s="102">
        <v>13</v>
      </c>
      <c r="CV37" s="103">
        <v>146</v>
      </c>
      <c r="CW37" s="104">
        <v>186</v>
      </c>
      <c r="CX37" s="105">
        <v>47</v>
      </c>
      <c r="CY37" s="97">
        <v>42</v>
      </c>
      <c r="CZ37" s="98">
        <v>89</v>
      </c>
      <c r="DA37" s="413">
        <v>0</v>
      </c>
      <c r="DB37" s="97">
        <v>104</v>
      </c>
      <c r="DC37" s="97">
        <v>47</v>
      </c>
      <c r="DD37" s="97">
        <v>37</v>
      </c>
      <c r="DE37" s="97">
        <v>48</v>
      </c>
      <c r="DF37" s="97">
        <v>34</v>
      </c>
      <c r="DG37" s="99">
        <v>270</v>
      </c>
      <c r="DH37" s="100">
        <v>359</v>
      </c>
      <c r="DI37" s="101">
        <v>1</v>
      </c>
      <c r="DJ37" s="102">
        <v>1</v>
      </c>
      <c r="DK37" s="103">
        <v>2</v>
      </c>
      <c r="DL37" s="413">
        <v>0</v>
      </c>
      <c r="DM37" s="102">
        <v>1</v>
      </c>
      <c r="DN37" s="102">
        <v>0</v>
      </c>
      <c r="DO37" s="102">
        <v>2</v>
      </c>
      <c r="DP37" s="102">
        <v>0</v>
      </c>
      <c r="DQ37" s="102">
        <v>2</v>
      </c>
      <c r="DR37" s="103">
        <v>5</v>
      </c>
      <c r="DS37" s="104">
        <v>7</v>
      </c>
      <c r="DT37" s="101">
        <v>1</v>
      </c>
      <c r="DU37" s="102">
        <v>0</v>
      </c>
      <c r="DV37" s="103">
        <v>1</v>
      </c>
      <c r="DW37" s="413">
        <v>0</v>
      </c>
      <c r="DX37" s="102">
        <v>3</v>
      </c>
      <c r="DY37" s="102">
        <v>1</v>
      </c>
      <c r="DZ37" s="102">
        <v>1</v>
      </c>
      <c r="EA37" s="102">
        <v>1</v>
      </c>
      <c r="EB37" s="102">
        <v>2</v>
      </c>
      <c r="EC37" s="103">
        <v>8</v>
      </c>
      <c r="ED37" s="104">
        <v>9</v>
      </c>
      <c r="EE37" s="101">
        <v>11</v>
      </c>
      <c r="EF37" s="102">
        <v>4</v>
      </c>
      <c r="EG37" s="103">
        <v>15</v>
      </c>
      <c r="EH37" s="413">
        <v>0</v>
      </c>
      <c r="EI37" s="102">
        <v>12</v>
      </c>
      <c r="EJ37" s="102">
        <v>3</v>
      </c>
      <c r="EK37" s="102">
        <v>5</v>
      </c>
      <c r="EL37" s="102">
        <v>2</v>
      </c>
      <c r="EM37" s="102">
        <v>2</v>
      </c>
      <c r="EN37" s="103">
        <v>24</v>
      </c>
      <c r="EO37" s="104">
        <v>39</v>
      </c>
      <c r="EP37" s="101">
        <v>9</v>
      </c>
      <c r="EQ37" s="102">
        <v>6</v>
      </c>
      <c r="ER37" s="103">
        <v>15</v>
      </c>
      <c r="ES37" s="413">
        <v>0</v>
      </c>
      <c r="ET37" s="102">
        <v>18</v>
      </c>
      <c r="EU37" s="102">
        <v>8</v>
      </c>
      <c r="EV37" s="102">
        <v>13</v>
      </c>
      <c r="EW37" s="102">
        <v>6</v>
      </c>
      <c r="EX37" s="102">
        <v>7</v>
      </c>
      <c r="EY37" s="103">
        <v>52</v>
      </c>
      <c r="EZ37" s="104">
        <v>67</v>
      </c>
      <c r="FA37" s="101">
        <v>18</v>
      </c>
      <c r="FB37" s="102">
        <v>16</v>
      </c>
      <c r="FC37" s="103">
        <v>34</v>
      </c>
      <c r="FD37" s="413">
        <v>0</v>
      </c>
      <c r="FE37" s="102">
        <v>38</v>
      </c>
      <c r="FF37" s="102">
        <v>14</v>
      </c>
      <c r="FG37" s="102">
        <v>7</v>
      </c>
      <c r="FH37" s="102">
        <v>9</v>
      </c>
      <c r="FI37" s="102">
        <v>4</v>
      </c>
      <c r="FJ37" s="103">
        <v>72</v>
      </c>
      <c r="FK37" s="104">
        <v>106</v>
      </c>
      <c r="FL37" s="101">
        <v>7</v>
      </c>
      <c r="FM37" s="102">
        <v>15</v>
      </c>
      <c r="FN37" s="103">
        <v>22</v>
      </c>
      <c r="FO37" s="413">
        <v>0</v>
      </c>
      <c r="FP37" s="102">
        <v>32</v>
      </c>
      <c r="FQ37" s="102">
        <v>21</v>
      </c>
      <c r="FR37" s="102">
        <v>9</v>
      </c>
      <c r="FS37" s="102">
        <v>30</v>
      </c>
      <c r="FT37" s="102">
        <v>17</v>
      </c>
      <c r="FU37" s="103">
        <v>109</v>
      </c>
      <c r="FV37" s="104">
        <v>131</v>
      </c>
      <c r="FW37" s="101">
        <v>0</v>
      </c>
      <c r="FX37" s="102">
        <v>0</v>
      </c>
      <c r="FY37" s="103">
        <v>0</v>
      </c>
      <c r="FZ37" s="413">
        <v>0</v>
      </c>
      <c r="GA37" s="102">
        <v>1</v>
      </c>
      <c r="GB37" s="102">
        <v>1</v>
      </c>
      <c r="GC37" s="102">
        <v>1</v>
      </c>
      <c r="GD37" s="102">
        <v>0</v>
      </c>
      <c r="GE37" s="102">
        <v>1</v>
      </c>
      <c r="GF37" s="103">
        <v>4</v>
      </c>
      <c r="GG37" s="104">
        <v>4</v>
      </c>
      <c r="GH37" s="101">
        <v>47</v>
      </c>
      <c r="GI37" s="102">
        <v>42</v>
      </c>
      <c r="GJ37" s="103">
        <v>89</v>
      </c>
      <c r="GK37" s="413">
        <v>0</v>
      </c>
      <c r="GL37" s="102">
        <v>105</v>
      </c>
      <c r="GM37" s="102">
        <v>48</v>
      </c>
      <c r="GN37" s="102">
        <v>38</v>
      </c>
      <c r="GO37" s="102">
        <v>48</v>
      </c>
      <c r="GP37" s="102">
        <v>35</v>
      </c>
      <c r="GQ37" s="103">
        <v>274</v>
      </c>
      <c r="GR37" s="104">
        <v>363</v>
      </c>
      <c r="GS37" s="105">
        <v>65</v>
      </c>
      <c r="GT37" s="97">
        <v>64</v>
      </c>
      <c r="GU37" s="98">
        <v>129</v>
      </c>
      <c r="GV37" s="413">
        <v>0</v>
      </c>
      <c r="GW37" s="97">
        <v>152</v>
      </c>
      <c r="GX37" s="97">
        <v>84</v>
      </c>
      <c r="GY37" s="97">
        <v>52</v>
      </c>
      <c r="GZ37" s="97">
        <v>78</v>
      </c>
      <c r="HA37" s="97">
        <v>45</v>
      </c>
      <c r="HB37" s="99">
        <v>411</v>
      </c>
      <c r="HC37" s="100">
        <v>540</v>
      </c>
      <c r="HD37" s="101">
        <v>1</v>
      </c>
      <c r="HE37" s="102">
        <v>2</v>
      </c>
      <c r="HF37" s="103">
        <v>3</v>
      </c>
      <c r="HG37" s="416">
        <v>0</v>
      </c>
      <c r="HH37" s="102">
        <v>5</v>
      </c>
      <c r="HI37" s="102">
        <v>0</v>
      </c>
      <c r="HJ37" s="102">
        <v>2</v>
      </c>
      <c r="HK37" s="102">
        <v>2</v>
      </c>
      <c r="HL37" s="102">
        <v>2</v>
      </c>
      <c r="HM37" s="103">
        <v>11</v>
      </c>
      <c r="HN37" s="104">
        <v>14</v>
      </c>
      <c r="HO37" s="101">
        <v>3</v>
      </c>
      <c r="HP37" s="102">
        <v>2</v>
      </c>
      <c r="HQ37" s="103">
        <v>5</v>
      </c>
      <c r="HR37" s="413">
        <v>0</v>
      </c>
      <c r="HS37" s="102">
        <v>8</v>
      </c>
      <c r="HT37" s="102">
        <v>4</v>
      </c>
      <c r="HU37" s="102">
        <v>3</v>
      </c>
      <c r="HV37" s="102">
        <v>3</v>
      </c>
      <c r="HW37" s="102">
        <v>3</v>
      </c>
      <c r="HX37" s="103">
        <v>21</v>
      </c>
      <c r="HY37" s="104">
        <v>26</v>
      </c>
      <c r="HZ37" s="101">
        <v>14</v>
      </c>
      <c r="IA37" s="102">
        <v>6</v>
      </c>
      <c r="IB37" s="103">
        <v>20</v>
      </c>
      <c r="IC37" s="413">
        <v>0</v>
      </c>
      <c r="ID37" s="102">
        <v>16</v>
      </c>
      <c r="IE37" s="102">
        <v>9</v>
      </c>
      <c r="IF37" s="102">
        <v>7</v>
      </c>
      <c r="IG37" s="102">
        <v>10</v>
      </c>
      <c r="IH37" s="102">
        <v>3</v>
      </c>
      <c r="II37" s="103">
        <v>45</v>
      </c>
      <c r="IJ37" s="104">
        <v>65</v>
      </c>
      <c r="IK37" s="101">
        <v>15</v>
      </c>
      <c r="IL37" s="102">
        <v>13</v>
      </c>
      <c r="IM37" s="103">
        <v>28</v>
      </c>
      <c r="IN37" s="413">
        <v>0</v>
      </c>
      <c r="IO37" s="102">
        <v>32</v>
      </c>
      <c r="IP37" s="102">
        <v>18</v>
      </c>
      <c r="IQ37" s="102">
        <v>18</v>
      </c>
      <c r="IR37" s="102">
        <v>12</v>
      </c>
      <c r="IS37" s="102">
        <v>12</v>
      </c>
      <c r="IT37" s="103">
        <v>92</v>
      </c>
      <c r="IU37" s="104">
        <v>120</v>
      </c>
      <c r="IV37" s="101">
        <v>20</v>
      </c>
      <c r="IW37" s="102">
        <v>24</v>
      </c>
      <c r="IX37" s="103">
        <v>44</v>
      </c>
      <c r="IY37" s="413">
        <v>0</v>
      </c>
      <c r="IZ37" s="102">
        <v>48</v>
      </c>
      <c r="JA37" s="102">
        <v>21</v>
      </c>
      <c r="JB37" s="102">
        <v>10</v>
      </c>
      <c r="JC37" s="102">
        <v>14</v>
      </c>
      <c r="JD37" s="102">
        <v>7</v>
      </c>
      <c r="JE37" s="103">
        <v>100</v>
      </c>
      <c r="JF37" s="104">
        <v>144</v>
      </c>
      <c r="JG37" s="101">
        <v>12</v>
      </c>
      <c r="JH37" s="102">
        <v>17</v>
      </c>
      <c r="JI37" s="103">
        <v>29</v>
      </c>
      <c r="JJ37" s="413">
        <v>0</v>
      </c>
      <c r="JK37" s="102">
        <v>43</v>
      </c>
      <c r="JL37" s="102">
        <v>32</v>
      </c>
      <c r="JM37" s="102">
        <v>12</v>
      </c>
      <c r="JN37" s="102">
        <v>37</v>
      </c>
      <c r="JO37" s="102">
        <v>18</v>
      </c>
      <c r="JP37" s="103">
        <v>142</v>
      </c>
      <c r="JQ37" s="104">
        <v>171</v>
      </c>
      <c r="JR37" s="101">
        <v>0</v>
      </c>
      <c r="JS37" s="102">
        <v>0</v>
      </c>
      <c r="JT37" s="103">
        <v>0</v>
      </c>
      <c r="JU37" s="413">
        <v>0</v>
      </c>
      <c r="JV37" s="102">
        <v>2</v>
      </c>
      <c r="JW37" s="102">
        <v>1</v>
      </c>
      <c r="JX37" s="102">
        <v>2</v>
      </c>
      <c r="JY37" s="102">
        <v>1</v>
      </c>
      <c r="JZ37" s="102">
        <v>3</v>
      </c>
      <c r="KA37" s="103">
        <v>9</v>
      </c>
      <c r="KB37" s="104">
        <v>9</v>
      </c>
      <c r="KC37" s="101">
        <v>65</v>
      </c>
      <c r="KD37" s="102">
        <v>64</v>
      </c>
      <c r="KE37" s="103">
        <v>129</v>
      </c>
      <c r="KF37" s="413">
        <v>0</v>
      </c>
      <c r="KG37" s="102">
        <v>154</v>
      </c>
      <c r="KH37" s="102">
        <v>85</v>
      </c>
      <c r="KI37" s="102">
        <v>54</v>
      </c>
      <c r="KJ37" s="102">
        <v>79</v>
      </c>
      <c r="KK37" s="102">
        <v>48</v>
      </c>
      <c r="KL37" s="103">
        <v>420</v>
      </c>
      <c r="KM37" s="104">
        <v>549</v>
      </c>
    </row>
    <row r="38" spans="2:299" s="70" customFormat="1" ht="21" customHeight="1" x14ac:dyDescent="0.2">
      <c r="B38" s="106" t="s">
        <v>35</v>
      </c>
      <c r="C38" s="96">
        <v>54</v>
      </c>
      <c r="D38" s="97">
        <v>60</v>
      </c>
      <c r="E38" s="98">
        <v>114</v>
      </c>
      <c r="F38" s="413">
        <v>0</v>
      </c>
      <c r="G38" s="97">
        <v>149</v>
      </c>
      <c r="H38" s="97">
        <v>95</v>
      </c>
      <c r="I38" s="97">
        <v>50</v>
      </c>
      <c r="J38" s="97">
        <v>54</v>
      </c>
      <c r="K38" s="97">
        <v>31</v>
      </c>
      <c r="L38" s="99">
        <v>379</v>
      </c>
      <c r="M38" s="100">
        <v>493</v>
      </c>
      <c r="N38" s="101">
        <v>3</v>
      </c>
      <c r="O38" s="102">
        <v>1</v>
      </c>
      <c r="P38" s="103">
        <v>4</v>
      </c>
      <c r="Q38" s="413">
        <v>0</v>
      </c>
      <c r="R38" s="102">
        <v>10</v>
      </c>
      <c r="S38" s="102">
        <v>9</v>
      </c>
      <c r="T38" s="102">
        <v>4</v>
      </c>
      <c r="U38" s="102">
        <v>3</v>
      </c>
      <c r="V38" s="102">
        <v>1</v>
      </c>
      <c r="W38" s="103">
        <v>27</v>
      </c>
      <c r="X38" s="104">
        <v>31</v>
      </c>
      <c r="Y38" s="101">
        <v>3</v>
      </c>
      <c r="Z38" s="102">
        <v>3</v>
      </c>
      <c r="AA38" s="103">
        <v>6</v>
      </c>
      <c r="AB38" s="413">
        <v>0</v>
      </c>
      <c r="AC38" s="102">
        <v>10</v>
      </c>
      <c r="AD38" s="102">
        <v>10</v>
      </c>
      <c r="AE38" s="102">
        <v>9</v>
      </c>
      <c r="AF38" s="102">
        <v>2</v>
      </c>
      <c r="AG38" s="102">
        <v>6</v>
      </c>
      <c r="AH38" s="103">
        <v>37</v>
      </c>
      <c r="AI38" s="104">
        <v>43</v>
      </c>
      <c r="AJ38" s="101">
        <v>12</v>
      </c>
      <c r="AK38" s="102">
        <v>13</v>
      </c>
      <c r="AL38" s="103">
        <v>25</v>
      </c>
      <c r="AM38" s="413">
        <v>0</v>
      </c>
      <c r="AN38" s="102">
        <v>21</v>
      </c>
      <c r="AO38" s="102">
        <v>9</v>
      </c>
      <c r="AP38" s="102">
        <v>10</v>
      </c>
      <c r="AQ38" s="102">
        <v>13</v>
      </c>
      <c r="AR38" s="102">
        <v>7</v>
      </c>
      <c r="AS38" s="103">
        <v>60</v>
      </c>
      <c r="AT38" s="104">
        <v>85</v>
      </c>
      <c r="AU38" s="101">
        <v>13</v>
      </c>
      <c r="AV38" s="102">
        <v>19</v>
      </c>
      <c r="AW38" s="103">
        <v>32</v>
      </c>
      <c r="AX38" s="413">
        <v>0</v>
      </c>
      <c r="AY38" s="102">
        <v>54</v>
      </c>
      <c r="AZ38" s="102">
        <v>23</v>
      </c>
      <c r="BA38" s="102">
        <v>5</v>
      </c>
      <c r="BB38" s="102">
        <v>16</v>
      </c>
      <c r="BC38" s="102">
        <v>3</v>
      </c>
      <c r="BD38" s="103">
        <v>101</v>
      </c>
      <c r="BE38" s="104">
        <v>133</v>
      </c>
      <c r="BF38" s="101">
        <v>15</v>
      </c>
      <c r="BG38" s="102">
        <v>14</v>
      </c>
      <c r="BH38" s="103">
        <v>29</v>
      </c>
      <c r="BI38" s="413">
        <v>0</v>
      </c>
      <c r="BJ38" s="102">
        <v>32</v>
      </c>
      <c r="BK38" s="102">
        <v>22</v>
      </c>
      <c r="BL38" s="102">
        <v>11</v>
      </c>
      <c r="BM38" s="102">
        <v>7</v>
      </c>
      <c r="BN38" s="102">
        <v>4</v>
      </c>
      <c r="BO38" s="103">
        <v>76</v>
      </c>
      <c r="BP38" s="104">
        <v>105</v>
      </c>
      <c r="BQ38" s="101">
        <v>8</v>
      </c>
      <c r="BR38" s="102">
        <v>10</v>
      </c>
      <c r="BS38" s="103">
        <v>18</v>
      </c>
      <c r="BT38" s="413">
        <v>0</v>
      </c>
      <c r="BU38" s="102">
        <v>22</v>
      </c>
      <c r="BV38" s="102">
        <v>22</v>
      </c>
      <c r="BW38" s="102">
        <v>11</v>
      </c>
      <c r="BX38" s="102">
        <v>13</v>
      </c>
      <c r="BY38" s="102">
        <v>10</v>
      </c>
      <c r="BZ38" s="103">
        <v>78</v>
      </c>
      <c r="CA38" s="104">
        <v>96</v>
      </c>
      <c r="CB38" s="101">
        <v>1</v>
      </c>
      <c r="CC38" s="102">
        <v>1</v>
      </c>
      <c r="CD38" s="103">
        <v>2</v>
      </c>
      <c r="CE38" s="413">
        <v>0</v>
      </c>
      <c r="CF38" s="102">
        <v>4</v>
      </c>
      <c r="CG38" s="102">
        <v>3</v>
      </c>
      <c r="CH38" s="102">
        <v>2</v>
      </c>
      <c r="CI38" s="102">
        <v>2</v>
      </c>
      <c r="CJ38" s="102">
        <v>1</v>
      </c>
      <c r="CK38" s="103">
        <v>12</v>
      </c>
      <c r="CL38" s="104">
        <v>14</v>
      </c>
      <c r="CM38" s="101">
        <v>55</v>
      </c>
      <c r="CN38" s="102">
        <v>61</v>
      </c>
      <c r="CO38" s="103">
        <v>116</v>
      </c>
      <c r="CP38" s="413">
        <v>0</v>
      </c>
      <c r="CQ38" s="102">
        <v>153</v>
      </c>
      <c r="CR38" s="102">
        <v>98</v>
      </c>
      <c r="CS38" s="102">
        <v>52</v>
      </c>
      <c r="CT38" s="102">
        <v>56</v>
      </c>
      <c r="CU38" s="102">
        <v>32</v>
      </c>
      <c r="CV38" s="103">
        <v>391</v>
      </c>
      <c r="CW38" s="104">
        <v>507</v>
      </c>
      <c r="CX38" s="105">
        <v>151</v>
      </c>
      <c r="CY38" s="97">
        <v>175</v>
      </c>
      <c r="CZ38" s="98">
        <v>326</v>
      </c>
      <c r="DA38" s="413">
        <v>0</v>
      </c>
      <c r="DB38" s="97">
        <v>322</v>
      </c>
      <c r="DC38" s="97">
        <v>171</v>
      </c>
      <c r="DD38" s="97">
        <v>147</v>
      </c>
      <c r="DE38" s="97">
        <v>171</v>
      </c>
      <c r="DF38" s="97">
        <v>100</v>
      </c>
      <c r="DG38" s="99">
        <v>911</v>
      </c>
      <c r="DH38" s="100">
        <v>1237</v>
      </c>
      <c r="DI38" s="101">
        <v>3</v>
      </c>
      <c r="DJ38" s="102">
        <v>7</v>
      </c>
      <c r="DK38" s="103">
        <v>10</v>
      </c>
      <c r="DL38" s="413">
        <v>0</v>
      </c>
      <c r="DM38" s="102">
        <v>4</v>
      </c>
      <c r="DN38" s="102">
        <v>4</v>
      </c>
      <c r="DO38" s="102">
        <v>2</v>
      </c>
      <c r="DP38" s="102">
        <v>4</v>
      </c>
      <c r="DQ38" s="102">
        <v>1</v>
      </c>
      <c r="DR38" s="103">
        <v>15</v>
      </c>
      <c r="DS38" s="104">
        <v>25</v>
      </c>
      <c r="DT38" s="101">
        <v>13</v>
      </c>
      <c r="DU38" s="102">
        <v>11</v>
      </c>
      <c r="DV38" s="103">
        <v>24</v>
      </c>
      <c r="DW38" s="413">
        <v>0</v>
      </c>
      <c r="DX38" s="102">
        <v>12</v>
      </c>
      <c r="DY38" s="102">
        <v>8</v>
      </c>
      <c r="DZ38" s="102">
        <v>7</v>
      </c>
      <c r="EA38" s="102">
        <v>8</v>
      </c>
      <c r="EB38" s="102">
        <v>6</v>
      </c>
      <c r="EC38" s="103">
        <v>41</v>
      </c>
      <c r="ED38" s="104">
        <v>65</v>
      </c>
      <c r="EE38" s="101">
        <v>24</v>
      </c>
      <c r="EF38" s="102">
        <v>24</v>
      </c>
      <c r="EG38" s="103">
        <v>48</v>
      </c>
      <c r="EH38" s="413">
        <v>0</v>
      </c>
      <c r="EI38" s="102">
        <v>30</v>
      </c>
      <c r="EJ38" s="102">
        <v>11</v>
      </c>
      <c r="EK38" s="102">
        <v>5</v>
      </c>
      <c r="EL38" s="102">
        <v>7</v>
      </c>
      <c r="EM38" s="102">
        <v>7</v>
      </c>
      <c r="EN38" s="103">
        <v>60</v>
      </c>
      <c r="EO38" s="104">
        <v>108</v>
      </c>
      <c r="EP38" s="101">
        <v>45</v>
      </c>
      <c r="EQ38" s="102">
        <v>50</v>
      </c>
      <c r="ER38" s="103">
        <v>95</v>
      </c>
      <c r="ES38" s="413">
        <v>0</v>
      </c>
      <c r="ET38" s="102">
        <v>71</v>
      </c>
      <c r="EU38" s="102">
        <v>35</v>
      </c>
      <c r="EV38" s="102">
        <v>30</v>
      </c>
      <c r="EW38" s="102">
        <v>26</v>
      </c>
      <c r="EX38" s="102">
        <v>16</v>
      </c>
      <c r="EY38" s="103">
        <v>178</v>
      </c>
      <c r="EZ38" s="104">
        <v>273</v>
      </c>
      <c r="FA38" s="101">
        <v>44</v>
      </c>
      <c r="FB38" s="102">
        <v>51</v>
      </c>
      <c r="FC38" s="103">
        <v>95</v>
      </c>
      <c r="FD38" s="413">
        <v>0</v>
      </c>
      <c r="FE38" s="102">
        <v>102</v>
      </c>
      <c r="FF38" s="102">
        <v>42</v>
      </c>
      <c r="FG38" s="102">
        <v>33</v>
      </c>
      <c r="FH38" s="102">
        <v>51</v>
      </c>
      <c r="FI38" s="102">
        <v>25</v>
      </c>
      <c r="FJ38" s="103">
        <v>253</v>
      </c>
      <c r="FK38" s="104">
        <v>348</v>
      </c>
      <c r="FL38" s="101">
        <v>22</v>
      </c>
      <c r="FM38" s="102">
        <v>32</v>
      </c>
      <c r="FN38" s="103">
        <v>54</v>
      </c>
      <c r="FO38" s="413">
        <v>0</v>
      </c>
      <c r="FP38" s="102">
        <v>103</v>
      </c>
      <c r="FQ38" s="102">
        <v>71</v>
      </c>
      <c r="FR38" s="102">
        <v>70</v>
      </c>
      <c r="FS38" s="102">
        <v>75</v>
      </c>
      <c r="FT38" s="102">
        <v>45</v>
      </c>
      <c r="FU38" s="103">
        <v>364</v>
      </c>
      <c r="FV38" s="104">
        <v>418</v>
      </c>
      <c r="FW38" s="101">
        <v>0</v>
      </c>
      <c r="FX38" s="102">
        <v>0</v>
      </c>
      <c r="FY38" s="103">
        <v>0</v>
      </c>
      <c r="FZ38" s="413">
        <v>0</v>
      </c>
      <c r="GA38" s="102">
        <v>2</v>
      </c>
      <c r="GB38" s="102">
        <v>3</v>
      </c>
      <c r="GC38" s="102">
        <v>0</v>
      </c>
      <c r="GD38" s="102">
        <v>1</v>
      </c>
      <c r="GE38" s="102">
        <v>1</v>
      </c>
      <c r="GF38" s="103">
        <v>7</v>
      </c>
      <c r="GG38" s="104">
        <v>7</v>
      </c>
      <c r="GH38" s="101">
        <v>151</v>
      </c>
      <c r="GI38" s="102">
        <v>175</v>
      </c>
      <c r="GJ38" s="103">
        <v>326</v>
      </c>
      <c r="GK38" s="413">
        <v>0</v>
      </c>
      <c r="GL38" s="102">
        <v>324</v>
      </c>
      <c r="GM38" s="102">
        <v>174</v>
      </c>
      <c r="GN38" s="102">
        <v>147</v>
      </c>
      <c r="GO38" s="102">
        <v>172</v>
      </c>
      <c r="GP38" s="102">
        <v>101</v>
      </c>
      <c r="GQ38" s="103">
        <v>918</v>
      </c>
      <c r="GR38" s="104">
        <v>1244</v>
      </c>
      <c r="GS38" s="105">
        <v>205</v>
      </c>
      <c r="GT38" s="97">
        <v>235</v>
      </c>
      <c r="GU38" s="98">
        <v>440</v>
      </c>
      <c r="GV38" s="413">
        <v>0</v>
      </c>
      <c r="GW38" s="97">
        <v>471</v>
      </c>
      <c r="GX38" s="97">
        <v>266</v>
      </c>
      <c r="GY38" s="97">
        <v>197</v>
      </c>
      <c r="GZ38" s="97">
        <v>225</v>
      </c>
      <c r="HA38" s="97">
        <v>131</v>
      </c>
      <c r="HB38" s="99">
        <v>1290</v>
      </c>
      <c r="HC38" s="100">
        <v>1730</v>
      </c>
      <c r="HD38" s="101">
        <v>6</v>
      </c>
      <c r="HE38" s="102">
        <v>8</v>
      </c>
      <c r="HF38" s="103">
        <v>14</v>
      </c>
      <c r="HG38" s="416">
        <v>0</v>
      </c>
      <c r="HH38" s="102">
        <v>14</v>
      </c>
      <c r="HI38" s="102">
        <v>13</v>
      </c>
      <c r="HJ38" s="102">
        <v>6</v>
      </c>
      <c r="HK38" s="102">
        <v>7</v>
      </c>
      <c r="HL38" s="102">
        <v>2</v>
      </c>
      <c r="HM38" s="103">
        <v>42</v>
      </c>
      <c r="HN38" s="104">
        <v>56</v>
      </c>
      <c r="HO38" s="101">
        <v>16</v>
      </c>
      <c r="HP38" s="102">
        <v>14</v>
      </c>
      <c r="HQ38" s="103">
        <v>30</v>
      </c>
      <c r="HR38" s="413">
        <v>0</v>
      </c>
      <c r="HS38" s="102">
        <v>22</v>
      </c>
      <c r="HT38" s="102">
        <v>18</v>
      </c>
      <c r="HU38" s="102">
        <v>16</v>
      </c>
      <c r="HV38" s="102">
        <v>10</v>
      </c>
      <c r="HW38" s="102">
        <v>12</v>
      </c>
      <c r="HX38" s="103">
        <v>78</v>
      </c>
      <c r="HY38" s="104">
        <v>108</v>
      </c>
      <c r="HZ38" s="101">
        <v>36</v>
      </c>
      <c r="IA38" s="102">
        <v>37</v>
      </c>
      <c r="IB38" s="103">
        <v>73</v>
      </c>
      <c r="IC38" s="413">
        <v>0</v>
      </c>
      <c r="ID38" s="102">
        <v>51</v>
      </c>
      <c r="IE38" s="102">
        <v>20</v>
      </c>
      <c r="IF38" s="102">
        <v>15</v>
      </c>
      <c r="IG38" s="102">
        <v>20</v>
      </c>
      <c r="IH38" s="102">
        <v>14</v>
      </c>
      <c r="II38" s="103">
        <v>120</v>
      </c>
      <c r="IJ38" s="104">
        <v>193</v>
      </c>
      <c r="IK38" s="101">
        <v>58</v>
      </c>
      <c r="IL38" s="102">
        <v>69</v>
      </c>
      <c r="IM38" s="103">
        <v>127</v>
      </c>
      <c r="IN38" s="413">
        <v>0</v>
      </c>
      <c r="IO38" s="102">
        <v>125</v>
      </c>
      <c r="IP38" s="102">
        <v>58</v>
      </c>
      <c r="IQ38" s="102">
        <v>35</v>
      </c>
      <c r="IR38" s="102">
        <v>42</v>
      </c>
      <c r="IS38" s="102">
        <v>19</v>
      </c>
      <c r="IT38" s="103">
        <v>279</v>
      </c>
      <c r="IU38" s="104">
        <v>406</v>
      </c>
      <c r="IV38" s="101">
        <v>59</v>
      </c>
      <c r="IW38" s="102">
        <v>65</v>
      </c>
      <c r="IX38" s="103">
        <v>124</v>
      </c>
      <c r="IY38" s="413">
        <v>0</v>
      </c>
      <c r="IZ38" s="102">
        <v>134</v>
      </c>
      <c r="JA38" s="102">
        <v>64</v>
      </c>
      <c r="JB38" s="102">
        <v>44</v>
      </c>
      <c r="JC38" s="102">
        <v>58</v>
      </c>
      <c r="JD38" s="102">
        <v>29</v>
      </c>
      <c r="JE38" s="103">
        <v>329</v>
      </c>
      <c r="JF38" s="104">
        <v>453</v>
      </c>
      <c r="JG38" s="101">
        <v>30</v>
      </c>
      <c r="JH38" s="102">
        <v>42</v>
      </c>
      <c r="JI38" s="103">
        <v>72</v>
      </c>
      <c r="JJ38" s="413">
        <v>0</v>
      </c>
      <c r="JK38" s="102">
        <v>125</v>
      </c>
      <c r="JL38" s="102">
        <v>93</v>
      </c>
      <c r="JM38" s="102">
        <v>81</v>
      </c>
      <c r="JN38" s="102">
        <v>88</v>
      </c>
      <c r="JO38" s="102">
        <v>55</v>
      </c>
      <c r="JP38" s="103">
        <v>442</v>
      </c>
      <c r="JQ38" s="104">
        <v>514</v>
      </c>
      <c r="JR38" s="101">
        <v>1</v>
      </c>
      <c r="JS38" s="102">
        <v>1</v>
      </c>
      <c r="JT38" s="103">
        <v>2</v>
      </c>
      <c r="JU38" s="413">
        <v>0</v>
      </c>
      <c r="JV38" s="102">
        <v>6</v>
      </c>
      <c r="JW38" s="102">
        <v>6</v>
      </c>
      <c r="JX38" s="102">
        <v>2</v>
      </c>
      <c r="JY38" s="102">
        <v>3</v>
      </c>
      <c r="JZ38" s="102">
        <v>2</v>
      </c>
      <c r="KA38" s="103">
        <v>19</v>
      </c>
      <c r="KB38" s="104">
        <v>21</v>
      </c>
      <c r="KC38" s="101">
        <v>206</v>
      </c>
      <c r="KD38" s="102">
        <v>236</v>
      </c>
      <c r="KE38" s="103">
        <v>442</v>
      </c>
      <c r="KF38" s="413">
        <v>0</v>
      </c>
      <c r="KG38" s="102">
        <v>477</v>
      </c>
      <c r="KH38" s="102">
        <v>272</v>
      </c>
      <c r="KI38" s="102">
        <v>199</v>
      </c>
      <c r="KJ38" s="102">
        <v>228</v>
      </c>
      <c r="KK38" s="102">
        <v>133</v>
      </c>
      <c r="KL38" s="103">
        <v>1309</v>
      </c>
      <c r="KM38" s="104">
        <v>1751</v>
      </c>
    </row>
    <row r="39" spans="2:299" s="70" customFormat="1" ht="21" customHeight="1" x14ac:dyDescent="0.2">
      <c r="B39" s="106" t="s">
        <v>36</v>
      </c>
      <c r="C39" s="96">
        <v>62</v>
      </c>
      <c r="D39" s="97">
        <v>87</v>
      </c>
      <c r="E39" s="98">
        <v>149</v>
      </c>
      <c r="F39" s="413">
        <v>0</v>
      </c>
      <c r="G39" s="97">
        <v>175</v>
      </c>
      <c r="H39" s="97">
        <v>142</v>
      </c>
      <c r="I39" s="97">
        <v>128</v>
      </c>
      <c r="J39" s="97">
        <v>75</v>
      </c>
      <c r="K39" s="97">
        <v>52</v>
      </c>
      <c r="L39" s="99">
        <v>572</v>
      </c>
      <c r="M39" s="100">
        <v>721</v>
      </c>
      <c r="N39" s="101">
        <v>3</v>
      </c>
      <c r="O39" s="102">
        <v>6</v>
      </c>
      <c r="P39" s="103">
        <v>9</v>
      </c>
      <c r="Q39" s="413">
        <v>0</v>
      </c>
      <c r="R39" s="102">
        <v>11</v>
      </c>
      <c r="S39" s="102">
        <v>8</v>
      </c>
      <c r="T39" s="102">
        <v>13</v>
      </c>
      <c r="U39" s="102">
        <v>5</v>
      </c>
      <c r="V39" s="102">
        <v>5</v>
      </c>
      <c r="W39" s="103">
        <v>42</v>
      </c>
      <c r="X39" s="104">
        <v>51</v>
      </c>
      <c r="Y39" s="101">
        <v>6</v>
      </c>
      <c r="Z39" s="102">
        <v>8</v>
      </c>
      <c r="AA39" s="103">
        <v>14</v>
      </c>
      <c r="AB39" s="413">
        <v>0</v>
      </c>
      <c r="AC39" s="102">
        <v>15</v>
      </c>
      <c r="AD39" s="102">
        <v>22</v>
      </c>
      <c r="AE39" s="102">
        <v>10</v>
      </c>
      <c r="AF39" s="102">
        <v>11</v>
      </c>
      <c r="AG39" s="102">
        <v>7</v>
      </c>
      <c r="AH39" s="103">
        <v>65</v>
      </c>
      <c r="AI39" s="104">
        <v>79</v>
      </c>
      <c r="AJ39" s="101">
        <v>16</v>
      </c>
      <c r="AK39" s="102">
        <v>15</v>
      </c>
      <c r="AL39" s="103">
        <v>31</v>
      </c>
      <c r="AM39" s="413">
        <v>0</v>
      </c>
      <c r="AN39" s="102">
        <v>39</v>
      </c>
      <c r="AO39" s="102">
        <v>27</v>
      </c>
      <c r="AP39" s="102">
        <v>27</v>
      </c>
      <c r="AQ39" s="102">
        <v>11</v>
      </c>
      <c r="AR39" s="102">
        <v>12</v>
      </c>
      <c r="AS39" s="103">
        <v>116</v>
      </c>
      <c r="AT39" s="104">
        <v>147</v>
      </c>
      <c r="AU39" s="101">
        <v>18</v>
      </c>
      <c r="AV39" s="102">
        <v>28</v>
      </c>
      <c r="AW39" s="103">
        <v>46</v>
      </c>
      <c r="AX39" s="413">
        <v>0</v>
      </c>
      <c r="AY39" s="102">
        <v>44</v>
      </c>
      <c r="AZ39" s="102">
        <v>32</v>
      </c>
      <c r="BA39" s="102">
        <v>39</v>
      </c>
      <c r="BB39" s="102">
        <v>24</v>
      </c>
      <c r="BC39" s="102">
        <v>13</v>
      </c>
      <c r="BD39" s="103">
        <v>152</v>
      </c>
      <c r="BE39" s="104">
        <v>198</v>
      </c>
      <c r="BF39" s="101">
        <v>12</v>
      </c>
      <c r="BG39" s="102">
        <v>17</v>
      </c>
      <c r="BH39" s="103">
        <v>29</v>
      </c>
      <c r="BI39" s="413">
        <v>0</v>
      </c>
      <c r="BJ39" s="102">
        <v>46</v>
      </c>
      <c r="BK39" s="102">
        <v>38</v>
      </c>
      <c r="BL39" s="102">
        <v>20</v>
      </c>
      <c r="BM39" s="102">
        <v>15</v>
      </c>
      <c r="BN39" s="102">
        <v>8</v>
      </c>
      <c r="BO39" s="103">
        <v>127</v>
      </c>
      <c r="BP39" s="104">
        <v>156</v>
      </c>
      <c r="BQ39" s="101">
        <v>7</v>
      </c>
      <c r="BR39" s="102">
        <v>13</v>
      </c>
      <c r="BS39" s="103">
        <v>20</v>
      </c>
      <c r="BT39" s="413">
        <v>0</v>
      </c>
      <c r="BU39" s="102">
        <v>20</v>
      </c>
      <c r="BV39" s="102">
        <v>15</v>
      </c>
      <c r="BW39" s="102">
        <v>19</v>
      </c>
      <c r="BX39" s="102">
        <v>9</v>
      </c>
      <c r="BY39" s="102">
        <v>7</v>
      </c>
      <c r="BZ39" s="103">
        <v>70</v>
      </c>
      <c r="CA39" s="104">
        <v>90</v>
      </c>
      <c r="CB39" s="101">
        <v>3</v>
      </c>
      <c r="CC39" s="102">
        <v>3</v>
      </c>
      <c r="CD39" s="103">
        <v>6</v>
      </c>
      <c r="CE39" s="413">
        <v>0</v>
      </c>
      <c r="CF39" s="102">
        <v>6</v>
      </c>
      <c r="CG39" s="102">
        <v>3</v>
      </c>
      <c r="CH39" s="102">
        <v>8</v>
      </c>
      <c r="CI39" s="102">
        <v>8</v>
      </c>
      <c r="CJ39" s="102">
        <v>2</v>
      </c>
      <c r="CK39" s="103">
        <v>27</v>
      </c>
      <c r="CL39" s="104">
        <v>33</v>
      </c>
      <c r="CM39" s="101">
        <v>65</v>
      </c>
      <c r="CN39" s="102">
        <v>90</v>
      </c>
      <c r="CO39" s="103">
        <v>155</v>
      </c>
      <c r="CP39" s="413">
        <v>0</v>
      </c>
      <c r="CQ39" s="102">
        <v>181</v>
      </c>
      <c r="CR39" s="102">
        <v>145</v>
      </c>
      <c r="CS39" s="102">
        <v>136</v>
      </c>
      <c r="CT39" s="102">
        <v>83</v>
      </c>
      <c r="CU39" s="102">
        <v>54</v>
      </c>
      <c r="CV39" s="103">
        <v>599</v>
      </c>
      <c r="CW39" s="104">
        <v>754</v>
      </c>
      <c r="CX39" s="105">
        <v>101</v>
      </c>
      <c r="CY39" s="97">
        <v>194</v>
      </c>
      <c r="CZ39" s="98">
        <v>295</v>
      </c>
      <c r="DA39" s="413">
        <v>0</v>
      </c>
      <c r="DB39" s="97">
        <v>250</v>
      </c>
      <c r="DC39" s="97">
        <v>228</v>
      </c>
      <c r="DD39" s="97">
        <v>195</v>
      </c>
      <c r="DE39" s="97">
        <v>165</v>
      </c>
      <c r="DF39" s="97">
        <v>129</v>
      </c>
      <c r="DG39" s="99">
        <v>967</v>
      </c>
      <c r="DH39" s="100">
        <v>1262</v>
      </c>
      <c r="DI39" s="101">
        <v>2</v>
      </c>
      <c r="DJ39" s="102">
        <v>4</v>
      </c>
      <c r="DK39" s="103">
        <v>6</v>
      </c>
      <c r="DL39" s="413">
        <v>0</v>
      </c>
      <c r="DM39" s="102">
        <v>6</v>
      </c>
      <c r="DN39" s="102">
        <v>5</v>
      </c>
      <c r="DO39" s="102">
        <v>6</v>
      </c>
      <c r="DP39" s="102">
        <v>5</v>
      </c>
      <c r="DQ39" s="102">
        <v>1</v>
      </c>
      <c r="DR39" s="103">
        <v>23</v>
      </c>
      <c r="DS39" s="104">
        <v>29</v>
      </c>
      <c r="DT39" s="101">
        <v>2</v>
      </c>
      <c r="DU39" s="102">
        <v>23</v>
      </c>
      <c r="DV39" s="103">
        <v>25</v>
      </c>
      <c r="DW39" s="413">
        <v>0</v>
      </c>
      <c r="DX39" s="102">
        <v>21</v>
      </c>
      <c r="DY39" s="102">
        <v>12</v>
      </c>
      <c r="DZ39" s="102">
        <v>11</v>
      </c>
      <c r="EA39" s="102">
        <v>12</v>
      </c>
      <c r="EB39" s="102">
        <v>7</v>
      </c>
      <c r="EC39" s="103">
        <v>63</v>
      </c>
      <c r="ED39" s="104">
        <v>88</v>
      </c>
      <c r="EE39" s="101">
        <v>27</v>
      </c>
      <c r="EF39" s="102">
        <v>34</v>
      </c>
      <c r="EG39" s="103">
        <v>61</v>
      </c>
      <c r="EH39" s="413">
        <v>0</v>
      </c>
      <c r="EI39" s="102">
        <v>28</v>
      </c>
      <c r="EJ39" s="102">
        <v>33</v>
      </c>
      <c r="EK39" s="102">
        <v>22</v>
      </c>
      <c r="EL39" s="102">
        <v>21</v>
      </c>
      <c r="EM39" s="102">
        <v>21</v>
      </c>
      <c r="EN39" s="103">
        <v>125</v>
      </c>
      <c r="EO39" s="104">
        <v>186</v>
      </c>
      <c r="EP39" s="101">
        <v>43</v>
      </c>
      <c r="EQ39" s="102">
        <v>54</v>
      </c>
      <c r="ER39" s="103">
        <v>97</v>
      </c>
      <c r="ES39" s="413">
        <v>0</v>
      </c>
      <c r="ET39" s="102">
        <v>70</v>
      </c>
      <c r="EU39" s="102">
        <v>59</v>
      </c>
      <c r="EV39" s="102">
        <v>30</v>
      </c>
      <c r="EW39" s="102">
        <v>34</v>
      </c>
      <c r="EX39" s="102">
        <v>28</v>
      </c>
      <c r="EY39" s="103">
        <v>221</v>
      </c>
      <c r="EZ39" s="104">
        <v>318</v>
      </c>
      <c r="FA39" s="101">
        <v>19</v>
      </c>
      <c r="FB39" s="102">
        <v>57</v>
      </c>
      <c r="FC39" s="103">
        <v>76</v>
      </c>
      <c r="FD39" s="413">
        <v>0</v>
      </c>
      <c r="FE39" s="102">
        <v>68</v>
      </c>
      <c r="FF39" s="102">
        <v>59</v>
      </c>
      <c r="FG39" s="102">
        <v>54</v>
      </c>
      <c r="FH39" s="102">
        <v>34</v>
      </c>
      <c r="FI39" s="102">
        <v>30</v>
      </c>
      <c r="FJ39" s="103">
        <v>245</v>
      </c>
      <c r="FK39" s="104">
        <v>321</v>
      </c>
      <c r="FL39" s="101">
        <v>8</v>
      </c>
      <c r="FM39" s="102">
        <v>22</v>
      </c>
      <c r="FN39" s="103">
        <v>30</v>
      </c>
      <c r="FO39" s="413">
        <v>0</v>
      </c>
      <c r="FP39" s="102">
        <v>57</v>
      </c>
      <c r="FQ39" s="102">
        <v>60</v>
      </c>
      <c r="FR39" s="102">
        <v>72</v>
      </c>
      <c r="FS39" s="102">
        <v>59</v>
      </c>
      <c r="FT39" s="102">
        <v>42</v>
      </c>
      <c r="FU39" s="103">
        <v>290</v>
      </c>
      <c r="FV39" s="104">
        <v>320</v>
      </c>
      <c r="FW39" s="101">
        <v>1</v>
      </c>
      <c r="FX39" s="102">
        <v>3</v>
      </c>
      <c r="FY39" s="103">
        <v>4</v>
      </c>
      <c r="FZ39" s="413">
        <v>0</v>
      </c>
      <c r="GA39" s="102">
        <v>3</v>
      </c>
      <c r="GB39" s="102">
        <v>3</v>
      </c>
      <c r="GC39" s="102">
        <v>2</v>
      </c>
      <c r="GD39" s="102">
        <v>8</v>
      </c>
      <c r="GE39" s="102">
        <v>4</v>
      </c>
      <c r="GF39" s="103">
        <v>20</v>
      </c>
      <c r="GG39" s="104">
        <v>24</v>
      </c>
      <c r="GH39" s="101">
        <v>102</v>
      </c>
      <c r="GI39" s="102">
        <v>197</v>
      </c>
      <c r="GJ39" s="103">
        <v>299</v>
      </c>
      <c r="GK39" s="413">
        <v>0</v>
      </c>
      <c r="GL39" s="102">
        <v>253</v>
      </c>
      <c r="GM39" s="102">
        <v>231</v>
      </c>
      <c r="GN39" s="102">
        <v>197</v>
      </c>
      <c r="GO39" s="102">
        <v>173</v>
      </c>
      <c r="GP39" s="102">
        <v>133</v>
      </c>
      <c r="GQ39" s="103">
        <v>987</v>
      </c>
      <c r="GR39" s="104">
        <v>1286</v>
      </c>
      <c r="GS39" s="105">
        <v>163</v>
      </c>
      <c r="GT39" s="97">
        <v>281</v>
      </c>
      <c r="GU39" s="98">
        <v>444</v>
      </c>
      <c r="GV39" s="413">
        <v>0</v>
      </c>
      <c r="GW39" s="97">
        <v>425</v>
      </c>
      <c r="GX39" s="97">
        <v>370</v>
      </c>
      <c r="GY39" s="97">
        <v>323</v>
      </c>
      <c r="GZ39" s="97">
        <v>240</v>
      </c>
      <c r="HA39" s="97">
        <v>181</v>
      </c>
      <c r="HB39" s="99">
        <v>1539</v>
      </c>
      <c r="HC39" s="100">
        <v>1983</v>
      </c>
      <c r="HD39" s="101">
        <v>5</v>
      </c>
      <c r="HE39" s="102">
        <v>10</v>
      </c>
      <c r="HF39" s="103">
        <v>15</v>
      </c>
      <c r="HG39" s="416">
        <v>0</v>
      </c>
      <c r="HH39" s="102">
        <v>17</v>
      </c>
      <c r="HI39" s="102">
        <v>13</v>
      </c>
      <c r="HJ39" s="102">
        <v>19</v>
      </c>
      <c r="HK39" s="102">
        <v>10</v>
      </c>
      <c r="HL39" s="102">
        <v>6</v>
      </c>
      <c r="HM39" s="103">
        <v>65</v>
      </c>
      <c r="HN39" s="104">
        <v>80</v>
      </c>
      <c r="HO39" s="101">
        <v>8</v>
      </c>
      <c r="HP39" s="102">
        <v>31</v>
      </c>
      <c r="HQ39" s="103">
        <v>39</v>
      </c>
      <c r="HR39" s="413">
        <v>0</v>
      </c>
      <c r="HS39" s="102">
        <v>36</v>
      </c>
      <c r="HT39" s="102">
        <v>34</v>
      </c>
      <c r="HU39" s="102">
        <v>21</v>
      </c>
      <c r="HV39" s="102">
        <v>23</v>
      </c>
      <c r="HW39" s="102">
        <v>14</v>
      </c>
      <c r="HX39" s="103">
        <v>128</v>
      </c>
      <c r="HY39" s="104">
        <v>167</v>
      </c>
      <c r="HZ39" s="101">
        <v>43</v>
      </c>
      <c r="IA39" s="102">
        <v>49</v>
      </c>
      <c r="IB39" s="103">
        <v>92</v>
      </c>
      <c r="IC39" s="413">
        <v>0</v>
      </c>
      <c r="ID39" s="102">
        <v>67</v>
      </c>
      <c r="IE39" s="102">
        <v>60</v>
      </c>
      <c r="IF39" s="102">
        <v>49</v>
      </c>
      <c r="IG39" s="102">
        <v>32</v>
      </c>
      <c r="IH39" s="102">
        <v>33</v>
      </c>
      <c r="II39" s="103">
        <v>241</v>
      </c>
      <c r="IJ39" s="104">
        <v>333</v>
      </c>
      <c r="IK39" s="101">
        <v>61</v>
      </c>
      <c r="IL39" s="102">
        <v>82</v>
      </c>
      <c r="IM39" s="103">
        <v>143</v>
      </c>
      <c r="IN39" s="413">
        <v>0</v>
      </c>
      <c r="IO39" s="102">
        <v>114</v>
      </c>
      <c r="IP39" s="102">
        <v>91</v>
      </c>
      <c r="IQ39" s="102">
        <v>69</v>
      </c>
      <c r="IR39" s="102">
        <v>58</v>
      </c>
      <c r="IS39" s="102">
        <v>41</v>
      </c>
      <c r="IT39" s="103">
        <v>373</v>
      </c>
      <c r="IU39" s="104">
        <v>516</v>
      </c>
      <c r="IV39" s="101">
        <v>31</v>
      </c>
      <c r="IW39" s="102">
        <v>74</v>
      </c>
      <c r="IX39" s="103">
        <v>105</v>
      </c>
      <c r="IY39" s="413">
        <v>0</v>
      </c>
      <c r="IZ39" s="102">
        <v>114</v>
      </c>
      <c r="JA39" s="102">
        <v>97</v>
      </c>
      <c r="JB39" s="102">
        <v>74</v>
      </c>
      <c r="JC39" s="102">
        <v>49</v>
      </c>
      <c r="JD39" s="102">
        <v>38</v>
      </c>
      <c r="JE39" s="103">
        <v>372</v>
      </c>
      <c r="JF39" s="104">
        <v>477</v>
      </c>
      <c r="JG39" s="101">
        <v>15</v>
      </c>
      <c r="JH39" s="102">
        <v>35</v>
      </c>
      <c r="JI39" s="103">
        <v>50</v>
      </c>
      <c r="JJ39" s="413">
        <v>0</v>
      </c>
      <c r="JK39" s="102">
        <v>77</v>
      </c>
      <c r="JL39" s="102">
        <v>75</v>
      </c>
      <c r="JM39" s="102">
        <v>91</v>
      </c>
      <c r="JN39" s="102">
        <v>68</v>
      </c>
      <c r="JO39" s="102">
        <v>49</v>
      </c>
      <c r="JP39" s="103">
        <v>360</v>
      </c>
      <c r="JQ39" s="104">
        <v>410</v>
      </c>
      <c r="JR39" s="101">
        <v>4</v>
      </c>
      <c r="JS39" s="102">
        <v>6</v>
      </c>
      <c r="JT39" s="103">
        <v>10</v>
      </c>
      <c r="JU39" s="413">
        <v>0</v>
      </c>
      <c r="JV39" s="102">
        <v>9</v>
      </c>
      <c r="JW39" s="102">
        <v>6</v>
      </c>
      <c r="JX39" s="102">
        <v>10</v>
      </c>
      <c r="JY39" s="102">
        <v>16</v>
      </c>
      <c r="JZ39" s="102">
        <v>6</v>
      </c>
      <c r="KA39" s="103">
        <v>47</v>
      </c>
      <c r="KB39" s="104">
        <v>57</v>
      </c>
      <c r="KC39" s="101">
        <v>167</v>
      </c>
      <c r="KD39" s="102">
        <v>287</v>
      </c>
      <c r="KE39" s="103">
        <v>454</v>
      </c>
      <c r="KF39" s="413">
        <v>0</v>
      </c>
      <c r="KG39" s="102">
        <v>434</v>
      </c>
      <c r="KH39" s="102">
        <v>376</v>
      </c>
      <c r="KI39" s="102">
        <v>333</v>
      </c>
      <c r="KJ39" s="102">
        <v>256</v>
      </c>
      <c r="KK39" s="102">
        <v>187</v>
      </c>
      <c r="KL39" s="103">
        <v>1586</v>
      </c>
      <c r="KM39" s="104">
        <v>2040</v>
      </c>
    </row>
    <row r="40" spans="2:299" s="70" customFormat="1" ht="21" customHeight="1" thickBot="1" x14ac:dyDescent="0.25">
      <c r="B40" s="108" t="s">
        <v>37</v>
      </c>
      <c r="C40" s="109">
        <v>2</v>
      </c>
      <c r="D40" s="110">
        <v>1</v>
      </c>
      <c r="E40" s="111">
        <v>3</v>
      </c>
      <c r="F40" s="414">
        <v>0</v>
      </c>
      <c r="G40" s="110">
        <v>10</v>
      </c>
      <c r="H40" s="110">
        <v>13</v>
      </c>
      <c r="I40" s="110">
        <v>8</v>
      </c>
      <c r="J40" s="110">
        <v>3</v>
      </c>
      <c r="K40" s="110">
        <v>6</v>
      </c>
      <c r="L40" s="112">
        <v>40</v>
      </c>
      <c r="M40" s="113">
        <v>43</v>
      </c>
      <c r="N40" s="114">
        <v>1</v>
      </c>
      <c r="O40" s="115">
        <v>1</v>
      </c>
      <c r="P40" s="116">
        <v>2</v>
      </c>
      <c r="Q40" s="414">
        <v>0</v>
      </c>
      <c r="R40" s="115">
        <v>0</v>
      </c>
      <c r="S40" s="115">
        <v>0</v>
      </c>
      <c r="T40" s="115">
        <v>0</v>
      </c>
      <c r="U40" s="115">
        <v>1</v>
      </c>
      <c r="V40" s="115">
        <v>0</v>
      </c>
      <c r="W40" s="116">
        <v>1</v>
      </c>
      <c r="X40" s="117">
        <v>3</v>
      </c>
      <c r="Y40" s="114">
        <v>1</v>
      </c>
      <c r="Z40" s="115">
        <v>0</v>
      </c>
      <c r="AA40" s="116">
        <v>1</v>
      </c>
      <c r="AB40" s="414">
        <v>0</v>
      </c>
      <c r="AC40" s="115">
        <v>0</v>
      </c>
      <c r="AD40" s="115">
        <v>0</v>
      </c>
      <c r="AE40" s="115">
        <v>3</v>
      </c>
      <c r="AF40" s="115">
        <v>1</v>
      </c>
      <c r="AG40" s="115">
        <v>1</v>
      </c>
      <c r="AH40" s="116">
        <v>5</v>
      </c>
      <c r="AI40" s="117">
        <v>6</v>
      </c>
      <c r="AJ40" s="114">
        <v>0</v>
      </c>
      <c r="AK40" s="115">
        <v>0</v>
      </c>
      <c r="AL40" s="116">
        <v>0</v>
      </c>
      <c r="AM40" s="414">
        <v>0</v>
      </c>
      <c r="AN40" s="115">
        <v>2</v>
      </c>
      <c r="AO40" s="115">
        <v>5</v>
      </c>
      <c r="AP40" s="115">
        <v>2</v>
      </c>
      <c r="AQ40" s="115">
        <v>0</v>
      </c>
      <c r="AR40" s="115">
        <v>0</v>
      </c>
      <c r="AS40" s="116">
        <v>9</v>
      </c>
      <c r="AT40" s="117">
        <v>9</v>
      </c>
      <c r="AU40" s="114">
        <v>0</v>
      </c>
      <c r="AV40" s="115">
        <v>0</v>
      </c>
      <c r="AW40" s="116">
        <v>0</v>
      </c>
      <c r="AX40" s="414">
        <v>0</v>
      </c>
      <c r="AY40" s="115">
        <v>5</v>
      </c>
      <c r="AZ40" s="115">
        <v>3</v>
      </c>
      <c r="BA40" s="115">
        <v>1</v>
      </c>
      <c r="BB40" s="115">
        <v>0</v>
      </c>
      <c r="BC40" s="115">
        <v>0</v>
      </c>
      <c r="BD40" s="116">
        <v>9</v>
      </c>
      <c r="BE40" s="117">
        <v>9</v>
      </c>
      <c r="BF40" s="114">
        <v>0</v>
      </c>
      <c r="BG40" s="115">
        <v>0</v>
      </c>
      <c r="BH40" s="116">
        <v>0</v>
      </c>
      <c r="BI40" s="414">
        <v>0</v>
      </c>
      <c r="BJ40" s="115">
        <v>1</v>
      </c>
      <c r="BK40" s="115">
        <v>3</v>
      </c>
      <c r="BL40" s="115">
        <v>2</v>
      </c>
      <c r="BM40" s="115">
        <v>0</v>
      </c>
      <c r="BN40" s="115">
        <v>3</v>
      </c>
      <c r="BO40" s="116">
        <v>9</v>
      </c>
      <c r="BP40" s="117">
        <v>9</v>
      </c>
      <c r="BQ40" s="114">
        <v>0</v>
      </c>
      <c r="BR40" s="115">
        <v>0</v>
      </c>
      <c r="BS40" s="116">
        <v>0</v>
      </c>
      <c r="BT40" s="414">
        <v>0</v>
      </c>
      <c r="BU40" s="115">
        <v>2</v>
      </c>
      <c r="BV40" s="115">
        <v>2</v>
      </c>
      <c r="BW40" s="115">
        <v>0</v>
      </c>
      <c r="BX40" s="115">
        <v>1</v>
      </c>
      <c r="BY40" s="115">
        <v>2</v>
      </c>
      <c r="BZ40" s="116">
        <v>7</v>
      </c>
      <c r="CA40" s="117">
        <v>7</v>
      </c>
      <c r="CB40" s="114">
        <v>0</v>
      </c>
      <c r="CC40" s="115">
        <v>0</v>
      </c>
      <c r="CD40" s="116">
        <v>0</v>
      </c>
      <c r="CE40" s="414">
        <v>0</v>
      </c>
      <c r="CF40" s="115">
        <v>0</v>
      </c>
      <c r="CG40" s="115">
        <v>2</v>
      </c>
      <c r="CH40" s="115">
        <v>0</v>
      </c>
      <c r="CI40" s="115">
        <v>2</v>
      </c>
      <c r="CJ40" s="115">
        <v>0</v>
      </c>
      <c r="CK40" s="116">
        <v>4</v>
      </c>
      <c r="CL40" s="117">
        <v>4</v>
      </c>
      <c r="CM40" s="114">
        <v>2</v>
      </c>
      <c r="CN40" s="115">
        <v>1</v>
      </c>
      <c r="CO40" s="116">
        <v>3</v>
      </c>
      <c r="CP40" s="414">
        <v>0</v>
      </c>
      <c r="CQ40" s="115">
        <v>10</v>
      </c>
      <c r="CR40" s="115">
        <v>15</v>
      </c>
      <c r="CS40" s="115">
        <v>8</v>
      </c>
      <c r="CT40" s="115">
        <v>5</v>
      </c>
      <c r="CU40" s="115">
        <v>6</v>
      </c>
      <c r="CV40" s="116">
        <v>44</v>
      </c>
      <c r="CW40" s="117">
        <v>47</v>
      </c>
      <c r="CX40" s="118">
        <v>15</v>
      </c>
      <c r="CY40" s="110">
        <v>4</v>
      </c>
      <c r="CZ40" s="111">
        <v>19</v>
      </c>
      <c r="DA40" s="414">
        <v>0</v>
      </c>
      <c r="DB40" s="110">
        <v>19</v>
      </c>
      <c r="DC40" s="110">
        <v>20</v>
      </c>
      <c r="DD40" s="110">
        <v>21</v>
      </c>
      <c r="DE40" s="110">
        <v>22</v>
      </c>
      <c r="DF40" s="110">
        <v>14</v>
      </c>
      <c r="DG40" s="112">
        <v>96</v>
      </c>
      <c r="DH40" s="113">
        <v>115</v>
      </c>
      <c r="DI40" s="114">
        <v>0</v>
      </c>
      <c r="DJ40" s="115">
        <v>0</v>
      </c>
      <c r="DK40" s="116">
        <v>0</v>
      </c>
      <c r="DL40" s="414">
        <v>0</v>
      </c>
      <c r="DM40" s="115">
        <v>0</v>
      </c>
      <c r="DN40" s="115">
        <v>0</v>
      </c>
      <c r="DO40" s="115">
        <v>0</v>
      </c>
      <c r="DP40" s="115">
        <v>0</v>
      </c>
      <c r="DQ40" s="115">
        <v>1</v>
      </c>
      <c r="DR40" s="116">
        <v>1</v>
      </c>
      <c r="DS40" s="117">
        <v>1</v>
      </c>
      <c r="DT40" s="114">
        <v>2</v>
      </c>
      <c r="DU40" s="115">
        <v>0</v>
      </c>
      <c r="DV40" s="116">
        <v>2</v>
      </c>
      <c r="DW40" s="414">
        <v>0</v>
      </c>
      <c r="DX40" s="115">
        <v>0</v>
      </c>
      <c r="DY40" s="115">
        <v>0</v>
      </c>
      <c r="DZ40" s="115">
        <v>1</v>
      </c>
      <c r="EA40" s="115">
        <v>1</v>
      </c>
      <c r="EB40" s="115">
        <v>1</v>
      </c>
      <c r="EC40" s="116">
        <v>3</v>
      </c>
      <c r="ED40" s="117">
        <v>5</v>
      </c>
      <c r="EE40" s="114">
        <v>1</v>
      </c>
      <c r="EF40" s="115">
        <v>1</v>
      </c>
      <c r="EG40" s="116">
        <v>2</v>
      </c>
      <c r="EH40" s="414">
        <v>0</v>
      </c>
      <c r="EI40" s="115">
        <v>1</v>
      </c>
      <c r="EJ40" s="115">
        <v>4</v>
      </c>
      <c r="EK40" s="115">
        <v>2</v>
      </c>
      <c r="EL40" s="115">
        <v>1</v>
      </c>
      <c r="EM40" s="115">
        <v>0</v>
      </c>
      <c r="EN40" s="116">
        <v>8</v>
      </c>
      <c r="EO40" s="117">
        <v>10</v>
      </c>
      <c r="EP40" s="114">
        <v>4</v>
      </c>
      <c r="EQ40" s="115">
        <v>2</v>
      </c>
      <c r="ER40" s="116">
        <v>6</v>
      </c>
      <c r="ES40" s="414">
        <v>0</v>
      </c>
      <c r="ET40" s="115">
        <v>5</v>
      </c>
      <c r="EU40" s="115">
        <v>3</v>
      </c>
      <c r="EV40" s="115">
        <v>2</v>
      </c>
      <c r="EW40" s="115">
        <v>4</v>
      </c>
      <c r="EX40" s="115">
        <v>5</v>
      </c>
      <c r="EY40" s="116">
        <v>19</v>
      </c>
      <c r="EZ40" s="117">
        <v>25</v>
      </c>
      <c r="FA40" s="114">
        <v>5</v>
      </c>
      <c r="FB40" s="115">
        <v>0</v>
      </c>
      <c r="FC40" s="116">
        <v>5</v>
      </c>
      <c r="FD40" s="414">
        <v>0</v>
      </c>
      <c r="FE40" s="115">
        <v>6</v>
      </c>
      <c r="FF40" s="115">
        <v>4</v>
      </c>
      <c r="FG40" s="115">
        <v>9</v>
      </c>
      <c r="FH40" s="115">
        <v>6</v>
      </c>
      <c r="FI40" s="115">
        <v>4</v>
      </c>
      <c r="FJ40" s="116">
        <v>29</v>
      </c>
      <c r="FK40" s="117">
        <v>34</v>
      </c>
      <c r="FL40" s="114">
        <v>3</v>
      </c>
      <c r="FM40" s="115">
        <v>1</v>
      </c>
      <c r="FN40" s="116">
        <v>4</v>
      </c>
      <c r="FO40" s="414">
        <v>0</v>
      </c>
      <c r="FP40" s="115">
        <v>7</v>
      </c>
      <c r="FQ40" s="115">
        <v>9</v>
      </c>
      <c r="FR40" s="115">
        <v>7</v>
      </c>
      <c r="FS40" s="115">
        <v>10</v>
      </c>
      <c r="FT40" s="115">
        <v>3</v>
      </c>
      <c r="FU40" s="116">
        <v>36</v>
      </c>
      <c r="FV40" s="117">
        <v>40</v>
      </c>
      <c r="FW40" s="114">
        <v>0</v>
      </c>
      <c r="FX40" s="115">
        <v>0</v>
      </c>
      <c r="FY40" s="116">
        <v>0</v>
      </c>
      <c r="FZ40" s="414">
        <v>0</v>
      </c>
      <c r="GA40" s="115">
        <v>0</v>
      </c>
      <c r="GB40" s="115">
        <v>1</v>
      </c>
      <c r="GC40" s="115">
        <v>0</v>
      </c>
      <c r="GD40" s="115">
        <v>0</v>
      </c>
      <c r="GE40" s="115">
        <v>0</v>
      </c>
      <c r="GF40" s="116">
        <v>1</v>
      </c>
      <c r="GG40" s="117">
        <v>1</v>
      </c>
      <c r="GH40" s="114">
        <v>15</v>
      </c>
      <c r="GI40" s="115">
        <v>4</v>
      </c>
      <c r="GJ40" s="116">
        <v>19</v>
      </c>
      <c r="GK40" s="414">
        <v>0</v>
      </c>
      <c r="GL40" s="115">
        <v>19</v>
      </c>
      <c r="GM40" s="115">
        <v>21</v>
      </c>
      <c r="GN40" s="115">
        <v>21</v>
      </c>
      <c r="GO40" s="115">
        <v>22</v>
      </c>
      <c r="GP40" s="115">
        <v>14</v>
      </c>
      <c r="GQ40" s="116">
        <v>97</v>
      </c>
      <c r="GR40" s="117">
        <v>116</v>
      </c>
      <c r="GS40" s="118">
        <v>17</v>
      </c>
      <c r="GT40" s="110">
        <v>5</v>
      </c>
      <c r="GU40" s="111">
        <v>22</v>
      </c>
      <c r="GV40" s="414">
        <v>0</v>
      </c>
      <c r="GW40" s="110">
        <v>29</v>
      </c>
      <c r="GX40" s="110">
        <v>33</v>
      </c>
      <c r="GY40" s="110">
        <v>29</v>
      </c>
      <c r="GZ40" s="110">
        <v>25</v>
      </c>
      <c r="HA40" s="110">
        <v>20</v>
      </c>
      <c r="HB40" s="112">
        <v>136</v>
      </c>
      <c r="HC40" s="113">
        <v>158</v>
      </c>
      <c r="HD40" s="114">
        <v>1</v>
      </c>
      <c r="HE40" s="115">
        <v>1</v>
      </c>
      <c r="HF40" s="116">
        <v>2</v>
      </c>
      <c r="HG40" s="417">
        <v>0</v>
      </c>
      <c r="HH40" s="115">
        <v>0</v>
      </c>
      <c r="HI40" s="115">
        <v>0</v>
      </c>
      <c r="HJ40" s="115">
        <v>0</v>
      </c>
      <c r="HK40" s="115">
        <v>1</v>
      </c>
      <c r="HL40" s="115">
        <v>1</v>
      </c>
      <c r="HM40" s="116">
        <v>2</v>
      </c>
      <c r="HN40" s="117">
        <v>4</v>
      </c>
      <c r="HO40" s="114">
        <v>3</v>
      </c>
      <c r="HP40" s="115">
        <v>0</v>
      </c>
      <c r="HQ40" s="116">
        <v>3</v>
      </c>
      <c r="HR40" s="414">
        <v>0</v>
      </c>
      <c r="HS40" s="115">
        <v>0</v>
      </c>
      <c r="HT40" s="115">
        <v>0</v>
      </c>
      <c r="HU40" s="115">
        <v>4</v>
      </c>
      <c r="HV40" s="115">
        <v>2</v>
      </c>
      <c r="HW40" s="115">
        <v>2</v>
      </c>
      <c r="HX40" s="116">
        <v>8</v>
      </c>
      <c r="HY40" s="117">
        <v>11</v>
      </c>
      <c r="HZ40" s="114">
        <v>1</v>
      </c>
      <c r="IA40" s="115">
        <v>1</v>
      </c>
      <c r="IB40" s="116">
        <v>2</v>
      </c>
      <c r="IC40" s="414">
        <v>0</v>
      </c>
      <c r="ID40" s="115">
        <v>3</v>
      </c>
      <c r="IE40" s="115">
        <v>9</v>
      </c>
      <c r="IF40" s="115">
        <v>4</v>
      </c>
      <c r="IG40" s="115">
        <v>1</v>
      </c>
      <c r="IH40" s="115">
        <v>0</v>
      </c>
      <c r="II40" s="116">
        <v>17</v>
      </c>
      <c r="IJ40" s="117">
        <v>19</v>
      </c>
      <c r="IK40" s="114">
        <v>4</v>
      </c>
      <c r="IL40" s="115">
        <v>2</v>
      </c>
      <c r="IM40" s="116">
        <v>6</v>
      </c>
      <c r="IN40" s="414">
        <v>0</v>
      </c>
      <c r="IO40" s="115">
        <v>10</v>
      </c>
      <c r="IP40" s="115">
        <v>6</v>
      </c>
      <c r="IQ40" s="115">
        <v>3</v>
      </c>
      <c r="IR40" s="115">
        <v>4</v>
      </c>
      <c r="IS40" s="115">
        <v>5</v>
      </c>
      <c r="IT40" s="116">
        <v>28</v>
      </c>
      <c r="IU40" s="117">
        <v>34</v>
      </c>
      <c r="IV40" s="114">
        <v>5</v>
      </c>
      <c r="IW40" s="115">
        <v>0</v>
      </c>
      <c r="IX40" s="116">
        <v>5</v>
      </c>
      <c r="IY40" s="414">
        <v>0</v>
      </c>
      <c r="IZ40" s="115">
        <v>7</v>
      </c>
      <c r="JA40" s="115">
        <v>7</v>
      </c>
      <c r="JB40" s="115">
        <v>11</v>
      </c>
      <c r="JC40" s="115">
        <v>6</v>
      </c>
      <c r="JD40" s="115">
        <v>7</v>
      </c>
      <c r="JE40" s="116">
        <v>38</v>
      </c>
      <c r="JF40" s="117">
        <v>43</v>
      </c>
      <c r="JG40" s="114">
        <v>3</v>
      </c>
      <c r="JH40" s="115">
        <v>1</v>
      </c>
      <c r="JI40" s="116">
        <v>4</v>
      </c>
      <c r="JJ40" s="414">
        <v>0</v>
      </c>
      <c r="JK40" s="115">
        <v>9</v>
      </c>
      <c r="JL40" s="115">
        <v>11</v>
      </c>
      <c r="JM40" s="115">
        <v>7</v>
      </c>
      <c r="JN40" s="115">
        <v>11</v>
      </c>
      <c r="JO40" s="115">
        <v>5</v>
      </c>
      <c r="JP40" s="116">
        <v>43</v>
      </c>
      <c r="JQ40" s="117">
        <v>47</v>
      </c>
      <c r="JR40" s="114">
        <v>0</v>
      </c>
      <c r="JS40" s="115">
        <v>0</v>
      </c>
      <c r="JT40" s="116">
        <v>0</v>
      </c>
      <c r="JU40" s="414">
        <v>0</v>
      </c>
      <c r="JV40" s="115">
        <v>0</v>
      </c>
      <c r="JW40" s="115">
        <v>3</v>
      </c>
      <c r="JX40" s="115">
        <v>0</v>
      </c>
      <c r="JY40" s="115">
        <v>2</v>
      </c>
      <c r="JZ40" s="115">
        <v>0</v>
      </c>
      <c r="KA40" s="116">
        <v>5</v>
      </c>
      <c r="KB40" s="117">
        <v>5</v>
      </c>
      <c r="KC40" s="114">
        <v>17</v>
      </c>
      <c r="KD40" s="115">
        <v>5</v>
      </c>
      <c r="KE40" s="116">
        <v>22</v>
      </c>
      <c r="KF40" s="414">
        <v>0</v>
      </c>
      <c r="KG40" s="115">
        <v>29</v>
      </c>
      <c r="KH40" s="115">
        <v>36</v>
      </c>
      <c r="KI40" s="115">
        <v>29</v>
      </c>
      <c r="KJ40" s="115">
        <v>27</v>
      </c>
      <c r="KK40" s="115">
        <v>20</v>
      </c>
      <c r="KL40" s="116">
        <v>141</v>
      </c>
      <c r="KM40" s="117">
        <v>163</v>
      </c>
    </row>
    <row r="41" spans="2:299" ht="32.25" customHeight="1" x14ac:dyDescent="0.2"/>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8" width="9.6640625" style="71" bestFit="1" customWidth="1"/>
    <col min="9" max="9" width="9.109375" style="71" bestFit="1" customWidth="1"/>
    <col min="10"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1</v>
      </c>
      <c r="H1" s="447">
        <f>IF(G1&lt;3,G1-2+12,G1-2)</f>
        <v>9</v>
      </c>
      <c r="I1" s="447"/>
    </row>
    <row r="2" spans="2:43" ht="24" customHeight="1" thickBot="1" x14ac:dyDescent="0.25">
      <c r="B2" s="10" t="s">
        <v>155</v>
      </c>
      <c r="F2" s="10" t="s">
        <v>137</v>
      </c>
    </row>
    <row r="3" spans="2:43" ht="21" customHeight="1" x14ac:dyDescent="0.2">
      <c r="B3" s="504"/>
      <c r="C3" s="507" t="s">
        <v>57</v>
      </c>
      <c r="D3" s="508"/>
      <c r="E3" s="508"/>
      <c r="F3" s="508"/>
      <c r="G3" s="508"/>
      <c r="H3" s="508"/>
      <c r="I3" s="508"/>
      <c r="J3" s="508"/>
      <c r="K3" s="508"/>
      <c r="L3" s="508"/>
      <c r="M3" s="507" t="s">
        <v>58</v>
      </c>
      <c r="N3" s="510"/>
      <c r="O3" s="510"/>
      <c r="P3" s="510"/>
      <c r="Q3" s="510"/>
      <c r="R3" s="510"/>
      <c r="S3" s="510"/>
      <c r="T3" s="510"/>
      <c r="U3" s="510"/>
      <c r="V3" s="510"/>
      <c r="W3" s="507" t="s">
        <v>59</v>
      </c>
      <c r="X3" s="508"/>
      <c r="Y3" s="508"/>
      <c r="Z3" s="508"/>
      <c r="AA3" s="508"/>
      <c r="AB3" s="508"/>
      <c r="AC3" s="508"/>
      <c r="AD3" s="508"/>
      <c r="AE3" s="508"/>
      <c r="AF3" s="508"/>
      <c r="AG3" s="507" t="s">
        <v>148</v>
      </c>
      <c r="AH3" s="508"/>
      <c r="AI3" s="508"/>
      <c r="AJ3" s="508"/>
      <c r="AK3" s="508"/>
      <c r="AL3" s="508"/>
      <c r="AM3" s="508"/>
      <c r="AN3" s="508"/>
      <c r="AO3" s="508"/>
      <c r="AP3" s="509"/>
    </row>
    <row r="4" spans="2:43" ht="21" customHeight="1" x14ac:dyDescent="0.2">
      <c r="B4" s="506"/>
      <c r="C4" s="512" t="s">
        <v>61</v>
      </c>
      <c r="D4" s="513"/>
      <c r="E4" s="514"/>
      <c r="F4" s="515" t="s">
        <v>62</v>
      </c>
      <c r="G4" s="516"/>
      <c r="H4" s="516"/>
      <c r="I4" s="516"/>
      <c r="J4" s="516"/>
      <c r="K4" s="517"/>
      <c r="L4" s="527" t="s">
        <v>52</v>
      </c>
      <c r="M4" s="512" t="s">
        <v>61</v>
      </c>
      <c r="N4" s="513"/>
      <c r="O4" s="514"/>
      <c r="P4" s="515" t="s">
        <v>62</v>
      </c>
      <c r="Q4" s="516"/>
      <c r="R4" s="516"/>
      <c r="S4" s="516"/>
      <c r="T4" s="516"/>
      <c r="U4" s="517"/>
      <c r="V4" s="518" t="s">
        <v>52</v>
      </c>
      <c r="W4" s="512" t="s">
        <v>61</v>
      </c>
      <c r="X4" s="513"/>
      <c r="Y4" s="514"/>
      <c r="Z4" s="515" t="s">
        <v>62</v>
      </c>
      <c r="AA4" s="516"/>
      <c r="AB4" s="516"/>
      <c r="AC4" s="516"/>
      <c r="AD4" s="516"/>
      <c r="AE4" s="517"/>
      <c r="AF4" s="527" t="s">
        <v>52</v>
      </c>
      <c r="AG4" s="512" t="s">
        <v>61</v>
      </c>
      <c r="AH4" s="513"/>
      <c r="AI4" s="514"/>
      <c r="AJ4" s="515" t="s">
        <v>62</v>
      </c>
      <c r="AK4" s="516"/>
      <c r="AL4" s="516"/>
      <c r="AM4" s="516"/>
      <c r="AN4" s="516"/>
      <c r="AO4" s="517"/>
      <c r="AP4" s="51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26"/>
      <c r="M5" s="229" t="s">
        <v>43</v>
      </c>
      <c r="N5" s="230" t="s">
        <v>44</v>
      </c>
      <c r="O5" s="234" t="s">
        <v>45</v>
      </c>
      <c r="P5" s="235" t="s">
        <v>47</v>
      </c>
      <c r="Q5" s="232" t="s">
        <v>48</v>
      </c>
      <c r="R5" s="232" t="s">
        <v>49</v>
      </c>
      <c r="S5" s="233" t="s">
        <v>50</v>
      </c>
      <c r="T5" s="230" t="s">
        <v>51</v>
      </c>
      <c r="U5" s="234" t="s">
        <v>45</v>
      </c>
      <c r="V5" s="519"/>
      <c r="W5" s="229" t="s">
        <v>43</v>
      </c>
      <c r="X5" s="230" t="s">
        <v>44</v>
      </c>
      <c r="Y5" s="230" t="s">
        <v>45</v>
      </c>
      <c r="Z5" s="231" t="s">
        <v>47</v>
      </c>
      <c r="AA5" s="232" t="s">
        <v>48</v>
      </c>
      <c r="AB5" s="232" t="s">
        <v>49</v>
      </c>
      <c r="AC5" s="233" t="s">
        <v>50</v>
      </c>
      <c r="AD5" s="230" t="s">
        <v>51</v>
      </c>
      <c r="AE5" s="234" t="s">
        <v>45</v>
      </c>
      <c r="AF5" s="526"/>
      <c r="AG5" s="229" t="s">
        <v>43</v>
      </c>
      <c r="AH5" s="230" t="s">
        <v>44</v>
      </c>
      <c r="AI5" s="230" t="s">
        <v>45</v>
      </c>
      <c r="AJ5" s="231" t="s">
        <v>47</v>
      </c>
      <c r="AK5" s="232" t="s">
        <v>48</v>
      </c>
      <c r="AL5" s="232" t="s">
        <v>49</v>
      </c>
      <c r="AM5" s="233" t="s">
        <v>50</v>
      </c>
      <c r="AN5" s="230" t="s">
        <v>51</v>
      </c>
      <c r="AO5" s="234" t="s">
        <v>45</v>
      </c>
      <c r="AP5" s="519"/>
    </row>
    <row r="6" spans="2:43" ht="21" customHeight="1" x14ac:dyDescent="0.2">
      <c r="B6" s="84" t="s">
        <v>4</v>
      </c>
      <c r="C6" s="211">
        <v>0</v>
      </c>
      <c r="D6" s="213">
        <v>0</v>
      </c>
      <c r="E6" s="213">
        <v>0</v>
      </c>
      <c r="F6" s="214">
        <v>17</v>
      </c>
      <c r="G6" s="212">
        <v>64</v>
      </c>
      <c r="H6" s="212">
        <v>471</v>
      </c>
      <c r="I6" s="212">
        <v>693</v>
      </c>
      <c r="J6" s="213">
        <v>352</v>
      </c>
      <c r="K6" s="236">
        <v>1597</v>
      </c>
      <c r="L6" s="237">
        <v>1597</v>
      </c>
      <c r="M6" s="211">
        <v>0</v>
      </c>
      <c r="N6" s="213">
        <v>0</v>
      </c>
      <c r="O6" s="236">
        <v>0</v>
      </c>
      <c r="P6" s="216">
        <v>83</v>
      </c>
      <c r="Q6" s="212">
        <v>177</v>
      </c>
      <c r="R6" s="212">
        <v>294</v>
      </c>
      <c r="S6" s="212">
        <v>335</v>
      </c>
      <c r="T6" s="213">
        <v>168</v>
      </c>
      <c r="U6" s="236">
        <v>1057</v>
      </c>
      <c r="V6" s="215">
        <v>1057</v>
      </c>
      <c r="W6" s="216">
        <v>0</v>
      </c>
      <c r="X6" s="213">
        <v>0</v>
      </c>
      <c r="Y6" s="213">
        <v>0</v>
      </c>
      <c r="Z6" s="214">
        <v>0</v>
      </c>
      <c r="AA6" s="212">
        <v>0</v>
      </c>
      <c r="AB6" s="212">
        <v>0</v>
      </c>
      <c r="AC6" s="212">
        <v>0</v>
      </c>
      <c r="AD6" s="213">
        <v>0</v>
      </c>
      <c r="AE6" s="236">
        <v>0</v>
      </c>
      <c r="AF6" s="237">
        <v>0</v>
      </c>
      <c r="AG6" s="211">
        <v>0</v>
      </c>
      <c r="AH6" s="213">
        <v>0</v>
      </c>
      <c r="AI6" s="213">
        <v>0</v>
      </c>
      <c r="AJ6" s="214">
        <v>0</v>
      </c>
      <c r="AK6" s="212">
        <v>0</v>
      </c>
      <c r="AL6" s="212">
        <v>1</v>
      </c>
      <c r="AM6" s="212">
        <v>15</v>
      </c>
      <c r="AN6" s="213">
        <v>19</v>
      </c>
      <c r="AO6" s="236">
        <v>35</v>
      </c>
      <c r="AP6" s="238">
        <v>35</v>
      </c>
      <c r="AQ6" s="239"/>
    </row>
    <row r="7" spans="2:43" ht="21" customHeight="1" x14ac:dyDescent="0.2">
      <c r="B7" s="95" t="s">
        <v>5</v>
      </c>
      <c r="C7" s="217">
        <v>0</v>
      </c>
      <c r="D7" s="219">
        <v>0</v>
      </c>
      <c r="E7" s="219">
        <v>0</v>
      </c>
      <c r="F7" s="220">
        <v>9</v>
      </c>
      <c r="G7" s="218">
        <v>52</v>
      </c>
      <c r="H7" s="218">
        <v>229</v>
      </c>
      <c r="I7" s="218">
        <v>319</v>
      </c>
      <c r="J7" s="219">
        <v>151</v>
      </c>
      <c r="K7" s="240">
        <v>760</v>
      </c>
      <c r="L7" s="241">
        <v>760</v>
      </c>
      <c r="M7" s="217">
        <v>0</v>
      </c>
      <c r="N7" s="219">
        <v>0</v>
      </c>
      <c r="O7" s="240">
        <v>0</v>
      </c>
      <c r="P7" s="222">
        <v>39</v>
      </c>
      <c r="Q7" s="218">
        <v>99</v>
      </c>
      <c r="R7" s="218">
        <v>139</v>
      </c>
      <c r="S7" s="218">
        <v>173</v>
      </c>
      <c r="T7" s="219">
        <v>90</v>
      </c>
      <c r="U7" s="240">
        <v>540</v>
      </c>
      <c r="V7" s="221">
        <v>540</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5</v>
      </c>
      <c r="AN7" s="219">
        <v>7</v>
      </c>
      <c r="AO7" s="240">
        <v>12</v>
      </c>
      <c r="AP7" s="242">
        <v>12</v>
      </c>
      <c r="AQ7" s="239"/>
    </row>
    <row r="8" spans="2:43" ht="21" customHeight="1" x14ac:dyDescent="0.2">
      <c r="B8" s="106" t="s">
        <v>6</v>
      </c>
      <c r="C8" s="217">
        <v>0</v>
      </c>
      <c r="D8" s="219">
        <v>0</v>
      </c>
      <c r="E8" s="219">
        <v>0</v>
      </c>
      <c r="F8" s="220">
        <v>4</v>
      </c>
      <c r="G8" s="218">
        <v>5</v>
      </c>
      <c r="H8" s="218">
        <v>52</v>
      </c>
      <c r="I8" s="218">
        <v>70</v>
      </c>
      <c r="J8" s="219">
        <v>47</v>
      </c>
      <c r="K8" s="240">
        <v>178</v>
      </c>
      <c r="L8" s="241">
        <v>178</v>
      </c>
      <c r="M8" s="217">
        <v>0</v>
      </c>
      <c r="N8" s="219">
        <v>0</v>
      </c>
      <c r="O8" s="240">
        <v>0</v>
      </c>
      <c r="P8" s="222">
        <v>7</v>
      </c>
      <c r="Q8" s="218">
        <v>13</v>
      </c>
      <c r="R8" s="218">
        <v>36</v>
      </c>
      <c r="S8" s="218">
        <v>41</v>
      </c>
      <c r="T8" s="219">
        <v>22</v>
      </c>
      <c r="U8" s="240">
        <v>119</v>
      </c>
      <c r="V8" s="221">
        <v>119</v>
      </c>
      <c r="W8" s="222">
        <v>0</v>
      </c>
      <c r="X8" s="219">
        <v>0</v>
      </c>
      <c r="Y8" s="219">
        <v>0</v>
      </c>
      <c r="Z8" s="220">
        <v>0</v>
      </c>
      <c r="AA8" s="218">
        <v>0</v>
      </c>
      <c r="AB8" s="218">
        <v>0</v>
      </c>
      <c r="AC8" s="218">
        <v>0</v>
      </c>
      <c r="AD8" s="219">
        <v>0</v>
      </c>
      <c r="AE8" s="240">
        <v>0</v>
      </c>
      <c r="AF8" s="241">
        <v>0</v>
      </c>
      <c r="AG8" s="217">
        <v>0</v>
      </c>
      <c r="AH8" s="219">
        <v>0</v>
      </c>
      <c r="AI8" s="219">
        <v>0</v>
      </c>
      <c r="AJ8" s="220">
        <v>0</v>
      </c>
      <c r="AK8" s="218">
        <v>0</v>
      </c>
      <c r="AL8" s="218">
        <v>0</v>
      </c>
      <c r="AM8" s="218">
        <v>1</v>
      </c>
      <c r="AN8" s="219">
        <v>0</v>
      </c>
      <c r="AO8" s="240">
        <v>1</v>
      </c>
      <c r="AP8" s="242">
        <v>1</v>
      </c>
      <c r="AQ8" s="239"/>
    </row>
    <row r="9" spans="2:43" ht="21" customHeight="1" x14ac:dyDescent="0.2">
      <c r="B9" s="106" t="s">
        <v>14</v>
      </c>
      <c r="C9" s="217">
        <v>0</v>
      </c>
      <c r="D9" s="219">
        <v>0</v>
      </c>
      <c r="E9" s="219">
        <v>0</v>
      </c>
      <c r="F9" s="220">
        <v>0</v>
      </c>
      <c r="G9" s="218">
        <v>1</v>
      </c>
      <c r="H9" s="218">
        <v>41</v>
      </c>
      <c r="I9" s="218">
        <v>55</v>
      </c>
      <c r="J9" s="219">
        <v>28</v>
      </c>
      <c r="K9" s="240">
        <v>125</v>
      </c>
      <c r="L9" s="241">
        <v>125</v>
      </c>
      <c r="M9" s="217">
        <v>0</v>
      </c>
      <c r="N9" s="219">
        <v>0</v>
      </c>
      <c r="O9" s="240">
        <v>0</v>
      </c>
      <c r="P9" s="222">
        <v>1</v>
      </c>
      <c r="Q9" s="218">
        <v>12</v>
      </c>
      <c r="R9" s="218">
        <v>18</v>
      </c>
      <c r="S9" s="218">
        <v>19</v>
      </c>
      <c r="T9" s="219">
        <v>5</v>
      </c>
      <c r="U9" s="240">
        <v>55</v>
      </c>
      <c r="V9" s="221">
        <v>55</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0</v>
      </c>
      <c r="AM9" s="218">
        <v>4</v>
      </c>
      <c r="AN9" s="219">
        <v>6</v>
      </c>
      <c r="AO9" s="240">
        <v>10</v>
      </c>
      <c r="AP9" s="242">
        <v>10</v>
      </c>
      <c r="AQ9" s="239"/>
    </row>
    <row r="10" spans="2:43" ht="21" customHeight="1" x14ac:dyDescent="0.2">
      <c r="B10" s="106" t="s">
        <v>7</v>
      </c>
      <c r="C10" s="217">
        <v>0</v>
      </c>
      <c r="D10" s="219">
        <v>0</v>
      </c>
      <c r="E10" s="219">
        <v>0</v>
      </c>
      <c r="F10" s="220">
        <v>1</v>
      </c>
      <c r="G10" s="218">
        <v>1</v>
      </c>
      <c r="H10" s="218">
        <v>33</v>
      </c>
      <c r="I10" s="218">
        <v>50</v>
      </c>
      <c r="J10" s="219">
        <v>21</v>
      </c>
      <c r="K10" s="240">
        <v>106</v>
      </c>
      <c r="L10" s="241">
        <v>106</v>
      </c>
      <c r="M10" s="217">
        <v>0</v>
      </c>
      <c r="N10" s="219">
        <v>0</v>
      </c>
      <c r="O10" s="240">
        <v>0</v>
      </c>
      <c r="P10" s="222">
        <v>14</v>
      </c>
      <c r="Q10" s="218">
        <v>12</v>
      </c>
      <c r="R10" s="218">
        <v>11</v>
      </c>
      <c r="S10" s="218">
        <v>15</v>
      </c>
      <c r="T10" s="219">
        <v>6</v>
      </c>
      <c r="U10" s="240">
        <v>58</v>
      </c>
      <c r="V10" s="221">
        <v>58</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2</v>
      </c>
      <c r="AN10" s="219">
        <v>0</v>
      </c>
      <c r="AO10" s="240">
        <v>2</v>
      </c>
      <c r="AP10" s="242">
        <v>2</v>
      </c>
      <c r="AQ10" s="239"/>
    </row>
    <row r="11" spans="2:43" ht="21" customHeight="1" x14ac:dyDescent="0.2">
      <c r="B11" s="106" t="s">
        <v>8</v>
      </c>
      <c r="C11" s="217">
        <v>0</v>
      </c>
      <c r="D11" s="219">
        <v>0</v>
      </c>
      <c r="E11" s="219">
        <v>0</v>
      </c>
      <c r="F11" s="220">
        <v>1</v>
      </c>
      <c r="G11" s="218">
        <v>1</v>
      </c>
      <c r="H11" s="218">
        <v>14</v>
      </c>
      <c r="I11" s="218">
        <v>12</v>
      </c>
      <c r="J11" s="219">
        <v>7</v>
      </c>
      <c r="K11" s="240">
        <v>35</v>
      </c>
      <c r="L11" s="241">
        <v>35</v>
      </c>
      <c r="M11" s="217">
        <v>0</v>
      </c>
      <c r="N11" s="219">
        <v>0</v>
      </c>
      <c r="O11" s="240">
        <v>0</v>
      </c>
      <c r="P11" s="222">
        <v>2</v>
      </c>
      <c r="Q11" s="218">
        <v>1</v>
      </c>
      <c r="R11" s="218">
        <v>8</v>
      </c>
      <c r="S11" s="218">
        <v>2</v>
      </c>
      <c r="T11" s="219">
        <v>4</v>
      </c>
      <c r="U11" s="240">
        <v>17</v>
      </c>
      <c r="V11" s="221">
        <v>17</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2</v>
      </c>
      <c r="I12" s="218">
        <v>23</v>
      </c>
      <c r="J12" s="219">
        <v>8</v>
      </c>
      <c r="K12" s="240">
        <v>43</v>
      </c>
      <c r="L12" s="241">
        <v>43</v>
      </c>
      <c r="M12" s="217">
        <v>0</v>
      </c>
      <c r="N12" s="219">
        <v>0</v>
      </c>
      <c r="O12" s="240">
        <v>0</v>
      </c>
      <c r="P12" s="222">
        <v>2</v>
      </c>
      <c r="Q12" s="218">
        <v>2</v>
      </c>
      <c r="R12" s="218">
        <v>7</v>
      </c>
      <c r="S12" s="218">
        <v>8</v>
      </c>
      <c r="T12" s="219">
        <v>3</v>
      </c>
      <c r="U12" s="240">
        <v>22</v>
      </c>
      <c r="V12" s="221">
        <v>22</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1</v>
      </c>
      <c r="AO12" s="240">
        <v>1</v>
      </c>
      <c r="AP12" s="242">
        <v>1</v>
      </c>
      <c r="AQ12" s="239"/>
    </row>
    <row r="13" spans="2:43" ht="21" customHeight="1" x14ac:dyDescent="0.2">
      <c r="B13" s="106" t="s">
        <v>10</v>
      </c>
      <c r="C13" s="217">
        <v>0</v>
      </c>
      <c r="D13" s="219">
        <v>0</v>
      </c>
      <c r="E13" s="219">
        <v>0</v>
      </c>
      <c r="F13" s="220">
        <v>1</v>
      </c>
      <c r="G13" s="218">
        <v>0</v>
      </c>
      <c r="H13" s="218">
        <v>15</v>
      </c>
      <c r="I13" s="218">
        <v>31</v>
      </c>
      <c r="J13" s="219">
        <v>13</v>
      </c>
      <c r="K13" s="240">
        <v>60</v>
      </c>
      <c r="L13" s="241">
        <v>60</v>
      </c>
      <c r="M13" s="217">
        <v>0</v>
      </c>
      <c r="N13" s="219">
        <v>0</v>
      </c>
      <c r="O13" s="240">
        <v>0</v>
      </c>
      <c r="P13" s="222">
        <v>2</v>
      </c>
      <c r="Q13" s="218">
        <v>7</v>
      </c>
      <c r="R13" s="218">
        <v>5</v>
      </c>
      <c r="S13" s="218">
        <v>8</v>
      </c>
      <c r="T13" s="219">
        <v>7</v>
      </c>
      <c r="U13" s="240">
        <v>29</v>
      </c>
      <c r="V13" s="221">
        <v>29</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0</v>
      </c>
      <c r="AM13" s="218">
        <v>1</v>
      </c>
      <c r="AN13" s="219">
        <v>1</v>
      </c>
      <c r="AO13" s="240">
        <v>2</v>
      </c>
      <c r="AP13" s="242">
        <v>2</v>
      </c>
      <c r="AQ13" s="239"/>
    </row>
    <row r="14" spans="2:43" ht="21" customHeight="1" x14ac:dyDescent="0.2">
      <c r="B14" s="106" t="s">
        <v>11</v>
      </c>
      <c r="C14" s="217">
        <v>0</v>
      </c>
      <c r="D14" s="219">
        <v>0</v>
      </c>
      <c r="E14" s="219">
        <v>0</v>
      </c>
      <c r="F14" s="220">
        <v>0</v>
      </c>
      <c r="G14" s="218">
        <v>0</v>
      </c>
      <c r="H14" s="218">
        <v>3</v>
      </c>
      <c r="I14" s="218">
        <v>16</v>
      </c>
      <c r="J14" s="219">
        <v>5</v>
      </c>
      <c r="K14" s="240">
        <v>24</v>
      </c>
      <c r="L14" s="241">
        <v>24</v>
      </c>
      <c r="M14" s="217">
        <v>0</v>
      </c>
      <c r="N14" s="219">
        <v>0</v>
      </c>
      <c r="O14" s="240">
        <v>0</v>
      </c>
      <c r="P14" s="222">
        <v>0</v>
      </c>
      <c r="Q14" s="218">
        <v>2</v>
      </c>
      <c r="R14" s="218">
        <v>7</v>
      </c>
      <c r="S14" s="218">
        <v>6</v>
      </c>
      <c r="T14" s="219">
        <v>6</v>
      </c>
      <c r="U14" s="240">
        <v>21</v>
      </c>
      <c r="V14" s="221">
        <v>21</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1</v>
      </c>
      <c r="AN14" s="219">
        <v>0</v>
      </c>
      <c r="AO14" s="240">
        <v>1</v>
      </c>
      <c r="AP14" s="242">
        <v>1</v>
      </c>
      <c r="AQ14" s="239"/>
    </row>
    <row r="15" spans="2:43" ht="21" customHeight="1" x14ac:dyDescent="0.2">
      <c r="B15" s="106" t="s">
        <v>12</v>
      </c>
      <c r="C15" s="217">
        <v>0</v>
      </c>
      <c r="D15" s="219">
        <v>0</v>
      </c>
      <c r="E15" s="219">
        <v>0</v>
      </c>
      <c r="F15" s="220">
        <v>0</v>
      </c>
      <c r="G15" s="218">
        <v>0</v>
      </c>
      <c r="H15" s="218">
        <v>7</v>
      </c>
      <c r="I15" s="218">
        <v>8</v>
      </c>
      <c r="J15" s="219">
        <v>6</v>
      </c>
      <c r="K15" s="240">
        <v>21</v>
      </c>
      <c r="L15" s="241">
        <v>21</v>
      </c>
      <c r="M15" s="217">
        <v>0</v>
      </c>
      <c r="N15" s="219">
        <v>0</v>
      </c>
      <c r="O15" s="240">
        <v>0</v>
      </c>
      <c r="P15" s="222">
        <v>1</v>
      </c>
      <c r="Q15" s="218">
        <v>3</v>
      </c>
      <c r="R15" s="218">
        <v>12</v>
      </c>
      <c r="S15" s="218">
        <v>11</v>
      </c>
      <c r="T15" s="219">
        <v>3</v>
      </c>
      <c r="U15" s="240">
        <v>30</v>
      </c>
      <c r="V15" s="221">
        <v>30</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0</v>
      </c>
      <c r="AN15" s="219">
        <v>0</v>
      </c>
      <c r="AO15" s="240">
        <v>0</v>
      </c>
      <c r="AP15" s="242">
        <v>0</v>
      </c>
      <c r="AQ15" s="239"/>
    </row>
    <row r="16" spans="2:43" ht="21" customHeight="1" x14ac:dyDescent="0.2">
      <c r="B16" s="106" t="s">
        <v>13</v>
      </c>
      <c r="C16" s="217">
        <v>0</v>
      </c>
      <c r="D16" s="219">
        <v>0</v>
      </c>
      <c r="E16" s="219">
        <v>0</v>
      </c>
      <c r="F16" s="220">
        <v>0</v>
      </c>
      <c r="G16" s="218">
        <v>1</v>
      </c>
      <c r="H16" s="218">
        <v>4</v>
      </c>
      <c r="I16" s="218">
        <v>9</v>
      </c>
      <c r="J16" s="219">
        <v>6</v>
      </c>
      <c r="K16" s="240">
        <v>20</v>
      </c>
      <c r="L16" s="241">
        <v>20</v>
      </c>
      <c r="M16" s="217">
        <v>0</v>
      </c>
      <c r="N16" s="219">
        <v>0</v>
      </c>
      <c r="O16" s="240">
        <v>0</v>
      </c>
      <c r="P16" s="222">
        <v>1</v>
      </c>
      <c r="Q16" s="218">
        <v>1</v>
      </c>
      <c r="R16" s="218">
        <v>4</v>
      </c>
      <c r="S16" s="218">
        <v>6</v>
      </c>
      <c r="T16" s="219">
        <v>0</v>
      </c>
      <c r="U16" s="240">
        <v>12</v>
      </c>
      <c r="V16" s="221">
        <v>12</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2</v>
      </c>
      <c r="I17" s="218">
        <v>10</v>
      </c>
      <c r="J17" s="219">
        <v>2</v>
      </c>
      <c r="K17" s="240">
        <v>14</v>
      </c>
      <c r="L17" s="241">
        <v>14</v>
      </c>
      <c r="M17" s="217">
        <v>0</v>
      </c>
      <c r="N17" s="219">
        <v>0</v>
      </c>
      <c r="O17" s="240">
        <v>0</v>
      </c>
      <c r="P17" s="222">
        <v>0</v>
      </c>
      <c r="Q17" s="218">
        <v>2</v>
      </c>
      <c r="R17" s="218">
        <v>2</v>
      </c>
      <c r="S17" s="218">
        <v>3</v>
      </c>
      <c r="T17" s="219">
        <v>2</v>
      </c>
      <c r="U17" s="240">
        <v>9</v>
      </c>
      <c r="V17" s="221">
        <v>9</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7</v>
      </c>
      <c r="I18" s="218">
        <v>11</v>
      </c>
      <c r="J18" s="219">
        <v>4</v>
      </c>
      <c r="K18" s="240">
        <v>22</v>
      </c>
      <c r="L18" s="241">
        <v>22</v>
      </c>
      <c r="M18" s="217">
        <v>0</v>
      </c>
      <c r="N18" s="219">
        <v>0</v>
      </c>
      <c r="O18" s="240">
        <v>0</v>
      </c>
      <c r="P18" s="222">
        <v>5</v>
      </c>
      <c r="Q18" s="218">
        <v>4</v>
      </c>
      <c r="R18" s="218">
        <v>4</v>
      </c>
      <c r="S18" s="218">
        <v>7</v>
      </c>
      <c r="T18" s="219">
        <v>2</v>
      </c>
      <c r="U18" s="240">
        <v>22</v>
      </c>
      <c r="V18" s="221">
        <v>22</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0</v>
      </c>
      <c r="H19" s="218">
        <v>7</v>
      </c>
      <c r="I19" s="218">
        <v>12</v>
      </c>
      <c r="J19" s="219">
        <v>14</v>
      </c>
      <c r="K19" s="240">
        <v>33</v>
      </c>
      <c r="L19" s="241">
        <v>33</v>
      </c>
      <c r="M19" s="217">
        <v>0</v>
      </c>
      <c r="N19" s="219">
        <v>0</v>
      </c>
      <c r="O19" s="240">
        <v>0</v>
      </c>
      <c r="P19" s="222">
        <v>0</v>
      </c>
      <c r="Q19" s="218">
        <v>4</v>
      </c>
      <c r="R19" s="218">
        <v>6</v>
      </c>
      <c r="S19" s="218">
        <v>2</v>
      </c>
      <c r="T19" s="219">
        <v>4</v>
      </c>
      <c r="U19" s="240">
        <v>16</v>
      </c>
      <c r="V19" s="221">
        <v>16</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0</v>
      </c>
      <c r="AO19" s="240">
        <v>0</v>
      </c>
      <c r="AP19" s="242">
        <v>0</v>
      </c>
      <c r="AQ19" s="239"/>
    </row>
    <row r="20" spans="2:43" ht="21" customHeight="1" x14ac:dyDescent="0.2">
      <c r="B20" s="106" t="s">
        <v>18</v>
      </c>
      <c r="C20" s="217">
        <v>0</v>
      </c>
      <c r="D20" s="219">
        <v>0</v>
      </c>
      <c r="E20" s="219">
        <v>0</v>
      </c>
      <c r="F20" s="220">
        <v>0</v>
      </c>
      <c r="G20" s="218">
        <v>0</v>
      </c>
      <c r="H20" s="218">
        <v>10</v>
      </c>
      <c r="I20" s="218">
        <v>18</v>
      </c>
      <c r="J20" s="219">
        <v>6</v>
      </c>
      <c r="K20" s="240">
        <v>34</v>
      </c>
      <c r="L20" s="241">
        <v>34</v>
      </c>
      <c r="M20" s="217">
        <v>0</v>
      </c>
      <c r="N20" s="219">
        <v>0</v>
      </c>
      <c r="O20" s="240">
        <v>0</v>
      </c>
      <c r="P20" s="222">
        <v>1</v>
      </c>
      <c r="Q20" s="218">
        <v>5</v>
      </c>
      <c r="R20" s="218">
        <v>8</v>
      </c>
      <c r="S20" s="218">
        <v>7</v>
      </c>
      <c r="T20" s="219">
        <v>3</v>
      </c>
      <c r="U20" s="240">
        <v>24</v>
      </c>
      <c r="V20" s="221">
        <v>24</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4</v>
      </c>
      <c r="I21" s="218">
        <v>5</v>
      </c>
      <c r="J21" s="219">
        <v>5</v>
      </c>
      <c r="K21" s="240">
        <v>14</v>
      </c>
      <c r="L21" s="241">
        <v>14</v>
      </c>
      <c r="M21" s="217">
        <v>0</v>
      </c>
      <c r="N21" s="219">
        <v>0</v>
      </c>
      <c r="O21" s="240">
        <v>0</v>
      </c>
      <c r="P21" s="222">
        <v>3</v>
      </c>
      <c r="Q21" s="218">
        <v>2</v>
      </c>
      <c r="R21" s="218">
        <v>3</v>
      </c>
      <c r="S21" s="218">
        <v>4</v>
      </c>
      <c r="T21" s="219">
        <v>1</v>
      </c>
      <c r="U21" s="240">
        <v>13</v>
      </c>
      <c r="V21" s="221">
        <v>13</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5</v>
      </c>
      <c r="I22" s="218">
        <v>9</v>
      </c>
      <c r="J22" s="219">
        <v>4</v>
      </c>
      <c r="K22" s="240">
        <v>20</v>
      </c>
      <c r="L22" s="241">
        <v>20</v>
      </c>
      <c r="M22" s="217">
        <v>0</v>
      </c>
      <c r="N22" s="219">
        <v>0</v>
      </c>
      <c r="O22" s="240">
        <v>0</v>
      </c>
      <c r="P22" s="222">
        <v>0</v>
      </c>
      <c r="Q22" s="218">
        <v>1</v>
      </c>
      <c r="R22" s="218">
        <v>1</v>
      </c>
      <c r="S22" s="218">
        <v>3</v>
      </c>
      <c r="T22" s="219">
        <v>0</v>
      </c>
      <c r="U22" s="240">
        <v>5</v>
      </c>
      <c r="V22" s="221">
        <v>5</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1</v>
      </c>
      <c r="AO22" s="240">
        <v>1</v>
      </c>
      <c r="AP22" s="242">
        <v>1</v>
      </c>
      <c r="AQ22" s="239"/>
    </row>
    <row r="23" spans="2:43" ht="21" customHeight="1" x14ac:dyDescent="0.2">
      <c r="B23" s="106" t="s">
        <v>21</v>
      </c>
      <c r="C23" s="217">
        <v>0</v>
      </c>
      <c r="D23" s="219">
        <v>0</v>
      </c>
      <c r="E23" s="219">
        <v>0</v>
      </c>
      <c r="F23" s="220">
        <v>0</v>
      </c>
      <c r="G23" s="218">
        <v>0</v>
      </c>
      <c r="H23" s="218">
        <v>4</v>
      </c>
      <c r="I23" s="218">
        <v>6</v>
      </c>
      <c r="J23" s="219">
        <v>5</v>
      </c>
      <c r="K23" s="240">
        <v>15</v>
      </c>
      <c r="L23" s="241">
        <v>15</v>
      </c>
      <c r="M23" s="217">
        <v>0</v>
      </c>
      <c r="N23" s="219">
        <v>0</v>
      </c>
      <c r="O23" s="240">
        <v>0</v>
      </c>
      <c r="P23" s="222">
        <v>2</v>
      </c>
      <c r="Q23" s="218">
        <v>0</v>
      </c>
      <c r="R23" s="218">
        <v>4</v>
      </c>
      <c r="S23" s="218">
        <v>1</v>
      </c>
      <c r="T23" s="219">
        <v>1</v>
      </c>
      <c r="U23" s="240">
        <v>8</v>
      </c>
      <c r="V23" s="221">
        <v>8</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0</v>
      </c>
      <c r="AN23" s="219">
        <v>1</v>
      </c>
      <c r="AO23" s="240">
        <v>1</v>
      </c>
      <c r="AP23" s="242">
        <v>1</v>
      </c>
      <c r="AQ23" s="239"/>
    </row>
    <row r="24" spans="2:43" ht="21" customHeight="1" x14ac:dyDescent="0.2">
      <c r="B24" s="106" t="s">
        <v>22</v>
      </c>
      <c r="C24" s="217">
        <v>0</v>
      </c>
      <c r="D24" s="219">
        <v>0</v>
      </c>
      <c r="E24" s="219">
        <v>0</v>
      </c>
      <c r="F24" s="220">
        <v>0</v>
      </c>
      <c r="G24" s="218">
        <v>0</v>
      </c>
      <c r="H24" s="218">
        <v>4</v>
      </c>
      <c r="I24" s="218">
        <v>1</v>
      </c>
      <c r="J24" s="219">
        <v>2</v>
      </c>
      <c r="K24" s="240">
        <v>7</v>
      </c>
      <c r="L24" s="241">
        <v>7</v>
      </c>
      <c r="M24" s="217">
        <v>0</v>
      </c>
      <c r="N24" s="219">
        <v>0</v>
      </c>
      <c r="O24" s="240">
        <v>0</v>
      </c>
      <c r="P24" s="222">
        <v>0</v>
      </c>
      <c r="Q24" s="218">
        <v>2</v>
      </c>
      <c r="R24" s="218">
        <v>3</v>
      </c>
      <c r="S24" s="218">
        <v>2</v>
      </c>
      <c r="T24" s="219">
        <v>0</v>
      </c>
      <c r="U24" s="240">
        <v>7</v>
      </c>
      <c r="V24" s="221">
        <v>7</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1</v>
      </c>
      <c r="AN24" s="219">
        <v>0</v>
      </c>
      <c r="AO24" s="240">
        <v>1</v>
      </c>
      <c r="AP24" s="242">
        <v>1</v>
      </c>
      <c r="AQ24" s="239"/>
    </row>
    <row r="25" spans="2:43" ht="21" customHeight="1" x14ac:dyDescent="0.2">
      <c r="B25" s="106" t="s">
        <v>23</v>
      </c>
      <c r="C25" s="217">
        <v>0</v>
      </c>
      <c r="D25" s="219">
        <v>0</v>
      </c>
      <c r="E25" s="219">
        <v>0</v>
      </c>
      <c r="F25" s="220">
        <v>0</v>
      </c>
      <c r="G25" s="218">
        <v>0</v>
      </c>
      <c r="H25" s="218">
        <v>6</v>
      </c>
      <c r="I25" s="218">
        <v>6</v>
      </c>
      <c r="J25" s="219">
        <v>4</v>
      </c>
      <c r="K25" s="240">
        <v>16</v>
      </c>
      <c r="L25" s="241">
        <v>16</v>
      </c>
      <c r="M25" s="217">
        <v>0</v>
      </c>
      <c r="N25" s="219">
        <v>0</v>
      </c>
      <c r="O25" s="240">
        <v>0</v>
      </c>
      <c r="P25" s="222">
        <v>0</v>
      </c>
      <c r="Q25" s="218">
        <v>0</v>
      </c>
      <c r="R25" s="218">
        <v>1</v>
      </c>
      <c r="S25" s="218">
        <v>2</v>
      </c>
      <c r="T25" s="219">
        <v>2</v>
      </c>
      <c r="U25" s="240">
        <v>5</v>
      </c>
      <c r="V25" s="221">
        <v>5</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0</v>
      </c>
      <c r="AO25" s="240">
        <v>0</v>
      </c>
      <c r="AP25" s="242">
        <v>0</v>
      </c>
      <c r="AQ25" s="239"/>
    </row>
    <row r="26" spans="2:43" ht="21" customHeight="1" x14ac:dyDescent="0.2">
      <c r="B26" s="106" t="s">
        <v>24</v>
      </c>
      <c r="C26" s="217">
        <v>0</v>
      </c>
      <c r="D26" s="219">
        <v>0</v>
      </c>
      <c r="E26" s="219">
        <v>0</v>
      </c>
      <c r="F26" s="220">
        <v>0</v>
      </c>
      <c r="G26" s="218">
        <v>0</v>
      </c>
      <c r="H26" s="218">
        <v>2</v>
      </c>
      <c r="I26" s="218">
        <v>5</v>
      </c>
      <c r="J26" s="219">
        <v>3</v>
      </c>
      <c r="K26" s="240">
        <v>10</v>
      </c>
      <c r="L26" s="241">
        <v>10</v>
      </c>
      <c r="M26" s="217">
        <v>0</v>
      </c>
      <c r="N26" s="219">
        <v>0</v>
      </c>
      <c r="O26" s="240">
        <v>0</v>
      </c>
      <c r="P26" s="222">
        <v>1</v>
      </c>
      <c r="Q26" s="218">
        <v>1</v>
      </c>
      <c r="R26" s="218">
        <v>4</v>
      </c>
      <c r="S26" s="218">
        <v>3</v>
      </c>
      <c r="T26" s="219">
        <v>2</v>
      </c>
      <c r="U26" s="240">
        <v>11</v>
      </c>
      <c r="V26" s="221">
        <v>11</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1</v>
      </c>
      <c r="G27" s="218">
        <v>0</v>
      </c>
      <c r="H27" s="218">
        <v>3</v>
      </c>
      <c r="I27" s="218">
        <v>0</v>
      </c>
      <c r="J27" s="219">
        <v>1</v>
      </c>
      <c r="K27" s="240">
        <v>5</v>
      </c>
      <c r="L27" s="241">
        <v>5</v>
      </c>
      <c r="M27" s="217">
        <v>0</v>
      </c>
      <c r="N27" s="219">
        <v>0</v>
      </c>
      <c r="O27" s="240">
        <v>0</v>
      </c>
      <c r="P27" s="222">
        <v>0</v>
      </c>
      <c r="Q27" s="218">
        <v>1</v>
      </c>
      <c r="R27" s="218">
        <v>1</v>
      </c>
      <c r="S27" s="218">
        <v>1</v>
      </c>
      <c r="T27" s="219">
        <v>0</v>
      </c>
      <c r="U27" s="240">
        <v>3</v>
      </c>
      <c r="V27" s="221">
        <v>3</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2</v>
      </c>
      <c r="I28" s="218">
        <v>1</v>
      </c>
      <c r="J28" s="219">
        <v>2</v>
      </c>
      <c r="K28" s="240">
        <v>5</v>
      </c>
      <c r="L28" s="241">
        <v>5</v>
      </c>
      <c r="M28" s="217">
        <v>0</v>
      </c>
      <c r="N28" s="219">
        <v>0</v>
      </c>
      <c r="O28" s="240">
        <v>0</v>
      </c>
      <c r="P28" s="222">
        <v>0</v>
      </c>
      <c r="Q28" s="218">
        <v>0</v>
      </c>
      <c r="R28" s="218">
        <v>3</v>
      </c>
      <c r="S28" s="218">
        <v>1</v>
      </c>
      <c r="T28" s="219">
        <v>0</v>
      </c>
      <c r="U28" s="240">
        <v>4</v>
      </c>
      <c r="V28" s="221">
        <v>4</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1</v>
      </c>
      <c r="H29" s="218">
        <v>1</v>
      </c>
      <c r="I29" s="218">
        <v>4</v>
      </c>
      <c r="J29" s="219">
        <v>2</v>
      </c>
      <c r="K29" s="240">
        <v>8</v>
      </c>
      <c r="L29" s="241">
        <v>8</v>
      </c>
      <c r="M29" s="217">
        <v>0</v>
      </c>
      <c r="N29" s="219">
        <v>0</v>
      </c>
      <c r="O29" s="240">
        <v>0</v>
      </c>
      <c r="P29" s="222">
        <v>1</v>
      </c>
      <c r="Q29" s="218">
        <v>2</v>
      </c>
      <c r="R29" s="218">
        <v>2</v>
      </c>
      <c r="S29" s="218">
        <v>4</v>
      </c>
      <c r="T29" s="219">
        <v>0</v>
      </c>
      <c r="U29" s="240">
        <v>9</v>
      </c>
      <c r="V29" s="221">
        <v>9</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0</v>
      </c>
      <c r="AO29" s="240">
        <v>0</v>
      </c>
      <c r="AP29" s="242">
        <v>0</v>
      </c>
      <c r="AQ29" s="239"/>
    </row>
    <row r="30" spans="2:43" ht="21" customHeight="1" x14ac:dyDescent="0.2">
      <c r="B30" s="106" t="s">
        <v>28</v>
      </c>
      <c r="C30" s="217">
        <v>0</v>
      </c>
      <c r="D30" s="219">
        <v>0</v>
      </c>
      <c r="E30" s="219">
        <v>0</v>
      </c>
      <c r="F30" s="220">
        <v>0</v>
      </c>
      <c r="G30" s="218">
        <v>0</v>
      </c>
      <c r="H30" s="218">
        <v>0</v>
      </c>
      <c r="I30" s="218">
        <v>1</v>
      </c>
      <c r="J30" s="219">
        <v>1</v>
      </c>
      <c r="K30" s="240">
        <v>2</v>
      </c>
      <c r="L30" s="241">
        <v>2</v>
      </c>
      <c r="M30" s="217">
        <v>0</v>
      </c>
      <c r="N30" s="219">
        <v>0</v>
      </c>
      <c r="O30" s="240">
        <v>0</v>
      </c>
      <c r="P30" s="222">
        <v>0</v>
      </c>
      <c r="Q30" s="218">
        <v>0</v>
      </c>
      <c r="R30" s="218">
        <v>0</v>
      </c>
      <c r="S30" s="218">
        <v>1</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1</v>
      </c>
      <c r="K31" s="240">
        <v>1</v>
      </c>
      <c r="L31" s="241">
        <v>1</v>
      </c>
      <c r="M31" s="217">
        <v>0</v>
      </c>
      <c r="N31" s="219">
        <v>0</v>
      </c>
      <c r="O31" s="240">
        <v>0</v>
      </c>
      <c r="P31" s="222">
        <v>0</v>
      </c>
      <c r="Q31" s="218">
        <v>0</v>
      </c>
      <c r="R31" s="218">
        <v>0</v>
      </c>
      <c r="S31" s="218">
        <v>0</v>
      </c>
      <c r="T31" s="219">
        <v>2</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2</v>
      </c>
      <c r="J32" s="219">
        <v>1</v>
      </c>
      <c r="K32" s="240">
        <v>4</v>
      </c>
      <c r="L32" s="241">
        <v>4</v>
      </c>
      <c r="M32" s="217">
        <v>0</v>
      </c>
      <c r="N32" s="219">
        <v>0</v>
      </c>
      <c r="O32" s="240">
        <v>0</v>
      </c>
      <c r="P32" s="222">
        <v>0</v>
      </c>
      <c r="Q32" s="218">
        <v>1</v>
      </c>
      <c r="R32" s="218">
        <v>1</v>
      </c>
      <c r="S32" s="218">
        <v>3</v>
      </c>
      <c r="T32" s="219">
        <v>0</v>
      </c>
      <c r="U32" s="240">
        <v>5</v>
      </c>
      <c r="V32" s="221">
        <v>5</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2</v>
      </c>
      <c r="I33" s="218">
        <v>1</v>
      </c>
      <c r="J33" s="219">
        <v>0</v>
      </c>
      <c r="K33" s="240">
        <v>3</v>
      </c>
      <c r="L33" s="241">
        <v>3</v>
      </c>
      <c r="M33" s="217">
        <v>0</v>
      </c>
      <c r="N33" s="219">
        <v>0</v>
      </c>
      <c r="O33" s="240">
        <v>0</v>
      </c>
      <c r="P33" s="222">
        <v>0</v>
      </c>
      <c r="Q33" s="218">
        <v>0</v>
      </c>
      <c r="R33" s="218">
        <v>0</v>
      </c>
      <c r="S33" s="218">
        <v>1</v>
      </c>
      <c r="T33" s="219">
        <v>0</v>
      </c>
      <c r="U33" s="240">
        <v>1</v>
      </c>
      <c r="V33" s="221">
        <v>1</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1</v>
      </c>
      <c r="J34" s="219">
        <v>0</v>
      </c>
      <c r="K34" s="240">
        <v>1</v>
      </c>
      <c r="L34" s="241">
        <v>1</v>
      </c>
      <c r="M34" s="217">
        <v>0</v>
      </c>
      <c r="N34" s="219">
        <v>0</v>
      </c>
      <c r="O34" s="240">
        <v>0</v>
      </c>
      <c r="P34" s="222">
        <v>0</v>
      </c>
      <c r="Q34" s="218">
        <v>0</v>
      </c>
      <c r="R34" s="218">
        <v>0</v>
      </c>
      <c r="S34" s="218">
        <v>0</v>
      </c>
      <c r="T34" s="219">
        <v>0</v>
      </c>
      <c r="U34" s="240">
        <v>0</v>
      </c>
      <c r="V34" s="221">
        <v>0</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1</v>
      </c>
      <c r="J35" s="219">
        <v>0</v>
      </c>
      <c r="K35" s="240">
        <v>1</v>
      </c>
      <c r="L35" s="241">
        <v>1</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0</v>
      </c>
      <c r="AL35" s="218">
        <v>1</v>
      </c>
      <c r="AM35" s="218">
        <v>0</v>
      </c>
      <c r="AN35" s="219">
        <v>0</v>
      </c>
      <c r="AO35" s="240">
        <v>1</v>
      </c>
      <c r="AP35" s="242">
        <v>1</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1</v>
      </c>
      <c r="S36" s="218">
        <v>0</v>
      </c>
      <c r="T36" s="219">
        <v>0</v>
      </c>
      <c r="U36" s="240">
        <v>1</v>
      </c>
      <c r="V36" s="221">
        <v>1</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2</v>
      </c>
      <c r="J37" s="219">
        <v>3</v>
      </c>
      <c r="K37" s="240">
        <v>5</v>
      </c>
      <c r="L37" s="241">
        <v>5</v>
      </c>
      <c r="M37" s="217">
        <v>0</v>
      </c>
      <c r="N37" s="219">
        <v>0</v>
      </c>
      <c r="O37" s="240">
        <v>0</v>
      </c>
      <c r="P37" s="222">
        <v>1</v>
      </c>
      <c r="Q37" s="218">
        <v>0</v>
      </c>
      <c r="R37" s="218">
        <v>2</v>
      </c>
      <c r="S37" s="218">
        <v>0</v>
      </c>
      <c r="T37" s="219">
        <v>1</v>
      </c>
      <c r="U37" s="240">
        <v>4</v>
      </c>
      <c r="V37" s="221">
        <v>4</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0</v>
      </c>
      <c r="I38" s="218">
        <v>3</v>
      </c>
      <c r="J38" s="219">
        <v>0</v>
      </c>
      <c r="K38" s="240">
        <v>3</v>
      </c>
      <c r="L38" s="241">
        <v>3</v>
      </c>
      <c r="M38" s="217">
        <v>0</v>
      </c>
      <c r="N38" s="219">
        <v>0</v>
      </c>
      <c r="O38" s="240">
        <v>0</v>
      </c>
      <c r="P38" s="222">
        <v>0</v>
      </c>
      <c r="Q38" s="218">
        <v>0</v>
      </c>
      <c r="R38" s="218">
        <v>1</v>
      </c>
      <c r="S38" s="218">
        <v>1</v>
      </c>
      <c r="T38" s="219">
        <v>2</v>
      </c>
      <c r="U38" s="240">
        <v>4</v>
      </c>
      <c r="V38" s="221">
        <v>4</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1</v>
      </c>
      <c r="I39" s="224">
        <v>0</v>
      </c>
      <c r="J39" s="225">
        <v>0</v>
      </c>
      <c r="K39" s="243">
        <v>1</v>
      </c>
      <c r="L39" s="244">
        <v>1</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3" width="8.88671875" style="71" customWidth="1"/>
    <col min="4" max="4" width="8.109375" style="71" customWidth="1"/>
    <col min="5" max="5" width="10.109375" style="71" bestFit="1" customWidth="1"/>
    <col min="6" max="6" width="9.6640625" style="71" bestFit="1" customWidth="1"/>
    <col min="7" max="7" width="9.109375" style="71" bestFit="1" customWidth="1"/>
    <col min="8" max="11" width="9" style="71"/>
    <col min="12" max="12" width="9.6640625" style="71" customWidth="1"/>
    <col min="13" max="22" width="8.77734375" style="71" customWidth="1"/>
    <col min="23" max="42" width="9.6640625" style="71" customWidth="1"/>
    <col min="43" max="16384" width="9" style="71"/>
  </cols>
  <sheetData>
    <row r="1" spans="2:43" ht="24" customHeight="1" x14ac:dyDescent="0.2">
      <c r="B1" s="10" t="s">
        <v>56</v>
      </c>
      <c r="F1" s="63">
        <f>第１表!F2</f>
        <v>6</v>
      </c>
      <c r="G1" s="16">
        <f>第１表!G2</f>
        <v>11</v>
      </c>
      <c r="H1" s="530">
        <f>IF(G1&lt;3,G1-2+12,G1-2)</f>
        <v>9</v>
      </c>
      <c r="I1" s="530"/>
    </row>
    <row r="2" spans="2:43" ht="24" customHeight="1" thickBot="1" x14ac:dyDescent="0.25">
      <c r="B2" s="10" t="s">
        <v>156</v>
      </c>
      <c r="F2" s="10" t="s">
        <v>137</v>
      </c>
    </row>
    <row r="3" spans="2:43" ht="21" customHeight="1" x14ac:dyDescent="0.2">
      <c r="B3" s="504"/>
      <c r="C3" s="507" t="s">
        <v>57</v>
      </c>
      <c r="D3" s="508"/>
      <c r="E3" s="508"/>
      <c r="F3" s="508"/>
      <c r="G3" s="508"/>
      <c r="H3" s="508"/>
      <c r="I3" s="508"/>
      <c r="J3" s="508"/>
      <c r="K3" s="508"/>
      <c r="L3" s="508"/>
      <c r="M3" s="507" t="s">
        <v>58</v>
      </c>
      <c r="N3" s="510"/>
      <c r="O3" s="510"/>
      <c r="P3" s="510"/>
      <c r="Q3" s="510"/>
      <c r="R3" s="510"/>
      <c r="S3" s="510"/>
      <c r="T3" s="510"/>
      <c r="U3" s="510"/>
      <c r="V3" s="510"/>
      <c r="W3" s="507" t="s">
        <v>59</v>
      </c>
      <c r="X3" s="508"/>
      <c r="Y3" s="508"/>
      <c r="Z3" s="508"/>
      <c r="AA3" s="508"/>
      <c r="AB3" s="508"/>
      <c r="AC3" s="508"/>
      <c r="AD3" s="508"/>
      <c r="AE3" s="508"/>
      <c r="AF3" s="508"/>
      <c r="AG3" s="507" t="s">
        <v>148</v>
      </c>
      <c r="AH3" s="508"/>
      <c r="AI3" s="508"/>
      <c r="AJ3" s="508"/>
      <c r="AK3" s="508"/>
      <c r="AL3" s="508"/>
      <c r="AM3" s="508"/>
      <c r="AN3" s="508"/>
      <c r="AO3" s="508"/>
      <c r="AP3" s="509"/>
    </row>
    <row r="4" spans="2:43" ht="21" customHeight="1" x14ac:dyDescent="0.2">
      <c r="B4" s="506"/>
      <c r="C4" s="512" t="s">
        <v>61</v>
      </c>
      <c r="D4" s="513"/>
      <c r="E4" s="514"/>
      <c r="F4" s="515" t="s">
        <v>62</v>
      </c>
      <c r="G4" s="516"/>
      <c r="H4" s="516"/>
      <c r="I4" s="516"/>
      <c r="J4" s="516"/>
      <c r="K4" s="517"/>
      <c r="L4" s="527" t="s">
        <v>52</v>
      </c>
      <c r="M4" s="512" t="s">
        <v>61</v>
      </c>
      <c r="N4" s="513"/>
      <c r="O4" s="514"/>
      <c r="P4" s="515" t="s">
        <v>62</v>
      </c>
      <c r="Q4" s="516"/>
      <c r="R4" s="516"/>
      <c r="S4" s="516"/>
      <c r="T4" s="516"/>
      <c r="U4" s="517"/>
      <c r="V4" s="518" t="s">
        <v>52</v>
      </c>
      <c r="W4" s="512" t="s">
        <v>61</v>
      </c>
      <c r="X4" s="513"/>
      <c r="Y4" s="514"/>
      <c r="Z4" s="515" t="s">
        <v>62</v>
      </c>
      <c r="AA4" s="516"/>
      <c r="AB4" s="516"/>
      <c r="AC4" s="516"/>
      <c r="AD4" s="516"/>
      <c r="AE4" s="517"/>
      <c r="AF4" s="527" t="s">
        <v>52</v>
      </c>
      <c r="AG4" s="512" t="s">
        <v>61</v>
      </c>
      <c r="AH4" s="513"/>
      <c r="AI4" s="514"/>
      <c r="AJ4" s="515" t="s">
        <v>62</v>
      </c>
      <c r="AK4" s="516"/>
      <c r="AL4" s="516"/>
      <c r="AM4" s="516"/>
      <c r="AN4" s="516"/>
      <c r="AO4" s="517"/>
      <c r="AP4" s="518" t="s">
        <v>52</v>
      </c>
    </row>
    <row r="5" spans="2:43" ht="30" customHeight="1" thickBot="1" x14ac:dyDescent="0.25">
      <c r="B5" s="72" t="s">
        <v>42</v>
      </c>
      <c r="C5" s="229" t="s">
        <v>43</v>
      </c>
      <c r="D5" s="230" t="s">
        <v>44</v>
      </c>
      <c r="E5" s="230" t="s">
        <v>45</v>
      </c>
      <c r="F5" s="231" t="s">
        <v>47</v>
      </c>
      <c r="G5" s="232" t="s">
        <v>48</v>
      </c>
      <c r="H5" s="232" t="s">
        <v>49</v>
      </c>
      <c r="I5" s="233" t="s">
        <v>50</v>
      </c>
      <c r="J5" s="230" t="s">
        <v>51</v>
      </c>
      <c r="K5" s="234" t="s">
        <v>95</v>
      </c>
      <c r="L5" s="526"/>
      <c r="M5" s="229" t="s">
        <v>43</v>
      </c>
      <c r="N5" s="230" t="s">
        <v>44</v>
      </c>
      <c r="O5" s="234" t="s">
        <v>45</v>
      </c>
      <c r="P5" s="235" t="s">
        <v>47</v>
      </c>
      <c r="Q5" s="232" t="s">
        <v>48</v>
      </c>
      <c r="R5" s="232" t="s">
        <v>49</v>
      </c>
      <c r="S5" s="233" t="s">
        <v>50</v>
      </c>
      <c r="T5" s="230" t="s">
        <v>51</v>
      </c>
      <c r="U5" s="234" t="s">
        <v>45</v>
      </c>
      <c r="V5" s="519"/>
      <c r="W5" s="229" t="s">
        <v>43</v>
      </c>
      <c r="X5" s="230" t="s">
        <v>44</v>
      </c>
      <c r="Y5" s="230" t="s">
        <v>45</v>
      </c>
      <c r="Z5" s="231" t="s">
        <v>47</v>
      </c>
      <c r="AA5" s="232" t="s">
        <v>48</v>
      </c>
      <c r="AB5" s="232" t="s">
        <v>49</v>
      </c>
      <c r="AC5" s="233" t="s">
        <v>50</v>
      </c>
      <c r="AD5" s="230" t="s">
        <v>51</v>
      </c>
      <c r="AE5" s="234" t="s">
        <v>45</v>
      </c>
      <c r="AF5" s="526"/>
      <c r="AG5" s="229" t="s">
        <v>43</v>
      </c>
      <c r="AH5" s="230" t="s">
        <v>44</v>
      </c>
      <c r="AI5" s="230" t="s">
        <v>45</v>
      </c>
      <c r="AJ5" s="231" t="s">
        <v>47</v>
      </c>
      <c r="AK5" s="232" t="s">
        <v>48</v>
      </c>
      <c r="AL5" s="232" t="s">
        <v>49</v>
      </c>
      <c r="AM5" s="233" t="s">
        <v>50</v>
      </c>
      <c r="AN5" s="230" t="s">
        <v>51</v>
      </c>
      <c r="AO5" s="234" t="s">
        <v>45</v>
      </c>
      <c r="AP5" s="519"/>
    </row>
    <row r="6" spans="2:43" ht="21" customHeight="1" x14ac:dyDescent="0.2">
      <c r="B6" s="84" t="s">
        <v>4</v>
      </c>
      <c r="C6" s="211">
        <v>0</v>
      </c>
      <c r="D6" s="213">
        <v>0</v>
      </c>
      <c r="E6" s="213">
        <v>0</v>
      </c>
      <c r="F6" s="214">
        <v>11</v>
      </c>
      <c r="G6" s="212">
        <v>45</v>
      </c>
      <c r="H6" s="212">
        <v>326</v>
      </c>
      <c r="I6" s="212">
        <v>437</v>
      </c>
      <c r="J6" s="213">
        <v>279</v>
      </c>
      <c r="K6" s="236">
        <v>1098</v>
      </c>
      <c r="L6" s="237">
        <v>1098</v>
      </c>
      <c r="M6" s="211">
        <v>0</v>
      </c>
      <c r="N6" s="213">
        <v>0</v>
      </c>
      <c r="O6" s="236">
        <v>0</v>
      </c>
      <c r="P6" s="216">
        <v>68</v>
      </c>
      <c r="Q6" s="212">
        <v>148</v>
      </c>
      <c r="R6" s="212">
        <v>222</v>
      </c>
      <c r="S6" s="212">
        <v>269</v>
      </c>
      <c r="T6" s="213">
        <v>137</v>
      </c>
      <c r="U6" s="236">
        <v>844</v>
      </c>
      <c r="V6" s="215">
        <v>844</v>
      </c>
      <c r="W6" s="216">
        <v>0</v>
      </c>
      <c r="X6" s="213">
        <v>0</v>
      </c>
      <c r="Y6" s="213">
        <v>0</v>
      </c>
      <c r="Z6" s="214">
        <v>0</v>
      </c>
      <c r="AA6" s="212">
        <v>0</v>
      </c>
      <c r="AB6" s="212">
        <v>0</v>
      </c>
      <c r="AC6" s="212">
        <v>0</v>
      </c>
      <c r="AD6" s="213">
        <v>0</v>
      </c>
      <c r="AE6" s="236">
        <v>0</v>
      </c>
      <c r="AF6" s="237">
        <v>0</v>
      </c>
      <c r="AG6" s="211">
        <v>0</v>
      </c>
      <c r="AH6" s="213">
        <v>0</v>
      </c>
      <c r="AI6" s="213">
        <v>0</v>
      </c>
      <c r="AJ6" s="214">
        <v>0</v>
      </c>
      <c r="AK6" s="212">
        <v>2</v>
      </c>
      <c r="AL6" s="212">
        <v>2</v>
      </c>
      <c r="AM6" s="212">
        <v>14</v>
      </c>
      <c r="AN6" s="213">
        <v>24</v>
      </c>
      <c r="AO6" s="236">
        <v>42</v>
      </c>
      <c r="AP6" s="238">
        <v>42</v>
      </c>
      <c r="AQ6" s="239"/>
    </row>
    <row r="7" spans="2:43" ht="21" customHeight="1" x14ac:dyDescent="0.2">
      <c r="B7" s="95" t="s">
        <v>5</v>
      </c>
      <c r="C7" s="217">
        <v>0</v>
      </c>
      <c r="D7" s="219">
        <v>0</v>
      </c>
      <c r="E7" s="219">
        <v>0</v>
      </c>
      <c r="F7" s="220">
        <v>9</v>
      </c>
      <c r="G7" s="218">
        <v>32</v>
      </c>
      <c r="H7" s="218">
        <v>164</v>
      </c>
      <c r="I7" s="218">
        <v>191</v>
      </c>
      <c r="J7" s="219">
        <v>113</v>
      </c>
      <c r="K7" s="240">
        <v>509</v>
      </c>
      <c r="L7" s="241">
        <v>509</v>
      </c>
      <c r="M7" s="217">
        <v>0</v>
      </c>
      <c r="N7" s="219">
        <v>0</v>
      </c>
      <c r="O7" s="240">
        <v>0</v>
      </c>
      <c r="P7" s="222">
        <v>36</v>
      </c>
      <c r="Q7" s="218">
        <v>77</v>
      </c>
      <c r="R7" s="218">
        <v>108</v>
      </c>
      <c r="S7" s="218">
        <v>134</v>
      </c>
      <c r="T7" s="219">
        <v>79</v>
      </c>
      <c r="U7" s="240">
        <v>434</v>
      </c>
      <c r="V7" s="221">
        <v>434</v>
      </c>
      <c r="W7" s="222">
        <v>0</v>
      </c>
      <c r="X7" s="219">
        <v>0</v>
      </c>
      <c r="Y7" s="219">
        <v>0</v>
      </c>
      <c r="Z7" s="220">
        <v>0</v>
      </c>
      <c r="AA7" s="218">
        <v>0</v>
      </c>
      <c r="AB7" s="218">
        <v>0</v>
      </c>
      <c r="AC7" s="218">
        <v>0</v>
      </c>
      <c r="AD7" s="219">
        <v>0</v>
      </c>
      <c r="AE7" s="240">
        <v>0</v>
      </c>
      <c r="AF7" s="241">
        <v>0</v>
      </c>
      <c r="AG7" s="217">
        <v>0</v>
      </c>
      <c r="AH7" s="219">
        <v>0</v>
      </c>
      <c r="AI7" s="219">
        <v>0</v>
      </c>
      <c r="AJ7" s="220">
        <v>0</v>
      </c>
      <c r="AK7" s="218">
        <v>0</v>
      </c>
      <c r="AL7" s="218">
        <v>0</v>
      </c>
      <c r="AM7" s="218">
        <v>5</v>
      </c>
      <c r="AN7" s="219">
        <v>6</v>
      </c>
      <c r="AO7" s="240">
        <v>11</v>
      </c>
      <c r="AP7" s="242">
        <v>11</v>
      </c>
      <c r="AQ7" s="239"/>
    </row>
    <row r="8" spans="2:43" ht="21" customHeight="1" x14ac:dyDescent="0.2">
      <c r="B8" s="106" t="s">
        <v>6</v>
      </c>
      <c r="C8" s="217">
        <v>0</v>
      </c>
      <c r="D8" s="219">
        <v>0</v>
      </c>
      <c r="E8" s="219">
        <v>0</v>
      </c>
      <c r="F8" s="220">
        <v>2</v>
      </c>
      <c r="G8" s="218">
        <v>8</v>
      </c>
      <c r="H8" s="218">
        <v>36</v>
      </c>
      <c r="I8" s="218">
        <v>54</v>
      </c>
      <c r="J8" s="219">
        <v>38</v>
      </c>
      <c r="K8" s="240">
        <v>138</v>
      </c>
      <c r="L8" s="241">
        <v>138</v>
      </c>
      <c r="M8" s="217">
        <v>0</v>
      </c>
      <c r="N8" s="219">
        <v>0</v>
      </c>
      <c r="O8" s="240">
        <v>0</v>
      </c>
      <c r="P8" s="222">
        <v>9</v>
      </c>
      <c r="Q8" s="218">
        <v>21</v>
      </c>
      <c r="R8" s="218">
        <v>27</v>
      </c>
      <c r="S8" s="218">
        <v>39</v>
      </c>
      <c r="T8" s="219">
        <v>19</v>
      </c>
      <c r="U8" s="240">
        <v>115</v>
      </c>
      <c r="V8" s="221">
        <v>115</v>
      </c>
      <c r="W8" s="222">
        <v>0</v>
      </c>
      <c r="X8" s="219">
        <v>0</v>
      </c>
      <c r="Y8" s="219">
        <v>0</v>
      </c>
      <c r="Z8" s="220">
        <v>0</v>
      </c>
      <c r="AA8" s="218">
        <v>0</v>
      </c>
      <c r="AB8" s="218">
        <v>0</v>
      </c>
      <c r="AC8" s="218">
        <v>0</v>
      </c>
      <c r="AD8" s="219">
        <v>0</v>
      </c>
      <c r="AE8" s="240">
        <v>0</v>
      </c>
      <c r="AF8" s="241">
        <v>0</v>
      </c>
      <c r="AG8" s="217">
        <v>0</v>
      </c>
      <c r="AH8" s="219">
        <v>0</v>
      </c>
      <c r="AI8" s="219">
        <v>0</v>
      </c>
      <c r="AJ8" s="220">
        <v>0</v>
      </c>
      <c r="AK8" s="218">
        <v>1</v>
      </c>
      <c r="AL8" s="218">
        <v>0</v>
      </c>
      <c r="AM8" s="218">
        <v>2</v>
      </c>
      <c r="AN8" s="219">
        <v>1</v>
      </c>
      <c r="AO8" s="240">
        <v>4</v>
      </c>
      <c r="AP8" s="242">
        <v>4</v>
      </c>
      <c r="AQ8" s="239"/>
    </row>
    <row r="9" spans="2:43" ht="21" customHeight="1" x14ac:dyDescent="0.2">
      <c r="B9" s="106" t="s">
        <v>14</v>
      </c>
      <c r="C9" s="217">
        <v>0</v>
      </c>
      <c r="D9" s="219">
        <v>0</v>
      </c>
      <c r="E9" s="219">
        <v>0</v>
      </c>
      <c r="F9" s="220">
        <v>0</v>
      </c>
      <c r="G9" s="218">
        <v>0</v>
      </c>
      <c r="H9" s="218">
        <v>24</v>
      </c>
      <c r="I9" s="218">
        <v>45</v>
      </c>
      <c r="J9" s="219">
        <v>23</v>
      </c>
      <c r="K9" s="240">
        <v>92</v>
      </c>
      <c r="L9" s="241">
        <v>92</v>
      </c>
      <c r="M9" s="217">
        <v>0</v>
      </c>
      <c r="N9" s="219">
        <v>0</v>
      </c>
      <c r="O9" s="240">
        <v>0</v>
      </c>
      <c r="P9" s="222">
        <v>2</v>
      </c>
      <c r="Q9" s="218">
        <v>9</v>
      </c>
      <c r="R9" s="218">
        <v>7</v>
      </c>
      <c r="S9" s="218">
        <v>13</v>
      </c>
      <c r="T9" s="219">
        <v>4</v>
      </c>
      <c r="U9" s="240">
        <v>35</v>
      </c>
      <c r="V9" s="221">
        <v>35</v>
      </c>
      <c r="W9" s="222">
        <v>0</v>
      </c>
      <c r="X9" s="219">
        <v>0</v>
      </c>
      <c r="Y9" s="219">
        <v>0</v>
      </c>
      <c r="Z9" s="220">
        <v>0</v>
      </c>
      <c r="AA9" s="218">
        <v>0</v>
      </c>
      <c r="AB9" s="218">
        <v>0</v>
      </c>
      <c r="AC9" s="218">
        <v>0</v>
      </c>
      <c r="AD9" s="219">
        <v>0</v>
      </c>
      <c r="AE9" s="240">
        <v>0</v>
      </c>
      <c r="AF9" s="241">
        <v>0</v>
      </c>
      <c r="AG9" s="217">
        <v>0</v>
      </c>
      <c r="AH9" s="219">
        <v>0</v>
      </c>
      <c r="AI9" s="219">
        <v>0</v>
      </c>
      <c r="AJ9" s="220">
        <v>0</v>
      </c>
      <c r="AK9" s="218">
        <v>0</v>
      </c>
      <c r="AL9" s="218">
        <v>1</v>
      </c>
      <c r="AM9" s="218">
        <v>2</v>
      </c>
      <c r="AN9" s="219">
        <v>5</v>
      </c>
      <c r="AO9" s="240">
        <v>8</v>
      </c>
      <c r="AP9" s="242">
        <v>8</v>
      </c>
      <c r="AQ9" s="239"/>
    </row>
    <row r="10" spans="2:43" ht="21" customHeight="1" x14ac:dyDescent="0.2">
      <c r="B10" s="106" t="s">
        <v>7</v>
      </c>
      <c r="C10" s="217">
        <v>0</v>
      </c>
      <c r="D10" s="219">
        <v>0</v>
      </c>
      <c r="E10" s="219">
        <v>0</v>
      </c>
      <c r="F10" s="220">
        <v>0</v>
      </c>
      <c r="G10" s="218">
        <v>0</v>
      </c>
      <c r="H10" s="218">
        <v>9</v>
      </c>
      <c r="I10" s="218">
        <v>16</v>
      </c>
      <c r="J10" s="219">
        <v>8</v>
      </c>
      <c r="K10" s="240">
        <v>33</v>
      </c>
      <c r="L10" s="241">
        <v>33</v>
      </c>
      <c r="M10" s="217">
        <v>0</v>
      </c>
      <c r="N10" s="219">
        <v>0</v>
      </c>
      <c r="O10" s="240">
        <v>0</v>
      </c>
      <c r="P10" s="222">
        <v>1</v>
      </c>
      <c r="Q10" s="218">
        <v>3</v>
      </c>
      <c r="R10" s="218">
        <v>6</v>
      </c>
      <c r="S10" s="218">
        <v>6</v>
      </c>
      <c r="T10" s="219">
        <v>3</v>
      </c>
      <c r="U10" s="240">
        <v>19</v>
      </c>
      <c r="V10" s="221">
        <v>19</v>
      </c>
      <c r="W10" s="222">
        <v>0</v>
      </c>
      <c r="X10" s="219">
        <v>0</v>
      </c>
      <c r="Y10" s="219">
        <v>0</v>
      </c>
      <c r="Z10" s="220">
        <v>0</v>
      </c>
      <c r="AA10" s="218">
        <v>0</v>
      </c>
      <c r="AB10" s="218">
        <v>0</v>
      </c>
      <c r="AC10" s="218">
        <v>0</v>
      </c>
      <c r="AD10" s="219">
        <v>0</v>
      </c>
      <c r="AE10" s="240">
        <v>0</v>
      </c>
      <c r="AF10" s="241">
        <v>0</v>
      </c>
      <c r="AG10" s="217">
        <v>0</v>
      </c>
      <c r="AH10" s="219">
        <v>0</v>
      </c>
      <c r="AI10" s="219">
        <v>0</v>
      </c>
      <c r="AJ10" s="220">
        <v>0</v>
      </c>
      <c r="AK10" s="218">
        <v>0</v>
      </c>
      <c r="AL10" s="218">
        <v>0</v>
      </c>
      <c r="AM10" s="218">
        <v>0</v>
      </c>
      <c r="AN10" s="219">
        <v>0</v>
      </c>
      <c r="AO10" s="240">
        <v>0</v>
      </c>
      <c r="AP10" s="242">
        <v>0</v>
      </c>
      <c r="AQ10" s="239"/>
    </row>
    <row r="11" spans="2:43" ht="21" customHeight="1" x14ac:dyDescent="0.2">
      <c r="B11" s="106" t="s">
        <v>8</v>
      </c>
      <c r="C11" s="217">
        <v>0</v>
      </c>
      <c r="D11" s="219">
        <v>0</v>
      </c>
      <c r="E11" s="219">
        <v>0</v>
      </c>
      <c r="F11" s="220">
        <v>0</v>
      </c>
      <c r="G11" s="218">
        <v>0</v>
      </c>
      <c r="H11" s="218">
        <v>6</v>
      </c>
      <c r="I11" s="218">
        <v>6</v>
      </c>
      <c r="J11" s="219">
        <v>9</v>
      </c>
      <c r="K11" s="240">
        <v>21</v>
      </c>
      <c r="L11" s="241">
        <v>21</v>
      </c>
      <c r="M11" s="217">
        <v>0</v>
      </c>
      <c r="N11" s="219">
        <v>0</v>
      </c>
      <c r="O11" s="240">
        <v>0</v>
      </c>
      <c r="P11" s="222">
        <v>1</v>
      </c>
      <c r="Q11" s="218">
        <v>3</v>
      </c>
      <c r="R11" s="218">
        <v>6</v>
      </c>
      <c r="S11" s="218">
        <v>5</v>
      </c>
      <c r="T11" s="219">
        <v>1</v>
      </c>
      <c r="U11" s="240">
        <v>16</v>
      </c>
      <c r="V11" s="221">
        <v>16</v>
      </c>
      <c r="W11" s="222">
        <v>0</v>
      </c>
      <c r="X11" s="219">
        <v>0</v>
      </c>
      <c r="Y11" s="219">
        <v>0</v>
      </c>
      <c r="Z11" s="220">
        <v>0</v>
      </c>
      <c r="AA11" s="218">
        <v>0</v>
      </c>
      <c r="AB11" s="218">
        <v>0</v>
      </c>
      <c r="AC11" s="218">
        <v>0</v>
      </c>
      <c r="AD11" s="219">
        <v>0</v>
      </c>
      <c r="AE11" s="240">
        <v>0</v>
      </c>
      <c r="AF11" s="241">
        <v>0</v>
      </c>
      <c r="AG11" s="217">
        <v>0</v>
      </c>
      <c r="AH11" s="219">
        <v>0</v>
      </c>
      <c r="AI11" s="219">
        <v>0</v>
      </c>
      <c r="AJ11" s="220">
        <v>0</v>
      </c>
      <c r="AK11" s="218">
        <v>0</v>
      </c>
      <c r="AL11" s="218">
        <v>0</v>
      </c>
      <c r="AM11" s="218">
        <v>0</v>
      </c>
      <c r="AN11" s="219">
        <v>0</v>
      </c>
      <c r="AO11" s="240">
        <v>0</v>
      </c>
      <c r="AP11" s="242">
        <v>0</v>
      </c>
      <c r="AQ11" s="239"/>
    </row>
    <row r="12" spans="2:43" ht="21" customHeight="1" x14ac:dyDescent="0.2">
      <c r="B12" s="106" t="s">
        <v>9</v>
      </c>
      <c r="C12" s="217">
        <v>0</v>
      </c>
      <c r="D12" s="219">
        <v>0</v>
      </c>
      <c r="E12" s="219">
        <v>0</v>
      </c>
      <c r="F12" s="220">
        <v>0</v>
      </c>
      <c r="G12" s="218">
        <v>0</v>
      </c>
      <c r="H12" s="218">
        <v>14</v>
      </c>
      <c r="I12" s="218">
        <v>21</v>
      </c>
      <c r="J12" s="219">
        <v>12</v>
      </c>
      <c r="K12" s="240">
        <v>47</v>
      </c>
      <c r="L12" s="241">
        <v>47</v>
      </c>
      <c r="M12" s="217">
        <v>0</v>
      </c>
      <c r="N12" s="219">
        <v>0</v>
      </c>
      <c r="O12" s="240">
        <v>0</v>
      </c>
      <c r="P12" s="222">
        <v>3</v>
      </c>
      <c r="Q12" s="218">
        <v>6</v>
      </c>
      <c r="R12" s="218">
        <v>8</v>
      </c>
      <c r="S12" s="218">
        <v>5</v>
      </c>
      <c r="T12" s="219">
        <v>6</v>
      </c>
      <c r="U12" s="240">
        <v>28</v>
      </c>
      <c r="V12" s="221">
        <v>28</v>
      </c>
      <c r="W12" s="222">
        <v>0</v>
      </c>
      <c r="X12" s="219">
        <v>0</v>
      </c>
      <c r="Y12" s="219">
        <v>0</v>
      </c>
      <c r="Z12" s="220">
        <v>0</v>
      </c>
      <c r="AA12" s="218">
        <v>0</v>
      </c>
      <c r="AB12" s="218">
        <v>0</v>
      </c>
      <c r="AC12" s="218">
        <v>0</v>
      </c>
      <c r="AD12" s="219">
        <v>0</v>
      </c>
      <c r="AE12" s="240">
        <v>0</v>
      </c>
      <c r="AF12" s="241">
        <v>0</v>
      </c>
      <c r="AG12" s="217">
        <v>0</v>
      </c>
      <c r="AH12" s="219">
        <v>0</v>
      </c>
      <c r="AI12" s="219">
        <v>0</v>
      </c>
      <c r="AJ12" s="220">
        <v>0</v>
      </c>
      <c r="AK12" s="218">
        <v>0</v>
      </c>
      <c r="AL12" s="218">
        <v>0</v>
      </c>
      <c r="AM12" s="218">
        <v>0</v>
      </c>
      <c r="AN12" s="219">
        <v>0</v>
      </c>
      <c r="AO12" s="240">
        <v>0</v>
      </c>
      <c r="AP12" s="242">
        <v>0</v>
      </c>
      <c r="AQ12" s="239"/>
    </row>
    <row r="13" spans="2:43" ht="21" customHeight="1" x14ac:dyDescent="0.2">
      <c r="B13" s="106" t="s">
        <v>10</v>
      </c>
      <c r="C13" s="217">
        <v>0</v>
      </c>
      <c r="D13" s="219">
        <v>0</v>
      </c>
      <c r="E13" s="219">
        <v>0</v>
      </c>
      <c r="F13" s="220">
        <v>0</v>
      </c>
      <c r="G13" s="218">
        <v>0</v>
      </c>
      <c r="H13" s="218">
        <v>10</v>
      </c>
      <c r="I13" s="218">
        <v>19</v>
      </c>
      <c r="J13" s="219">
        <v>18</v>
      </c>
      <c r="K13" s="240">
        <v>47</v>
      </c>
      <c r="L13" s="241">
        <v>47</v>
      </c>
      <c r="M13" s="217">
        <v>0</v>
      </c>
      <c r="N13" s="219">
        <v>0</v>
      </c>
      <c r="O13" s="240">
        <v>0</v>
      </c>
      <c r="P13" s="222">
        <v>4</v>
      </c>
      <c r="Q13" s="218">
        <v>2</v>
      </c>
      <c r="R13" s="218">
        <v>6</v>
      </c>
      <c r="S13" s="218">
        <v>14</v>
      </c>
      <c r="T13" s="219">
        <v>2</v>
      </c>
      <c r="U13" s="240">
        <v>28</v>
      </c>
      <c r="V13" s="221">
        <v>28</v>
      </c>
      <c r="W13" s="222">
        <v>0</v>
      </c>
      <c r="X13" s="219">
        <v>0</v>
      </c>
      <c r="Y13" s="219">
        <v>0</v>
      </c>
      <c r="Z13" s="220">
        <v>0</v>
      </c>
      <c r="AA13" s="218">
        <v>0</v>
      </c>
      <c r="AB13" s="218">
        <v>0</v>
      </c>
      <c r="AC13" s="218">
        <v>0</v>
      </c>
      <c r="AD13" s="219">
        <v>0</v>
      </c>
      <c r="AE13" s="240">
        <v>0</v>
      </c>
      <c r="AF13" s="241">
        <v>0</v>
      </c>
      <c r="AG13" s="217">
        <v>0</v>
      </c>
      <c r="AH13" s="219">
        <v>0</v>
      </c>
      <c r="AI13" s="219">
        <v>0</v>
      </c>
      <c r="AJ13" s="220">
        <v>0</v>
      </c>
      <c r="AK13" s="218">
        <v>0</v>
      </c>
      <c r="AL13" s="218">
        <v>1</v>
      </c>
      <c r="AM13" s="218">
        <v>0</v>
      </c>
      <c r="AN13" s="219">
        <v>2</v>
      </c>
      <c r="AO13" s="240">
        <v>3</v>
      </c>
      <c r="AP13" s="242">
        <v>3</v>
      </c>
      <c r="AQ13" s="239"/>
    </row>
    <row r="14" spans="2:43" ht="21" customHeight="1" x14ac:dyDescent="0.2">
      <c r="B14" s="106" t="s">
        <v>11</v>
      </c>
      <c r="C14" s="217">
        <v>0</v>
      </c>
      <c r="D14" s="219">
        <v>0</v>
      </c>
      <c r="E14" s="219">
        <v>0</v>
      </c>
      <c r="F14" s="220">
        <v>0</v>
      </c>
      <c r="G14" s="218">
        <v>0</v>
      </c>
      <c r="H14" s="218">
        <v>7</v>
      </c>
      <c r="I14" s="218">
        <v>8</v>
      </c>
      <c r="J14" s="219">
        <v>6</v>
      </c>
      <c r="K14" s="240">
        <v>21</v>
      </c>
      <c r="L14" s="241">
        <v>21</v>
      </c>
      <c r="M14" s="217">
        <v>0</v>
      </c>
      <c r="N14" s="219">
        <v>0</v>
      </c>
      <c r="O14" s="240">
        <v>0</v>
      </c>
      <c r="P14" s="222">
        <v>0</v>
      </c>
      <c r="Q14" s="218">
        <v>2</v>
      </c>
      <c r="R14" s="218">
        <v>6</v>
      </c>
      <c r="S14" s="218">
        <v>6</v>
      </c>
      <c r="T14" s="219">
        <v>2</v>
      </c>
      <c r="U14" s="240">
        <v>16</v>
      </c>
      <c r="V14" s="221">
        <v>16</v>
      </c>
      <c r="W14" s="222">
        <v>0</v>
      </c>
      <c r="X14" s="219">
        <v>0</v>
      </c>
      <c r="Y14" s="219">
        <v>0</v>
      </c>
      <c r="Z14" s="220">
        <v>0</v>
      </c>
      <c r="AA14" s="218">
        <v>0</v>
      </c>
      <c r="AB14" s="218">
        <v>0</v>
      </c>
      <c r="AC14" s="218">
        <v>0</v>
      </c>
      <c r="AD14" s="219">
        <v>0</v>
      </c>
      <c r="AE14" s="240">
        <v>0</v>
      </c>
      <c r="AF14" s="241">
        <v>0</v>
      </c>
      <c r="AG14" s="217">
        <v>0</v>
      </c>
      <c r="AH14" s="219">
        <v>0</v>
      </c>
      <c r="AI14" s="219">
        <v>0</v>
      </c>
      <c r="AJ14" s="220">
        <v>0</v>
      </c>
      <c r="AK14" s="218">
        <v>0</v>
      </c>
      <c r="AL14" s="218">
        <v>0</v>
      </c>
      <c r="AM14" s="218">
        <v>0</v>
      </c>
      <c r="AN14" s="219">
        <v>1</v>
      </c>
      <c r="AO14" s="240">
        <v>1</v>
      </c>
      <c r="AP14" s="242">
        <v>1</v>
      </c>
      <c r="AQ14" s="239"/>
    </row>
    <row r="15" spans="2:43" ht="21" customHeight="1" x14ac:dyDescent="0.2">
      <c r="B15" s="106" t="s">
        <v>12</v>
      </c>
      <c r="C15" s="217">
        <v>0</v>
      </c>
      <c r="D15" s="219">
        <v>0</v>
      </c>
      <c r="E15" s="219">
        <v>0</v>
      </c>
      <c r="F15" s="220">
        <v>0</v>
      </c>
      <c r="G15" s="218">
        <v>0</v>
      </c>
      <c r="H15" s="218">
        <v>3</v>
      </c>
      <c r="I15" s="218">
        <v>16</v>
      </c>
      <c r="J15" s="219">
        <v>3</v>
      </c>
      <c r="K15" s="240">
        <v>22</v>
      </c>
      <c r="L15" s="241">
        <v>22</v>
      </c>
      <c r="M15" s="217">
        <v>0</v>
      </c>
      <c r="N15" s="219">
        <v>0</v>
      </c>
      <c r="O15" s="240">
        <v>0</v>
      </c>
      <c r="P15" s="222">
        <v>1</v>
      </c>
      <c r="Q15" s="218">
        <v>4</v>
      </c>
      <c r="R15" s="218">
        <v>6</v>
      </c>
      <c r="S15" s="218">
        <v>10</v>
      </c>
      <c r="T15" s="219">
        <v>1</v>
      </c>
      <c r="U15" s="240">
        <v>22</v>
      </c>
      <c r="V15" s="221">
        <v>22</v>
      </c>
      <c r="W15" s="222">
        <v>0</v>
      </c>
      <c r="X15" s="219">
        <v>0</v>
      </c>
      <c r="Y15" s="219">
        <v>0</v>
      </c>
      <c r="Z15" s="220">
        <v>0</v>
      </c>
      <c r="AA15" s="218">
        <v>0</v>
      </c>
      <c r="AB15" s="218">
        <v>0</v>
      </c>
      <c r="AC15" s="218">
        <v>0</v>
      </c>
      <c r="AD15" s="219">
        <v>0</v>
      </c>
      <c r="AE15" s="240">
        <v>0</v>
      </c>
      <c r="AF15" s="241">
        <v>0</v>
      </c>
      <c r="AG15" s="217">
        <v>0</v>
      </c>
      <c r="AH15" s="219">
        <v>0</v>
      </c>
      <c r="AI15" s="219">
        <v>0</v>
      </c>
      <c r="AJ15" s="220">
        <v>0</v>
      </c>
      <c r="AK15" s="218">
        <v>0</v>
      </c>
      <c r="AL15" s="218">
        <v>0</v>
      </c>
      <c r="AM15" s="218">
        <v>3</v>
      </c>
      <c r="AN15" s="219">
        <v>0</v>
      </c>
      <c r="AO15" s="240">
        <v>3</v>
      </c>
      <c r="AP15" s="242">
        <v>3</v>
      </c>
      <c r="AQ15" s="239"/>
    </row>
    <row r="16" spans="2:43" ht="21" customHeight="1" x14ac:dyDescent="0.2">
      <c r="B16" s="106" t="s">
        <v>13</v>
      </c>
      <c r="C16" s="217">
        <v>0</v>
      </c>
      <c r="D16" s="219">
        <v>0</v>
      </c>
      <c r="E16" s="219">
        <v>0</v>
      </c>
      <c r="F16" s="220">
        <v>0</v>
      </c>
      <c r="G16" s="218">
        <v>0</v>
      </c>
      <c r="H16" s="218">
        <v>3</v>
      </c>
      <c r="I16" s="218">
        <v>4</v>
      </c>
      <c r="J16" s="219">
        <v>4</v>
      </c>
      <c r="K16" s="240">
        <v>11</v>
      </c>
      <c r="L16" s="241">
        <v>11</v>
      </c>
      <c r="M16" s="217">
        <v>0</v>
      </c>
      <c r="N16" s="219">
        <v>0</v>
      </c>
      <c r="O16" s="240">
        <v>0</v>
      </c>
      <c r="P16" s="222">
        <v>0</v>
      </c>
      <c r="Q16" s="218">
        <v>2</v>
      </c>
      <c r="R16" s="218">
        <v>1</v>
      </c>
      <c r="S16" s="218">
        <v>3</v>
      </c>
      <c r="T16" s="219">
        <v>2</v>
      </c>
      <c r="U16" s="240">
        <v>8</v>
      </c>
      <c r="V16" s="221">
        <v>8</v>
      </c>
      <c r="W16" s="222">
        <v>0</v>
      </c>
      <c r="X16" s="219">
        <v>0</v>
      </c>
      <c r="Y16" s="219">
        <v>0</v>
      </c>
      <c r="Z16" s="220">
        <v>0</v>
      </c>
      <c r="AA16" s="218">
        <v>0</v>
      </c>
      <c r="AB16" s="218">
        <v>0</v>
      </c>
      <c r="AC16" s="218">
        <v>0</v>
      </c>
      <c r="AD16" s="219">
        <v>0</v>
      </c>
      <c r="AE16" s="240">
        <v>0</v>
      </c>
      <c r="AF16" s="241">
        <v>0</v>
      </c>
      <c r="AG16" s="217">
        <v>0</v>
      </c>
      <c r="AH16" s="219">
        <v>0</v>
      </c>
      <c r="AI16" s="219">
        <v>0</v>
      </c>
      <c r="AJ16" s="220">
        <v>0</v>
      </c>
      <c r="AK16" s="218">
        <v>0</v>
      </c>
      <c r="AL16" s="218">
        <v>0</v>
      </c>
      <c r="AM16" s="218">
        <v>0</v>
      </c>
      <c r="AN16" s="219">
        <v>0</v>
      </c>
      <c r="AO16" s="240">
        <v>0</v>
      </c>
      <c r="AP16" s="242">
        <v>0</v>
      </c>
      <c r="AQ16" s="239"/>
    </row>
    <row r="17" spans="2:43" ht="21" customHeight="1" x14ac:dyDescent="0.2">
      <c r="B17" s="106" t="s">
        <v>15</v>
      </c>
      <c r="C17" s="217">
        <v>0</v>
      </c>
      <c r="D17" s="219">
        <v>0</v>
      </c>
      <c r="E17" s="219">
        <v>0</v>
      </c>
      <c r="F17" s="220">
        <v>0</v>
      </c>
      <c r="G17" s="218">
        <v>0</v>
      </c>
      <c r="H17" s="218">
        <v>1</v>
      </c>
      <c r="I17" s="218">
        <v>2</v>
      </c>
      <c r="J17" s="219">
        <v>2</v>
      </c>
      <c r="K17" s="240">
        <v>5</v>
      </c>
      <c r="L17" s="241">
        <v>5</v>
      </c>
      <c r="M17" s="217">
        <v>0</v>
      </c>
      <c r="N17" s="219">
        <v>0</v>
      </c>
      <c r="O17" s="240">
        <v>0</v>
      </c>
      <c r="P17" s="222">
        <v>0</v>
      </c>
      <c r="Q17" s="218">
        <v>1</v>
      </c>
      <c r="R17" s="218">
        <v>2</v>
      </c>
      <c r="S17" s="218">
        <v>0</v>
      </c>
      <c r="T17" s="219">
        <v>0</v>
      </c>
      <c r="U17" s="240">
        <v>3</v>
      </c>
      <c r="V17" s="221">
        <v>3</v>
      </c>
      <c r="W17" s="222">
        <v>0</v>
      </c>
      <c r="X17" s="219">
        <v>0</v>
      </c>
      <c r="Y17" s="219">
        <v>0</v>
      </c>
      <c r="Z17" s="220">
        <v>0</v>
      </c>
      <c r="AA17" s="218">
        <v>0</v>
      </c>
      <c r="AB17" s="218">
        <v>0</v>
      </c>
      <c r="AC17" s="218">
        <v>0</v>
      </c>
      <c r="AD17" s="219">
        <v>0</v>
      </c>
      <c r="AE17" s="240">
        <v>0</v>
      </c>
      <c r="AF17" s="241">
        <v>0</v>
      </c>
      <c r="AG17" s="217">
        <v>0</v>
      </c>
      <c r="AH17" s="219">
        <v>0</v>
      </c>
      <c r="AI17" s="219">
        <v>0</v>
      </c>
      <c r="AJ17" s="220">
        <v>0</v>
      </c>
      <c r="AK17" s="218">
        <v>0</v>
      </c>
      <c r="AL17" s="218">
        <v>0</v>
      </c>
      <c r="AM17" s="218">
        <v>0</v>
      </c>
      <c r="AN17" s="219">
        <v>0</v>
      </c>
      <c r="AO17" s="240">
        <v>0</v>
      </c>
      <c r="AP17" s="242">
        <v>0</v>
      </c>
      <c r="AQ17" s="239"/>
    </row>
    <row r="18" spans="2:43" ht="21" customHeight="1" x14ac:dyDescent="0.2">
      <c r="B18" s="106" t="s">
        <v>16</v>
      </c>
      <c r="C18" s="217">
        <v>0</v>
      </c>
      <c r="D18" s="219">
        <v>0</v>
      </c>
      <c r="E18" s="219">
        <v>0</v>
      </c>
      <c r="F18" s="220">
        <v>0</v>
      </c>
      <c r="G18" s="218">
        <v>0</v>
      </c>
      <c r="H18" s="218">
        <v>6</v>
      </c>
      <c r="I18" s="218">
        <v>9</v>
      </c>
      <c r="J18" s="219">
        <v>6</v>
      </c>
      <c r="K18" s="240">
        <v>21</v>
      </c>
      <c r="L18" s="241">
        <v>21</v>
      </c>
      <c r="M18" s="217">
        <v>0</v>
      </c>
      <c r="N18" s="219">
        <v>0</v>
      </c>
      <c r="O18" s="240">
        <v>0</v>
      </c>
      <c r="P18" s="222">
        <v>0</v>
      </c>
      <c r="Q18" s="218">
        <v>1</v>
      </c>
      <c r="R18" s="218">
        <v>6</v>
      </c>
      <c r="S18" s="218">
        <v>6</v>
      </c>
      <c r="T18" s="219">
        <v>2</v>
      </c>
      <c r="U18" s="240">
        <v>15</v>
      </c>
      <c r="V18" s="221">
        <v>15</v>
      </c>
      <c r="W18" s="222">
        <v>0</v>
      </c>
      <c r="X18" s="219">
        <v>0</v>
      </c>
      <c r="Y18" s="219">
        <v>0</v>
      </c>
      <c r="Z18" s="220">
        <v>0</v>
      </c>
      <c r="AA18" s="218">
        <v>0</v>
      </c>
      <c r="AB18" s="218">
        <v>0</v>
      </c>
      <c r="AC18" s="218">
        <v>0</v>
      </c>
      <c r="AD18" s="219">
        <v>0</v>
      </c>
      <c r="AE18" s="240">
        <v>0</v>
      </c>
      <c r="AF18" s="241">
        <v>0</v>
      </c>
      <c r="AG18" s="217">
        <v>0</v>
      </c>
      <c r="AH18" s="219">
        <v>0</v>
      </c>
      <c r="AI18" s="219">
        <v>0</v>
      </c>
      <c r="AJ18" s="220">
        <v>0</v>
      </c>
      <c r="AK18" s="218">
        <v>0</v>
      </c>
      <c r="AL18" s="218">
        <v>0</v>
      </c>
      <c r="AM18" s="218">
        <v>0</v>
      </c>
      <c r="AN18" s="219">
        <v>1</v>
      </c>
      <c r="AO18" s="240">
        <v>1</v>
      </c>
      <c r="AP18" s="242">
        <v>1</v>
      </c>
      <c r="AQ18" s="239"/>
    </row>
    <row r="19" spans="2:43" ht="21" customHeight="1" x14ac:dyDescent="0.2">
      <c r="B19" s="106" t="s">
        <v>17</v>
      </c>
      <c r="C19" s="217">
        <v>0</v>
      </c>
      <c r="D19" s="219">
        <v>0</v>
      </c>
      <c r="E19" s="219">
        <v>0</v>
      </c>
      <c r="F19" s="220">
        <v>0</v>
      </c>
      <c r="G19" s="218">
        <v>1</v>
      </c>
      <c r="H19" s="218">
        <v>6</v>
      </c>
      <c r="I19" s="218">
        <v>7</v>
      </c>
      <c r="J19" s="219">
        <v>7</v>
      </c>
      <c r="K19" s="240">
        <v>21</v>
      </c>
      <c r="L19" s="241">
        <v>21</v>
      </c>
      <c r="M19" s="217">
        <v>0</v>
      </c>
      <c r="N19" s="219">
        <v>0</v>
      </c>
      <c r="O19" s="240">
        <v>0</v>
      </c>
      <c r="P19" s="222">
        <v>2</v>
      </c>
      <c r="Q19" s="218">
        <v>8</v>
      </c>
      <c r="R19" s="218">
        <v>15</v>
      </c>
      <c r="S19" s="218">
        <v>9</v>
      </c>
      <c r="T19" s="219">
        <v>4</v>
      </c>
      <c r="U19" s="240">
        <v>38</v>
      </c>
      <c r="V19" s="221">
        <v>38</v>
      </c>
      <c r="W19" s="222">
        <v>0</v>
      </c>
      <c r="X19" s="219">
        <v>0</v>
      </c>
      <c r="Y19" s="219">
        <v>0</v>
      </c>
      <c r="Z19" s="220">
        <v>0</v>
      </c>
      <c r="AA19" s="218">
        <v>0</v>
      </c>
      <c r="AB19" s="218">
        <v>0</v>
      </c>
      <c r="AC19" s="218">
        <v>0</v>
      </c>
      <c r="AD19" s="219">
        <v>0</v>
      </c>
      <c r="AE19" s="240">
        <v>0</v>
      </c>
      <c r="AF19" s="241">
        <v>0</v>
      </c>
      <c r="AG19" s="217">
        <v>0</v>
      </c>
      <c r="AH19" s="219">
        <v>0</v>
      </c>
      <c r="AI19" s="219">
        <v>0</v>
      </c>
      <c r="AJ19" s="220">
        <v>0</v>
      </c>
      <c r="AK19" s="218">
        <v>0</v>
      </c>
      <c r="AL19" s="218">
        <v>0</v>
      </c>
      <c r="AM19" s="218">
        <v>0</v>
      </c>
      <c r="AN19" s="219">
        <v>1</v>
      </c>
      <c r="AO19" s="240">
        <v>1</v>
      </c>
      <c r="AP19" s="242">
        <v>1</v>
      </c>
      <c r="AQ19" s="239"/>
    </row>
    <row r="20" spans="2:43" ht="21" customHeight="1" x14ac:dyDescent="0.2">
      <c r="B20" s="106" t="s">
        <v>18</v>
      </c>
      <c r="C20" s="217">
        <v>0</v>
      </c>
      <c r="D20" s="219">
        <v>0</v>
      </c>
      <c r="E20" s="219">
        <v>0</v>
      </c>
      <c r="F20" s="220">
        <v>0</v>
      </c>
      <c r="G20" s="218">
        <v>1</v>
      </c>
      <c r="H20" s="218">
        <v>9</v>
      </c>
      <c r="I20" s="218">
        <v>7</v>
      </c>
      <c r="J20" s="219">
        <v>11</v>
      </c>
      <c r="K20" s="240">
        <v>28</v>
      </c>
      <c r="L20" s="241">
        <v>28</v>
      </c>
      <c r="M20" s="217">
        <v>0</v>
      </c>
      <c r="N20" s="219">
        <v>0</v>
      </c>
      <c r="O20" s="240">
        <v>0</v>
      </c>
      <c r="P20" s="222">
        <v>2</v>
      </c>
      <c r="Q20" s="218">
        <v>0</v>
      </c>
      <c r="R20" s="218">
        <v>5</v>
      </c>
      <c r="S20" s="218">
        <v>5</v>
      </c>
      <c r="T20" s="219">
        <v>3</v>
      </c>
      <c r="U20" s="240">
        <v>15</v>
      </c>
      <c r="V20" s="221">
        <v>15</v>
      </c>
      <c r="W20" s="222">
        <v>0</v>
      </c>
      <c r="X20" s="219">
        <v>0</v>
      </c>
      <c r="Y20" s="219">
        <v>0</v>
      </c>
      <c r="Z20" s="220">
        <v>0</v>
      </c>
      <c r="AA20" s="218">
        <v>0</v>
      </c>
      <c r="AB20" s="218">
        <v>0</v>
      </c>
      <c r="AC20" s="218">
        <v>0</v>
      </c>
      <c r="AD20" s="219">
        <v>0</v>
      </c>
      <c r="AE20" s="240">
        <v>0</v>
      </c>
      <c r="AF20" s="241">
        <v>0</v>
      </c>
      <c r="AG20" s="217">
        <v>0</v>
      </c>
      <c r="AH20" s="219">
        <v>0</v>
      </c>
      <c r="AI20" s="219">
        <v>0</v>
      </c>
      <c r="AJ20" s="220">
        <v>0</v>
      </c>
      <c r="AK20" s="218">
        <v>0</v>
      </c>
      <c r="AL20" s="218">
        <v>0</v>
      </c>
      <c r="AM20" s="218">
        <v>0</v>
      </c>
      <c r="AN20" s="219">
        <v>1</v>
      </c>
      <c r="AO20" s="240">
        <v>1</v>
      </c>
      <c r="AP20" s="242">
        <v>1</v>
      </c>
      <c r="AQ20" s="239"/>
    </row>
    <row r="21" spans="2:43" ht="21" customHeight="1" x14ac:dyDescent="0.2">
      <c r="B21" s="106" t="s">
        <v>19</v>
      </c>
      <c r="C21" s="217">
        <v>0</v>
      </c>
      <c r="D21" s="219">
        <v>0</v>
      </c>
      <c r="E21" s="219">
        <v>0</v>
      </c>
      <c r="F21" s="220">
        <v>0</v>
      </c>
      <c r="G21" s="218">
        <v>0</v>
      </c>
      <c r="H21" s="218">
        <v>4</v>
      </c>
      <c r="I21" s="218">
        <v>3</v>
      </c>
      <c r="J21" s="219">
        <v>2</v>
      </c>
      <c r="K21" s="240">
        <v>9</v>
      </c>
      <c r="L21" s="241">
        <v>9</v>
      </c>
      <c r="M21" s="217">
        <v>0</v>
      </c>
      <c r="N21" s="219">
        <v>0</v>
      </c>
      <c r="O21" s="240">
        <v>0</v>
      </c>
      <c r="P21" s="222">
        <v>1</v>
      </c>
      <c r="Q21" s="218">
        <v>2</v>
      </c>
      <c r="R21" s="218">
        <v>4</v>
      </c>
      <c r="S21" s="218">
        <v>1</v>
      </c>
      <c r="T21" s="219">
        <v>1</v>
      </c>
      <c r="U21" s="240">
        <v>9</v>
      </c>
      <c r="V21" s="221">
        <v>9</v>
      </c>
      <c r="W21" s="222">
        <v>0</v>
      </c>
      <c r="X21" s="219">
        <v>0</v>
      </c>
      <c r="Y21" s="219">
        <v>0</v>
      </c>
      <c r="Z21" s="220">
        <v>0</v>
      </c>
      <c r="AA21" s="218">
        <v>0</v>
      </c>
      <c r="AB21" s="218">
        <v>0</v>
      </c>
      <c r="AC21" s="218">
        <v>0</v>
      </c>
      <c r="AD21" s="219">
        <v>0</v>
      </c>
      <c r="AE21" s="240">
        <v>0</v>
      </c>
      <c r="AF21" s="241">
        <v>0</v>
      </c>
      <c r="AG21" s="217">
        <v>0</v>
      </c>
      <c r="AH21" s="219">
        <v>0</v>
      </c>
      <c r="AI21" s="219">
        <v>0</v>
      </c>
      <c r="AJ21" s="220">
        <v>0</v>
      </c>
      <c r="AK21" s="218">
        <v>0</v>
      </c>
      <c r="AL21" s="218">
        <v>0</v>
      </c>
      <c r="AM21" s="218">
        <v>0</v>
      </c>
      <c r="AN21" s="219">
        <v>0</v>
      </c>
      <c r="AO21" s="240">
        <v>0</v>
      </c>
      <c r="AP21" s="242">
        <v>0</v>
      </c>
      <c r="AQ21" s="239"/>
    </row>
    <row r="22" spans="2:43" ht="21" customHeight="1" x14ac:dyDescent="0.2">
      <c r="B22" s="106" t="s">
        <v>20</v>
      </c>
      <c r="C22" s="217">
        <v>0</v>
      </c>
      <c r="D22" s="219">
        <v>0</v>
      </c>
      <c r="E22" s="219">
        <v>0</v>
      </c>
      <c r="F22" s="220">
        <v>0</v>
      </c>
      <c r="G22" s="218">
        <v>2</v>
      </c>
      <c r="H22" s="218">
        <v>2</v>
      </c>
      <c r="I22" s="218">
        <v>7</v>
      </c>
      <c r="J22" s="219">
        <v>6</v>
      </c>
      <c r="K22" s="240">
        <v>17</v>
      </c>
      <c r="L22" s="241">
        <v>17</v>
      </c>
      <c r="M22" s="217">
        <v>0</v>
      </c>
      <c r="N22" s="219">
        <v>0</v>
      </c>
      <c r="O22" s="240">
        <v>0</v>
      </c>
      <c r="P22" s="222">
        <v>1</v>
      </c>
      <c r="Q22" s="218">
        <v>1</v>
      </c>
      <c r="R22" s="218">
        <v>0</v>
      </c>
      <c r="S22" s="218">
        <v>4</v>
      </c>
      <c r="T22" s="219">
        <v>0</v>
      </c>
      <c r="U22" s="240">
        <v>6</v>
      </c>
      <c r="V22" s="221">
        <v>6</v>
      </c>
      <c r="W22" s="222">
        <v>0</v>
      </c>
      <c r="X22" s="219">
        <v>0</v>
      </c>
      <c r="Y22" s="219">
        <v>0</v>
      </c>
      <c r="Z22" s="220">
        <v>0</v>
      </c>
      <c r="AA22" s="218">
        <v>0</v>
      </c>
      <c r="AB22" s="218">
        <v>0</v>
      </c>
      <c r="AC22" s="218">
        <v>0</v>
      </c>
      <c r="AD22" s="219">
        <v>0</v>
      </c>
      <c r="AE22" s="240">
        <v>0</v>
      </c>
      <c r="AF22" s="241">
        <v>0</v>
      </c>
      <c r="AG22" s="217">
        <v>0</v>
      </c>
      <c r="AH22" s="219">
        <v>0</v>
      </c>
      <c r="AI22" s="219">
        <v>0</v>
      </c>
      <c r="AJ22" s="220">
        <v>0</v>
      </c>
      <c r="AK22" s="218">
        <v>0</v>
      </c>
      <c r="AL22" s="218">
        <v>0</v>
      </c>
      <c r="AM22" s="218">
        <v>0</v>
      </c>
      <c r="AN22" s="219">
        <v>0</v>
      </c>
      <c r="AO22" s="240">
        <v>0</v>
      </c>
      <c r="AP22" s="242">
        <v>0</v>
      </c>
      <c r="AQ22" s="239"/>
    </row>
    <row r="23" spans="2:43" ht="21" customHeight="1" x14ac:dyDescent="0.2">
      <c r="B23" s="106" t="s">
        <v>21</v>
      </c>
      <c r="C23" s="217">
        <v>0</v>
      </c>
      <c r="D23" s="219">
        <v>0</v>
      </c>
      <c r="E23" s="219">
        <v>0</v>
      </c>
      <c r="F23" s="220">
        <v>0</v>
      </c>
      <c r="G23" s="218">
        <v>0</v>
      </c>
      <c r="H23" s="218">
        <v>6</v>
      </c>
      <c r="I23" s="218">
        <v>7</v>
      </c>
      <c r="J23" s="219">
        <v>2</v>
      </c>
      <c r="K23" s="240">
        <v>15</v>
      </c>
      <c r="L23" s="241">
        <v>15</v>
      </c>
      <c r="M23" s="217">
        <v>0</v>
      </c>
      <c r="N23" s="219">
        <v>0</v>
      </c>
      <c r="O23" s="240">
        <v>0</v>
      </c>
      <c r="P23" s="222">
        <v>0</v>
      </c>
      <c r="Q23" s="218">
        <v>3</v>
      </c>
      <c r="R23" s="218">
        <v>2</v>
      </c>
      <c r="S23" s="218">
        <v>1</v>
      </c>
      <c r="T23" s="219">
        <v>0</v>
      </c>
      <c r="U23" s="240">
        <v>6</v>
      </c>
      <c r="V23" s="221">
        <v>6</v>
      </c>
      <c r="W23" s="222">
        <v>0</v>
      </c>
      <c r="X23" s="219">
        <v>0</v>
      </c>
      <c r="Y23" s="219">
        <v>0</v>
      </c>
      <c r="Z23" s="220">
        <v>0</v>
      </c>
      <c r="AA23" s="218">
        <v>0</v>
      </c>
      <c r="AB23" s="218">
        <v>0</v>
      </c>
      <c r="AC23" s="218">
        <v>0</v>
      </c>
      <c r="AD23" s="219">
        <v>0</v>
      </c>
      <c r="AE23" s="240">
        <v>0</v>
      </c>
      <c r="AF23" s="241">
        <v>0</v>
      </c>
      <c r="AG23" s="217">
        <v>0</v>
      </c>
      <c r="AH23" s="219">
        <v>0</v>
      </c>
      <c r="AI23" s="219">
        <v>0</v>
      </c>
      <c r="AJ23" s="220">
        <v>0</v>
      </c>
      <c r="AK23" s="218">
        <v>0</v>
      </c>
      <c r="AL23" s="218">
        <v>0</v>
      </c>
      <c r="AM23" s="218">
        <v>1</v>
      </c>
      <c r="AN23" s="219">
        <v>1</v>
      </c>
      <c r="AO23" s="240">
        <v>2</v>
      </c>
      <c r="AP23" s="242">
        <v>2</v>
      </c>
      <c r="AQ23" s="239"/>
    </row>
    <row r="24" spans="2:43" ht="21" customHeight="1" x14ac:dyDescent="0.2">
      <c r="B24" s="106" t="s">
        <v>22</v>
      </c>
      <c r="C24" s="217">
        <v>0</v>
      </c>
      <c r="D24" s="219">
        <v>0</v>
      </c>
      <c r="E24" s="219">
        <v>0</v>
      </c>
      <c r="F24" s="220">
        <v>0</v>
      </c>
      <c r="G24" s="218">
        <v>1</v>
      </c>
      <c r="H24" s="218">
        <v>1</v>
      </c>
      <c r="I24" s="218">
        <v>0</v>
      </c>
      <c r="J24" s="219">
        <v>0</v>
      </c>
      <c r="K24" s="240">
        <v>2</v>
      </c>
      <c r="L24" s="241">
        <v>2</v>
      </c>
      <c r="M24" s="217">
        <v>0</v>
      </c>
      <c r="N24" s="219">
        <v>0</v>
      </c>
      <c r="O24" s="240">
        <v>0</v>
      </c>
      <c r="P24" s="222">
        <v>0</v>
      </c>
      <c r="Q24" s="218">
        <v>1</v>
      </c>
      <c r="R24" s="218">
        <v>0</v>
      </c>
      <c r="S24" s="218">
        <v>1</v>
      </c>
      <c r="T24" s="219">
        <v>1</v>
      </c>
      <c r="U24" s="240">
        <v>3</v>
      </c>
      <c r="V24" s="221">
        <v>3</v>
      </c>
      <c r="W24" s="222">
        <v>0</v>
      </c>
      <c r="X24" s="219">
        <v>0</v>
      </c>
      <c r="Y24" s="219">
        <v>0</v>
      </c>
      <c r="Z24" s="220">
        <v>0</v>
      </c>
      <c r="AA24" s="218">
        <v>0</v>
      </c>
      <c r="AB24" s="218">
        <v>0</v>
      </c>
      <c r="AC24" s="218">
        <v>0</v>
      </c>
      <c r="AD24" s="219">
        <v>0</v>
      </c>
      <c r="AE24" s="240">
        <v>0</v>
      </c>
      <c r="AF24" s="241">
        <v>0</v>
      </c>
      <c r="AG24" s="217">
        <v>0</v>
      </c>
      <c r="AH24" s="219">
        <v>0</v>
      </c>
      <c r="AI24" s="219">
        <v>0</v>
      </c>
      <c r="AJ24" s="220">
        <v>0</v>
      </c>
      <c r="AK24" s="218">
        <v>0</v>
      </c>
      <c r="AL24" s="218">
        <v>0</v>
      </c>
      <c r="AM24" s="218">
        <v>0</v>
      </c>
      <c r="AN24" s="219">
        <v>0</v>
      </c>
      <c r="AO24" s="240">
        <v>0</v>
      </c>
      <c r="AP24" s="242">
        <v>0</v>
      </c>
      <c r="AQ24" s="239"/>
    </row>
    <row r="25" spans="2:43" ht="21" customHeight="1" x14ac:dyDescent="0.2">
      <c r="B25" s="106" t="s">
        <v>23</v>
      </c>
      <c r="C25" s="217">
        <v>0</v>
      </c>
      <c r="D25" s="219">
        <v>0</v>
      </c>
      <c r="E25" s="219">
        <v>0</v>
      </c>
      <c r="F25" s="220">
        <v>0</v>
      </c>
      <c r="G25" s="218">
        <v>0</v>
      </c>
      <c r="H25" s="218">
        <v>4</v>
      </c>
      <c r="I25" s="218">
        <v>3</v>
      </c>
      <c r="J25" s="219">
        <v>2</v>
      </c>
      <c r="K25" s="240">
        <v>9</v>
      </c>
      <c r="L25" s="241">
        <v>9</v>
      </c>
      <c r="M25" s="217">
        <v>0</v>
      </c>
      <c r="N25" s="219">
        <v>0</v>
      </c>
      <c r="O25" s="240">
        <v>0</v>
      </c>
      <c r="P25" s="222">
        <v>0</v>
      </c>
      <c r="Q25" s="218">
        <v>0</v>
      </c>
      <c r="R25" s="218">
        <v>0</v>
      </c>
      <c r="S25" s="218">
        <v>0</v>
      </c>
      <c r="T25" s="219">
        <v>2</v>
      </c>
      <c r="U25" s="240">
        <v>2</v>
      </c>
      <c r="V25" s="221">
        <v>2</v>
      </c>
      <c r="W25" s="222">
        <v>0</v>
      </c>
      <c r="X25" s="219">
        <v>0</v>
      </c>
      <c r="Y25" s="219">
        <v>0</v>
      </c>
      <c r="Z25" s="220">
        <v>0</v>
      </c>
      <c r="AA25" s="218">
        <v>0</v>
      </c>
      <c r="AB25" s="218">
        <v>0</v>
      </c>
      <c r="AC25" s="218">
        <v>0</v>
      </c>
      <c r="AD25" s="219">
        <v>0</v>
      </c>
      <c r="AE25" s="240">
        <v>0</v>
      </c>
      <c r="AF25" s="241">
        <v>0</v>
      </c>
      <c r="AG25" s="217">
        <v>0</v>
      </c>
      <c r="AH25" s="219">
        <v>0</v>
      </c>
      <c r="AI25" s="219">
        <v>0</v>
      </c>
      <c r="AJ25" s="220">
        <v>0</v>
      </c>
      <c r="AK25" s="218">
        <v>0</v>
      </c>
      <c r="AL25" s="218">
        <v>0</v>
      </c>
      <c r="AM25" s="218">
        <v>0</v>
      </c>
      <c r="AN25" s="219">
        <v>1</v>
      </c>
      <c r="AO25" s="240">
        <v>1</v>
      </c>
      <c r="AP25" s="242">
        <v>1</v>
      </c>
      <c r="AQ25" s="239"/>
    </row>
    <row r="26" spans="2:43" ht="21" customHeight="1" x14ac:dyDescent="0.2">
      <c r="B26" s="106" t="s">
        <v>24</v>
      </c>
      <c r="C26" s="217">
        <v>0</v>
      </c>
      <c r="D26" s="219">
        <v>0</v>
      </c>
      <c r="E26" s="219">
        <v>0</v>
      </c>
      <c r="F26" s="220">
        <v>0</v>
      </c>
      <c r="G26" s="218">
        <v>0</v>
      </c>
      <c r="H26" s="218">
        <v>2</v>
      </c>
      <c r="I26" s="218">
        <v>4</v>
      </c>
      <c r="J26" s="219">
        <v>0</v>
      </c>
      <c r="K26" s="240">
        <v>6</v>
      </c>
      <c r="L26" s="241">
        <v>6</v>
      </c>
      <c r="M26" s="217">
        <v>0</v>
      </c>
      <c r="N26" s="219">
        <v>0</v>
      </c>
      <c r="O26" s="240">
        <v>0</v>
      </c>
      <c r="P26" s="222">
        <v>0</v>
      </c>
      <c r="Q26" s="218">
        <v>0</v>
      </c>
      <c r="R26" s="218">
        <v>1</v>
      </c>
      <c r="S26" s="218">
        <v>0</v>
      </c>
      <c r="T26" s="219">
        <v>1</v>
      </c>
      <c r="U26" s="240">
        <v>2</v>
      </c>
      <c r="V26" s="221">
        <v>2</v>
      </c>
      <c r="W26" s="222">
        <v>0</v>
      </c>
      <c r="X26" s="219">
        <v>0</v>
      </c>
      <c r="Y26" s="219">
        <v>0</v>
      </c>
      <c r="Z26" s="220">
        <v>0</v>
      </c>
      <c r="AA26" s="218">
        <v>0</v>
      </c>
      <c r="AB26" s="218">
        <v>0</v>
      </c>
      <c r="AC26" s="218">
        <v>0</v>
      </c>
      <c r="AD26" s="219">
        <v>0</v>
      </c>
      <c r="AE26" s="240">
        <v>0</v>
      </c>
      <c r="AF26" s="241">
        <v>0</v>
      </c>
      <c r="AG26" s="217">
        <v>0</v>
      </c>
      <c r="AH26" s="219">
        <v>0</v>
      </c>
      <c r="AI26" s="219">
        <v>0</v>
      </c>
      <c r="AJ26" s="220">
        <v>0</v>
      </c>
      <c r="AK26" s="218">
        <v>0</v>
      </c>
      <c r="AL26" s="218">
        <v>0</v>
      </c>
      <c r="AM26" s="218">
        <v>0</v>
      </c>
      <c r="AN26" s="219">
        <v>0</v>
      </c>
      <c r="AO26" s="240">
        <v>0</v>
      </c>
      <c r="AP26" s="242">
        <v>0</v>
      </c>
      <c r="AQ26" s="239"/>
    </row>
    <row r="27" spans="2:43" ht="21" customHeight="1" x14ac:dyDescent="0.2">
      <c r="B27" s="106" t="s">
        <v>25</v>
      </c>
      <c r="C27" s="217">
        <v>0</v>
      </c>
      <c r="D27" s="219">
        <v>0</v>
      </c>
      <c r="E27" s="219">
        <v>0</v>
      </c>
      <c r="F27" s="220">
        <v>0</v>
      </c>
      <c r="G27" s="218">
        <v>0</v>
      </c>
      <c r="H27" s="218">
        <v>3</v>
      </c>
      <c r="I27" s="218">
        <v>2</v>
      </c>
      <c r="J27" s="219">
        <v>2</v>
      </c>
      <c r="K27" s="240">
        <v>7</v>
      </c>
      <c r="L27" s="241">
        <v>7</v>
      </c>
      <c r="M27" s="217">
        <v>0</v>
      </c>
      <c r="N27" s="219">
        <v>0</v>
      </c>
      <c r="O27" s="240">
        <v>0</v>
      </c>
      <c r="P27" s="222">
        <v>2</v>
      </c>
      <c r="Q27" s="218">
        <v>2</v>
      </c>
      <c r="R27" s="218">
        <v>1</v>
      </c>
      <c r="S27" s="218">
        <v>2</v>
      </c>
      <c r="T27" s="219">
        <v>3</v>
      </c>
      <c r="U27" s="240">
        <v>10</v>
      </c>
      <c r="V27" s="221">
        <v>10</v>
      </c>
      <c r="W27" s="222">
        <v>0</v>
      </c>
      <c r="X27" s="219">
        <v>0</v>
      </c>
      <c r="Y27" s="219">
        <v>0</v>
      </c>
      <c r="Z27" s="220">
        <v>0</v>
      </c>
      <c r="AA27" s="218">
        <v>0</v>
      </c>
      <c r="AB27" s="218">
        <v>0</v>
      </c>
      <c r="AC27" s="218">
        <v>0</v>
      </c>
      <c r="AD27" s="219">
        <v>0</v>
      </c>
      <c r="AE27" s="240">
        <v>0</v>
      </c>
      <c r="AF27" s="241">
        <v>0</v>
      </c>
      <c r="AG27" s="217">
        <v>0</v>
      </c>
      <c r="AH27" s="219">
        <v>0</v>
      </c>
      <c r="AI27" s="219">
        <v>0</v>
      </c>
      <c r="AJ27" s="220">
        <v>0</v>
      </c>
      <c r="AK27" s="218">
        <v>0</v>
      </c>
      <c r="AL27" s="218">
        <v>0</v>
      </c>
      <c r="AM27" s="218">
        <v>0</v>
      </c>
      <c r="AN27" s="219">
        <v>0</v>
      </c>
      <c r="AO27" s="240">
        <v>0</v>
      </c>
      <c r="AP27" s="242">
        <v>0</v>
      </c>
      <c r="AQ27" s="239"/>
    </row>
    <row r="28" spans="2:43" ht="21" customHeight="1" x14ac:dyDescent="0.2">
      <c r="B28" s="106" t="s">
        <v>26</v>
      </c>
      <c r="C28" s="217">
        <v>0</v>
      </c>
      <c r="D28" s="219">
        <v>0</v>
      </c>
      <c r="E28" s="219">
        <v>0</v>
      </c>
      <c r="F28" s="220">
        <v>0</v>
      </c>
      <c r="G28" s="218">
        <v>0</v>
      </c>
      <c r="H28" s="218">
        <v>1</v>
      </c>
      <c r="I28" s="218">
        <v>0</v>
      </c>
      <c r="J28" s="219">
        <v>0</v>
      </c>
      <c r="K28" s="240">
        <v>1</v>
      </c>
      <c r="L28" s="241">
        <v>1</v>
      </c>
      <c r="M28" s="217">
        <v>0</v>
      </c>
      <c r="N28" s="219">
        <v>0</v>
      </c>
      <c r="O28" s="240">
        <v>0</v>
      </c>
      <c r="P28" s="222">
        <v>0</v>
      </c>
      <c r="Q28" s="218">
        <v>0</v>
      </c>
      <c r="R28" s="218">
        <v>0</v>
      </c>
      <c r="S28" s="218">
        <v>2</v>
      </c>
      <c r="T28" s="219">
        <v>0</v>
      </c>
      <c r="U28" s="240">
        <v>2</v>
      </c>
      <c r="V28" s="221">
        <v>2</v>
      </c>
      <c r="W28" s="222">
        <v>0</v>
      </c>
      <c r="X28" s="219">
        <v>0</v>
      </c>
      <c r="Y28" s="219">
        <v>0</v>
      </c>
      <c r="Z28" s="220">
        <v>0</v>
      </c>
      <c r="AA28" s="218">
        <v>0</v>
      </c>
      <c r="AB28" s="218">
        <v>0</v>
      </c>
      <c r="AC28" s="218">
        <v>0</v>
      </c>
      <c r="AD28" s="219">
        <v>0</v>
      </c>
      <c r="AE28" s="240">
        <v>0</v>
      </c>
      <c r="AF28" s="241">
        <v>0</v>
      </c>
      <c r="AG28" s="217">
        <v>0</v>
      </c>
      <c r="AH28" s="219">
        <v>0</v>
      </c>
      <c r="AI28" s="219">
        <v>0</v>
      </c>
      <c r="AJ28" s="220">
        <v>0</v>
      </c>
      <c r="AK28" s="218">
        <v>0</v>
      </c>
      <c r="AL28" s="218">
        <v>0</v>
      </c>
      <c r="AM28" s="218">
        <v>0</v>
      </c>
      <c r="AN28" s="219">
        <v>0</v>
      </c>
      <c r="AO28" s="240">
        <v>0</v>
      </c>
      <c r="AP28" s="242">
        <v>0</v>
      </c>
      <c r="AQ28" s="239"/>
    </row>
    <row r="29" spans="2:43" ht="21" customHeight="1" x14ac:dyDescent="0.2">
      <c r="B29" s="106" t="s">
        <v>27</v>
      </c>
      <c r="C29" s="217">
        <v>0</v>
      </c>
      <c r="D29" s="219">
        <v>0</v>
      </c>
      <c r="E29" s="219">
        <v>0</v>
      </c>
      <c r="F29" s="220">
        <v>0</v>
      </c>
      <c r="G29" s="218">
        <v>0</v>
      </c>
      <c r="H29" s="218">
        <v>0</v>
      </c>
      <c r="I29" s="218">
        <v>1</v>
      </c>
      <c r="J29" s="219">
        <v>2</v>
      </c>
      <c r="K29" s="240">
        <v>3</v>
      </c>
      <c r="L29" s="241">
        <v>3</v>
      </c>
      <c r="M29" s="217">
        <v>0</v>
      </c>
      <c r="N29" s="219">
        <v>0</v>
      </c>
      <c r="O29" s="240">
        <v>0</v>
      </c>
      <c r="P29" s="222">
        <v>1</v>
      </c>
      <c r="Q29" s="218">
        <v>0</v>
      </c>
      <c r="R29" s="218">
        <v>1</v>
      </c>
      <c r="S29" s="218">
        <v>0</v>
      </c>
      <c r="T29" s="219">
        <v>0</v>
      </c>
      <c r="U29" s="240">
        <v>2</v>
      </c>
      <c r="V29" s="221">
        <v>2</v>
      </c>
      <c r="W29" s="222">
        <v>0</v>
      </c>
      <c r="X29" s="219">
        <v>0</v>
      </c>
      <c r="Y29" s="219">
        <v>0</v>
      </c>
      <c r="Z29" s="220">
        <v>0</v>
      </c>
      <c r="AA29" s="218">
        <v>0</v>
      </c>
      <c r="AB29" s="218">
        <v>0</v>
      </c>
      <c r="AC29" s="218">
        <v>0</v>
      </c>
      <c r="AD29" s="219">
        <v>0</v>
      </c>
      <c r="AE29" s="240">
        <v>0</v>
      </c>
      <c r="AF29" s="241">
        <v>0</v>
      </c>
      <c r="AG29" s="217">
        <v>0</v>
      </c>
      <c r="AH29" s="219">
        <v>0</v>
      </c>
      <c r="AI29" s="219">
        <v>0</v>
      </c>
      <c r="AJ29" s="220">
        <v>0</v>
      </c>
      <c r="AK29" s="218">
        <v>0</v>
      </c>
      <c r="AL29" s="218">
        <v>0</v>
      </c>
      <c r="AM29" s="218">
        <v>0</v>
      </c>
      <c r="AN29" s="219">
        <v>2</v>
      </c>
      <c r="AO29" s="240">
        <v>2</v>
      </c>
      <c r="AP29" s="242">
        <v>2</v>
      </c>
      <c r="AQ29" s="239"/>
    </row>
    <row r="30" spans="2:43" ht="21" customHeight="1" x14ac:dyDescent="0.2">
      <c r="B30" s="106" t="s">
        <v>28</v>
      </c>
      <c r="C30" s="217">
        <v>0</v>
      </c>
      <c r="D30" s="219">
        <v>0</v>
      </c>
      <c r="E30" s="219">
        <v>0</v>
      </c>
      <c r="F30" s="220">
        <v>0</v>
      </c>
      <c r="G30" s="218">
        <v>0</v>
      </c>
      <c r="H30" s="218">
        <v>0</v>
      </c>
      <c r="I30" s="218">
        <v>0</v>
      </c>
      <c r="J30" s="219">
        <v>0</v>
      </c>
      <c r="K30" s="240">
        <v>0</v>
      </c>
      <c r="L30" s="241">
        <v>0</v>
      </c>
      <c r="M30" s="217">
        <v>0</v>
      </c>
      <c r="N30" s="219">
        <v>0</v>
      </c>
      <c r="O30" s="240">
        <v>0</v>
      </c>
      <c r="P30" s="222">
        <v>0</v>
      </c>
      <c r="Q30" s="218">
        <v>0</v>
      </c>
      <c r="R30" s="218">
        <v>1</v>
      </c>
      <c r="S30" s="218">
        <v>0</v>
      </c>
      <c r="T30" s="219">
        <v>0</v>
      </c>
      <c r="U30" s="240">
        <v>1</v>
      </c>
      <c r="V30" s="221">
        <v>1</v>
      </c>
      <c r="W30" s="222">
        <v>0</v>
      </c>
      <c r="X30" s="219">
        <v>0</v>
      </c>
      <c r="Y30" s="219">
        <v>0</v>
      </c>
      <c r="Z30" s="220">
        <v>0</v>
      </c>
      <c r="AA30" s="218">
        <v>0</v>
      </c>
      <c r="AB30" s="218">
        <v>0</v>
      </c>
      <c r="AC30" s="218">
        <v>0</v>
      </c>
      <c r="AD30" s="219">
        <v>0</v>
      </c>
      <c r="AE30" s="240">
        <v>0</v>
      </c>
      <c r="AF30" s="241">
        <v>0</v>
      </c>
      <c r="AG30" s="217">
        <v>0</v>
      </c>
      <c r="AH30" s="219">
        <v>0</v>
      </c>
      <c r="AI30" s="219">
        <v>0</v>
      </c>
      <c r="AJ30" s="220">
        <v>0</v>
      </c>
      <c r="AK30" s="218">
        <v>0</v>
      </c>
      <c r="AL30" s="218">
        <v>0</v>
      </c>
      <c r="AM30" s="218">
        <v>0</v>
      </c>
      <c r="AN30" s="219">
        <v>0</v>
      </c>
      <c r="AO30" s="240">
        <v>0</v>
      </c>
      <c r="AP30" s="242">
        <v>0</v>
      </c>
      <c r="AQ30" s="239"/>
    </row>
    <row r="31" spans="2:43" ht="21" customHeight="1" x14ac:dyDescent="0.2">
      <c r="B31" s="106" t="s">
        <v>29</v>
      </c>
      <c r="C31" s="217">
        <v>0</v>
      </c>
      <c r="D31" s="219">
        <v>0</v>
      </c>
      <c r="E31" s="219">
        <v>0</v>
      </c>
      <c r="F31" s="220">
        <v>0</v>
      </c>
      <c r="G31" s="218">
        <v>0</v>
      </c>
      <c r="H31" s="218">
        <v>0</v>
      </c>
      <c r="I31" s="218">
        <v>0</v>
      </c>
      <c r="J31" s="219">
        <v>0</v>
      </c>
      <c r="K31" s="240">
        <v>0</v>
      </c>
      <c r="L31" s="241">
        <v>0</v>
      </c>
      <c r="M31" s="217">
        <v>0</v>
      </c>
      <c r="N31" s="219">
        <v>0</v>
      </c>
      <c r="O31" s="240">
        <v>0</v>
      </c>
      <c r="P31" s="222">
        <v>0</v>
      </c>
      <c r="Q31" s="218">
        <v>0</v>
      </c>
      <c r="R31" s="218">
        <v>0</v>
      </c>
      <c r="S31" s="218">
        <v>1</v>
      </c>
      <c r="T31" s="219">
        <v>1</v>
      </c>
      <c r="U31" s="240">
        <v>2</v>
      </c>
      <c r="V31" s="221">
        <v>2</v>
      </c>
      <c r="W31" s="222">
        <v>0</v>
      </c>
      <c r="X31" s="219">
        <v>0</v>
      </c>
      <c r="Y31" s="219">
        <v>0</v>
      </c>
      <c r="Z31" s="220">
        <v>0</v>
      </c>
      <c r="AA31" s="218">
        <v>0</v>
      </c>
      <c r="AB31" s="218">
        <v>0</v>
      </c>
      <c r="AC31" s="218">
        <v>0</v>
      </c>
      <c r="AD31" s="219">
        <v>0</v>
      </c>
      <c r="AE31" s="240">
        <v>0</v>
      </c>
      <c r="AF31" s="241">
        <v>0</v>
      </c>
      <c r="AG31" s="217">
        <v>0</v>
      </c>
      <c r="AH31" s="219">
        <v>0</v>
      </c>
      <c r="AI31" s="219">
        <v>0</v>
      </c>
      <c r="AJ31" s="220">
        <v>0</v>
      </c>
      <c r="AK31" s="218">
        <v>0</v>
      </c>
      <c r="AL31" s="218">
        <v>0</v>
      </c>
      <c r="AM31" s="218">
        <v>0</v>
      </c>
      <c r="AN31" s="219">
        <v>0</v>
      </c>
      <c r="AO31" s="240">
        <v>0</v>
      </c>
      <c r="AP31" s="242">
        <v>0</v>
      </c>
      <c r="AQ31" s="239"/>
    </row>
    <row r="32" spans="2:43" ht="21" customHeight="1" x14ac:dyDescent="0.2">
      <c r="B32" s="106" t="s">
        <v>30</v>
      </c>
      <c r="C32" s="217">
        <v>0</v>
      </c>
      <c r="D32" s="219">
        <v>0</v>
      </c>
      <c r="E32" s="219">
        <v>0</v>
      </c>
      <c r="F32" s="220">
        <v>0</v>
      </c>
      <c r="G32" s="218">
        <v>0</v>
      </c>
      <c r="H32" s="218">
        <v>1</v>
      </c>
      <c r="I32" s="218">
        <v>1</v>
      </c>
      <c r="J32" s="219">
        <v>0</v>
      </c>
      <c r="K32" s="240">
        <v>2</v>
      </c>
      <c r="L32" s="241">
        <v>2</v>
      </c>
      <c r="M32" s="217">
        <v>0</v>
      </c>
      <c r="N32" s="219">
        <v>0</v>
      </c>
      <c r="O32" s="240">
        <v>0</v>
      </c>
      <c r="P32" s="222">
        <v>1</v>
      </c>
      <c r="Q32" s="218">
        <v>0</v>
      </c>
      <c r="R32" s="218">
        <v>0</v>
      </c>
      <c r="S32" s="218">
        <v>0</v>
      </c>
      <c r="T32" s="219">
        <v>0</v>
      </c>
      <c r="U32" s="240">
        <v>1</v>
      </c>
      <c r="V32" s="221">
        <v>1</v>
      </c>
      <c r="W32" s="222">
        <v>0</v>
      </c>
      <c r="X32" s="219">
        <v>0</v>
      </c>
      <c r="Y32" s="219">
        <v>0</v>
      </c>
      <c r="Z32" s="220">
        <v>0</v>
      </c>
      <c r="AA32" s="218">
        <v>0</v>
      </c>
      <c r="AB32" s="218">
        <v>0</v>
      </c>
      <c r="AC32" s="218">
        <v>0</v>
      </c>
      <c r="AD32" s="219">
        <v>0</v>
      </c>
      <c r="AE32" s="240">
        <v>0</v>
      </c>
      <c r="AF32" s="241">
        <v>0</v>
      </c>
      <c r="AG32" s="217">
        <v>0</v>
      </c>
      <c r="AH32" s="219">
        <v>0</v>
      </c>
      <c r="AI32" s="219">
        <v>0</v>
      </c>
      <c r="AJ32" s="220">
        <v>0</v>
      </c>
      <c r="AK32" s="218">
        <v>0</v>
      </c>
      <c r="AL32" s="218">
        <v>0</v>
      </c>
      <c r="AM32" s="218">
        <v>0</v>
      </c>
      <c r="AN32" s="219">
        <v>0</v>
      </c>
      <c r="AO32" s="240">
        <v>0</v>
      </c>
      <c r="AP32" s="242">
        <v>0</v>
      </c>
      <c r="AQ32" s="239"/>
    </row>
    <row r="33" spans="2:43" ht="21" customHeight="1" x14ac:dyDescent="0.2">
      <c r="B33" s="106" t="s">
        <v>31</v>
      </c>
      <c r="C33" s="217">
        <v>0</v>
      </c>
      <c r="D33" s="219">
        <v>0</v>
      </c>
      <c r="E33" s="219">
        <v>0</v>
      </c>
      <c r="F33" s="220">
        <v>0</v>
      </c>
      <c r="G33" s="218">
        <v>0</v>
      </c>
      <c r="H33" s="218">
        <v>3</v>
      </c>
      <c r="I33" s="218">
        <v>0</v>
      </c>
      <c r="J33" s="219">
        <v>1</v>
      </c>
      <c r="K33" s="240">
        <v>4</v>
      </c>
      <c r="L33" s="241">
        <v>4</v>
      </c>
      <c r="M33" s="217">
        <v>0</v>
      </c>
      <c r="N33" s="219">
        <v>0</v>
      </c>
      <c r="O33" s="240">
        <v>0</v>
      </c>
      <c r="P33" s="222">
        <v>0</v>
      </c>
      <c r="Q33" s="218">
        <v>0</v>
      </c>
      <c r="R33" s="218">
        <v>3</v>
      </c>
      <c r="S33" s="218">
        <v>1</v>
      </c>
      <c r="T33" s="219">
        <v>0</v>
      </c>
      <c r="U33" s="240">
        <v>4</v>
      </c>
      <c r="V33" s="221">
        <v>4</v>
      </c>
      <c r="W33" s="222">
        <v>0</v>
      </c>
      <c r="X33" s="219">
        <v>0</v>
      </c>
      <c r="Y33" s="219">
        <v>0</v>
      </c>
      <c r="Z33" s="220">
        <v>0</v>
      </c>
      <c r="AA33" s="218">
        <v>0</v>
      </c>
      <c r="AB33" s="218">
        <v>0</v>
      </c>
      <c r="AC33" s="218">
        <v>0</v>
      </c>
      <c r="AD33" s="219">
        <v>0</v>
      </c>
      <c r="AE33" s="240">
        <v>0</v>
      </c>
      <c r="AF33" s="241">
        <v>0</v>
      </c>
      <c r="AG33" s="217">
        <v>0</v>
      </c>
      <c r="AH33" s="219">
        <v>0</v>
      </c>
      <c r="AI33" s="219">
        <v>0</v>
      </c>
      <c r="AJ33" s="220">
        <v>0</v>
      </c>
      <c r="AK33" s="218">
        <v>0</v>
      </c>
      <c r="AL33" s="218">
        <v>0</v>
      </c>
      <c r="AM33" s="218">
        <v>0</v>
      </c>
      <c r="AN33" s="219">
        <v>0</v>
      </c>
      <c r="AO33" s="240">
        <v>0</v>
      </c>
      <c r="AP33" s="242">
        <v>0</v>
      </c>
      <c r="AQ33" s="239"/>
    </row>
    <row r="34" spans="2:43" ht="21" customHeight="1" x14ac:dyDescent="0.2">
      <c r="B34" s="106" t="s">
        <v>32</v>
      </c>
      <c r="C34" s="217">
        <v>0</v>
      </c>
      <c r="D34" s="219">
        <v>0</v>
      </c>
      <c r="E34" s="219">
        <v>0</v>
      </c>
      <c r="F34" s="220">
        <v>0</v>
      </c>
      <c r="G34" s="218">
        <v>0</v>
      </c>
      <c r="H34" s="218">
        <v>0</v>
      </c>
      <c r="I34" s="218">
        <v>2</v>
      </c>
      <c r="J34" s="219">
        <v>1</v>
      </c>
      <c r="K34" s="240">
        <v>3</v>
      </c>
      <c r="L34" s="241">
        <v>3</v>
      </c>
      <c r="M34" s="217">
        <v>0</v>
      </c>
      <c r="N34" s="219">
        <v>0</v>
      </c>
      <c r="O34" s="240">
        <v>0</v>
      </c>
      <c r="P34" s="222">
        <v>0</v>
      </c>
      <c r="Q34" s="218">
        <v>0</v>
      </c>
      <c r="R34" s="218">
        <v>0</v>
      </c>
      <c r="S34" s="218">
        <v>1</v>
      </c>
      <c r="T34" s="219">
        <v>0</v>
      </c>
      <c r="U34" s="240">
        <v>1</v>
      </c>
      <c r="V34" s="221">
        <v>1</v>
      </c>
      <c r="W34" s="222">
        <v>0</v>
      </c>
      <c r="X34" s="219">
        <v>0</v>
      </c>
      <c r="Y34" s="219">
        <v>0</v>
      </c>
      <c r="Z34" s="220">
        <v>0</v>
      </c>
      <c r="AA34" s="218">
        <v>0</v>
      </c>
      <c r="AB34" s="218">
        <v>0</v>
      </c>
      <c r="AC34" s="218">
        <v>0</v>
      </c>
      <c r="AD34" s="219">
        <v>0</v>
      </c>
      <c r="AE34" s="240">
        <v>0</v>
      </c>
      <c r="AF34" s="241">
        <v>0</v>
      </c>
      <c r="AG34" s="217">
        <v>0</v>
      </c>
      <c r="AH34" s="219">
        <v>0</v>
      </c>
      <c r="AI34" s="219">
        <v>0</v>
      </c>
      <c r="AJ34" s="220">
        <v>0</v>
      </c>
      <c r="AK34" s="218">
        <v>0</v>
      </c>
      <c r="AL34" s="218">
        <v>0</v>
      </c>
      <c r="AM34" s="218">
        <v>0</v>
      </c>
      <c r="AN34" s="219">
        <v>0</v>
      </c>
      <c r="AO34" s="240">
        <v>0</v>
      </c>
      <c r="AP34" s="242">
        <v>0</v>
      </c>
      <c r="AQ34" s="239"/>
    </row>
    <row r="35" spans="2:43" ht="21" customHeight="1" x14ac:dyDescent="0.2">
      <c r="B35" s="106" t="s">
        <v>33</v>
      </c>
      <c r="C35" s="217">
        <v>0</v>
      </c>
      <c r="D35" s="219">
        <v>0</v>
      </c>
      <c r="E35" s="219">
        <v>0</v>
      </c>
      <c r="F35" s="220">
        <v>0</v>
      </c>
      <c r="G35" s="218">
        <v>0</v>
      </c>
      <c r="H35" s="218">
        <v>0</v>
      </c>
      <c r="I35" s="218">
        <v>0</v>
      </c>
      <c r="J35" s="219">
        <v>0</v>
      </c>
      <c r="K35" s="240">
        <v>0</v>
      </c>
      <c r="L35" s="241">
        <v>0</v>
      </c>
      <c r="M35" s="217">
        <v>0</v>
      </c>
      <c r="N35" s="219">
        <v>0</v>
      </c>
      <c r="O35" s="240">
        <v>0</v>
      </c>
      <c r="P35" s="222">
        <v>0</v>
      </c>
      <c r="Q35" s="218">
        <v>0</v>
      </c>
      <c r="R35" s="218">
        <v>0</v>
      </c>
      <c r="S35" s="218">
        <v>0</v>
      </c>
      <c r="T35" s="219">
        <v>0</v>
      </c>
      <c r="U35" s="240">
        <v>0</v>
      </c>
      <c r="V35" s="221">
        <v>0</v>
      </c>
      <c r="W35" s="222">
        <v>0</v>
      </c>
      <c r="X35" s="219">
        <v>0</v>
      </c>
      <c r="Y35" s="219">
        <v>0</v>
      </c>
      <c r="Z35" s="220">
        <v>0</v>
      </c>
      <c r="AA35" s="218">
        <v>0</v>
      </c>
      <c r="AB35" s="218">
        <v>0</v>
      </c>
      <c r="AC35" s="218">
        <v>0</v>
      </c>
      <c r="AD35" s="219">
        <v>0</v>
      </c>
      <c r="AE35" s="240">
        <v>0</v>
      </c>
      <c r="AF35" s="241">
        <v>0</v>
      </c>
      <c r="AG35" s="217">
        <v>0</v>
      </c>
      <c r="AH35" s="219">
        <v>0</v>
      </c>
      <c r="AI35" s="219">
        <v>0</v>
      </c>
      <c r="AJ35" s="220">
        <v>0</v>
      </c>
      <c r="AK35" s="218">
        <v>1</v>
      </c>
      <c r="AL35" s="218">
        <v>0</v>
      </c>
      <c r="AM35" s="218">
        <v>1</v>
      </c>
      <c r="AN35" s="219">
        <v>2</v>
      </c>
      <c r="AO35" s="240">
        <v>4</v>
      </c>
      <c r="AP35" s="242">
        <v>4</v>
      </c>
      <c r="AQ35" s="239"/>
    </row>
    <row r="36" spans="2:43" ht="21" customHeight="1" x14ac:dyDescent="0.2">
      <c r="B36" s="106" t="s">
        <v>34</v>
      </c>
      <c r="C36" s="217">
        <v>0</v>
      </c>
      <c r="D36" s="219">
        <v>0</v>
      </c>
      <c r="E36" s="219">
        <v>0</v>
      </c>
      <c r="F36" s="220">
        <v>0</v>
      </c>
      <c r="G36" s="218">
        <v>0</v>
      </c>
      <c r="H36" s="218">
        <v>0</v>
      </c>
      <c r="I36" s="218">
        <v>1</v>
      </c>
      <c r="J36" s="219">
        <v>0</v>
      </c>
      <c r="K36" s="240">
        <v>1</v>
      </c>
      <c r="L36" s="241">
        <v>1</v>
      </c>
      <c r="M36" s="217">
        <v>0</v>
      </c>
      <c r="N36" s="219">
        <v>0</v>
      </c>
      <c r="O36" s="240">
        <v>0</v>
      </c>
      <c r="P36" s="222">
        <v>0</v>
      </c>
      <c r="Q36" s="218">
        <v>0</v>
      </c>
      <c r="R36" s="218">
        <v>0</v>
      </c>
      <c r="S36" s="218">
        <v>0</v>
      </c>
      <c r="T36" s="219">
        <v>0</v>
      </c>
      <c r="U36" s="240">
        <v>0</v>
      </c>
      <c r="V36" s="221">
        <v>0</v>
      </c>
      <c r="W36" s="222">
        <v>0</v>
      </c>
      <c r="X36" s="219">
        <v>0</v>
      </c>
      <c r="Y36" s="219">
        <v>0</v>
      </c>
      <c r="Z36" s="220">
        <v>0</v>
      </c>
      <c r="AA36" s="218">
        <v>0</v>
      </c>
      <c r="AB36" s="218">
        <v>0</v>
      </c>
      <c r="AC36" s="218">
        <v>0</v>
      </c>
      <c r="AD36" s="219">
        <v>0</v>
      </c>
      <c r="AE36" s="240">
        <v>0</v>
      </c>
      <c r="AF36" s="241">
        <v>0</v>
      </c>
      <c r="AG36" s="217">
        <v>0</v>
      </c>
      <c r="AH36" s="219">
        <v>0</v>
      </c>
      <c r="AI36" s="219">
        <v>0</v>
      </c>
      <c r="AJ36" s="220">
        <v>0</v>
      </c>
      <c r="AK36" s="218">
        <v>0</v>
      </c>
      <c r="AL36" s="218">
        <v>0</v>
      </c>
      <c r="AM36" s="218">
        <v>0</v>
      </c>
      <c r="AN36" s="219">
        <v>0</v>
      </c>
      <c r="AO36" s="240">
        <v>0</v>
      </c>
      <c r="AP36" s="242">
        <v>0</v>
      </c>
      <c r="AQ36" s="239"/>
    </row>
    <row r="37" spans="2:43" ht="21" customHeight="1" x14ac:dyDescent="0.2">
      <c r="B37" s="106" t="s">
        <v>35</v>
      </c>
      <c r="C37" s="217">
        <v>0</v>
      </c>
      <c r="D37" s="219">
        <v>0</v>
      </c>
      <c r="E37" s="219">
        <v>0</v>
      </c>
      <c r="F37" s="220">
        <v>0</v>
      </c>
      <c r="G37" s="218">
        <v>0</v>
      </c>
      <c r="H37" s="218">
        <v>0</v>
      </c>
      <c r="I37" s="218">
        <v>1</v>
      </c>
      <c r="J37" s="219">
        <v>0</v>
      </c>
      <c r="K37" s="240">
        <v>1</v>
      </c>
      <c r="L37" s="241">
        <v>1</v>
      </c>
      <c r="M37" s="217">
        <v>0</v>
      </c>
      <c r="N37" s="219">
        <v>0</v>
      </c>
      <c r="O37" s="240">
        <v>0</v>
      </c>
      <c r="P37" s="222">
        <v>1</v>
      </c>
      <c r="Q37" s="218">
        <v>0</v>
      </c>
      <c r="R37" s="218">
        <v>0</v>
      </c>
      <c r="S37" s="218">
        <v>0</v>
      </c>
      <c r="T37" s="219">
        <v>0</v>
      </c>
      <c r="U37" s="240">
        <v>1</v>
      </c>
      <c r="V37" s="221">
        <v>1</v>
      </c>
      <c r="W37" s="222">
        <v>0</v>
      </c>
      <c r="X37" s="219">
        <v>0</v>
      </c>
      <c r="Y37" s="219">
        <v>0</v>
      </c>
      <c r="Z37" s="220">
        <v>0</v>
      </c>
      <c r="AA37" s="218">
        <v>0</v>
      </c>
      <c r="AB37" s="218">
        <v>0</v>
      </c>
      <c r="AC37" s="218">
        <v>0</v>
      </c>
      <c r="AD37" s="219">
        <v>0</v>
      </c>
      <c r="AE37" s="240">
        <v>0</v>
      </c>
      <c r="AF37" s="241">
        <v>0</v>
      </c>
      <c r="AG37" s="217">
        <v>0</v>
      </c>
      <c r="AH37" s="219">
        <v>0</v>
      </c>
      <c r="AI37" s="219">
        <v>0</v>
      </c>
      <c r="AJ37" s="220">
        <v>0</v>
      </c>
      <c r="AK37" s="218">
        <v>0</v>
      </c>
      <c r="AL37" s="218">
        <v>0</v>
      </c>
      <c r="AM37" s="218">
        <v>0</v>
      </c>
      <c r="AN37" s="219">
        <v>0</v>
      </c>
      <c r="AO37" s="240">
        <v>0</v>
      </c>
      <c r="AP37" s="242">
        <v>0</v>
      </c>
      <c r="AQ37" s="239"/>
    </row>
    <row r="38" spans="2:43" ht="21" customHeight="1" x14ac:dyDescent="0.2">
      <c r="B38" s="106" t="s">
        <v>36</v>
      </c>
      <c r="C38" s="217">
        <v>0</v>
      </c>
      <c r="D38" s="219">
        <v>0</v>
      </c>
      <c r="E38" s="219">
        <v>0</v>
      </c>
      <c r="F38" s="220">
        <v>0</v>
      </c>
      <c r="G38" s="218">
        <v>0</v>
      </c>
      <c r="H38" s="218">
        <v>1</v>
      </c>
      <c r="I38" s="218">
        <v>0</v>
      </c>
      <c r="J38" s="219">
        <v>1</v>
      </c>
      <c r="K38" s="240">
        <v>2</v>
      </c>
      <c r="L38" s="241">
        <v>2</v>
      </c>
      <c r="M38" s="217">
        <v>0</v>
      </c>
      <c r="N38" s="219">
        <v>0</v>
      </c>
      <c r="O38" s="240">
        <v>0</v>
      </c>
      <c r="P38" s="222">
        <v>0</v>
      </c>
      <c r="Q38" s="218">
        <v>0</v>
      </c>
      <c r="R38" s="218">
        <v>0</v>
      </c>
      <c r="S38" s="218">
        <v>0</v>
      </c>
      <c r="T38" s="219">
        <v>0</v>
      </c>
      <c r="U38" s="240">
        <v>0</v>
      </c>
      <c r="V38" s="221">
        <v>0</v>
      </c>
      <c r="W38" s="222">
        <v>0</v>
      </c>
      <c r="X38" s="219">
        <v>0</v>
      </c>
      <c r="Y38" s="219">
        <v>0</v>
      </c>
      <c r="Z38" s="220">
        <v>0</v>
      </c>
      <c r="AA38" s="218">
        <v>0</v>
      </c>
      <c r="AB38" s="218">
        <v>0</v>
      </c>
      <c r="AC38" s="218">
        <v>0</v>
      </c>
      <c r="AD38" s="219">
        <v>0</v>
      </c>
      <c r="AE38" s="240">
        <v>0</v>
      </c>
      <c r="AF38" s="241">
        <v>0</v>
      </c>
      <c r="AG38" s="217">
        <v>0</v>
      </c>
      <c r="AH38" s="219">
        <v>0</v>
      </c>
      <c r="AI38" s="219">
        <v>0</v>
      </c>
      <c r="AJ38" s="220">
        <v>0</v>
      </c>
      <c r="AK38" s="218">
        <v>0</v>
      </c>
      <c r="AL38" s="218">
        <v>0</v>
      </c>
      <c r="AM38" s="218">
        <v>0</v>
      </c>
      <c r="AN38" s="219">
        <v>0</v>
      </c>
      <c r="AO38" s="240">
        <v>0</v>
      </c>
      <c r="AP38" s="242">
        <v>0</v>
      </c>
      <c r="AQ38" s="239"/>
    </row>
    <row r="39" spans="2:43" ht="21" customHeight="1" thickBot="1" x14ac:dyDescent="0.25">
      <c r="B39" s="108" t="s">
        <v>37</v>
      </c>
      <c r="C39" s="223">
        <v>0</v>
      </c>
      <c r="D39" s="225">
        <v>0</v>
      </c>
      <c r="E39" s="225">
        <v>0</v>
      </c>
      <c r="F39" s="226">
        <v>0</v>
      </c>
      <c r="G39" s="224">
        <v>0</v>
      </c>
      <c r="H39" s="224">
        <v>0</v>
      </c>
      <c r="I39" s="224">
        <v>0</v>
      </c>
      <c r="J39" s="225">
        <v>0</v>
      </c>
      <c r="K39" s="243">
        <v>0</v>
      </c>
      <c r="L39" s="244">
        <v>0</v>
      </c>
      <c r="M39" s="223">
        <v>0</v>
      </c>
      <c r="N39" s="225">
        <v>0</v>
      </c>
      <c r="O39" s="243">
        <v>0</v>
      </c>
      <c r="P39" s="228">
        <v>0</v>
      </c>
      <c r="Q39" s="224">
        <v>0</v>
      </c>
      <c r="R39" s="224">
        <v>0</v>
      </c>
      <c r="S39" s="224">
        <v>0</v>
      </c>
      <c r="T39" s="225">
        <v>0</v>
      </c>
      <c r="U39" s="243">
        <v>0</v>
      </c>
      <c r="V39" s="227">
        <v>0</v>
      </c>
      <c r="W39" s="228">
        <v>0</v>
      </c>
      <c r="X39" s="225">
        <v>0</v>
      </c>
      <c r="Y39" s="225">
        <v>0</v>
      </c>
      <c r="Z39" s="226">
        <v>0</v>
      </c>
      <c r="AA39" s="224">
        <v>0</v>
      </c>
      <c r="AB39" s="224">
        <v>0</v>
      </c>
      <c r="AC39" s="224">
        <v>0</v>
      </c>
      <c r="AD39" s="225">
        <v>0</v>
      </c>
      <c r="AE39" s="243">
        <v>0</v>
      </c>
      <c r="AF39" s="244">
        <v>0</v>
      </c>
      <c r="AG39" s="223">
        <v>0</v>
      </c>
      <c r="AH39" s="225">
        <v>0</v>
      </c>
      <c r="AI39" s="225">
        <v>0</v>
      </c>
      <c r="AJ39" s="226">
        <v>0</v>
      </c>
      <c r="AK39" s="224">
        <v>0</v>
      </c>
      <c r="AL39" s="224">
        <v>0</v>
      </c>
      <c r="AM39" s="224">
        <v>0</v>
      </c>
      <c r="AN39" s="225">
        <v>0</v>
      </c>
      <c r="AO39" s="243">
        <v>0</v>
      </c>
      <c r="AP39" s="245">
        <v>0</v>
      </c>
      <c r="AQ39" s="239"/>
    </row>
    <row r="40" spans="2:43" x14ac:dyDescent="0.2">
      <c r="C40" s="246"/>
      <c r="D40" s="246"/>
      <c r="E40" s="246"/>
      <c r="F40" s="246"/>
      <c r="G40" s="246"/>
      <c r="H40" s="246"/>
      <c r="I40" s="246"/>
      <c r="J40" s="246"/>
      <c r="K40" s="246"/>
      <c r="L40" s="246"/>
      <c r="M40" s="239"/>
      <c r="N40" s="239"/>
      <c r="O40" s="239"/>
      <c r="P40" s="239"/>
      <c r="Q40" s="239"/>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row>
    <row r="41" spans="2:43" x14ac:dyDescent="0.2">
      <c r="C41" s="246"/>
      <c r="D41" s="246"/>
      <c r="E41" s="246"/>
      <c r="F41" s="246"/>
      <c r="G41" s="246"/>
      <c r="H41" s="246"/>
      <c r="I41" s="246"/>
      <c r="J41" s="246"/>
      <c r="K41" s="246"/>
      <c r="L41" s="246"/>
      <c r="M41" s="239"/>
      <c r="N41" s="239"/>
      <c r="O41" s="239"/>
      <c r="P41" s="239"/>
      <c r="Q41" s="239"/>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row>
    <row r="42" spans="2:43" x14ac:dyDescent="0.2">
      <c r="C42" s="246"/>
      <c r="D42" s="246"/>
      <c r="E42" s="246"/>
      <c r="F42" s="246"/>
      <c r="G42" s="246"/>
      <c r="H42" s="246"/>
      <c r="I42" s="246"/>
      <c r="J42" s="246"/>
      <c r="K42" s="246"/>
      <c r="L42" s="246"/>
      <c r="M42" s="239"/>
      <c r="N42" s="239"/>
      <c r="O42" s="239"/>
      <c r="P42" s="239"/>
      <c r="Q42" s="239"/>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row>
    <row r="43" spans="2:43" x14ac:dyDescent="0.2">
      <c r="C43" s="246"/>
      <c r="D43" s="246"/>
      <c r="E43" s="246"/>
      <c r="F43" s="246"/>
      <c r="G43" s="246"/>
      <c r="H43" s="246"/>
      <c r="I43" s="246"/>
      <c r="J43" s="246"/>
      <c r="K43" s="246"/>
      <c r="L43" s="246"/>
      <c r="M43" s="239"/>
      <c r="N43" s="239"/>
      <c r="O43" s="239"/>
      <c r="P43" s="239"/>
      <c r="Q43" s="239"/>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row>
    <row r="44" spans="2:43" x14ac:dyDescent="0.2">
      <c r="C44" s="246"/>
      <c r="D44" s="246"/>
      <c r="E44" s="246"/>
      <c r="F44" s="246"/>
      <c r="G44" s="246"/>
      <c r="H44" s="246"/>
      <c r="I44" s="246"/>
      <c r="J44" s="246"/>
      <c r="K44" s="246"/>
      <c r="L44" s="246"/>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row>
    <row r="45" spans="2:43" x14ac:dyDescent="0.2">
      <c r="C45" s="70"/>
      <c r="D45" s="70"/>
      <c r="E45" s="70"/>
      <c r="F45" s="70"/>
      <c r="G45" s="70"/>
      <c r="H45" s="70"/>
      <c r="I45" s="70"/>
      <c r="J45" s="70"/>
      <c r="K45" s="70"/>
      <c r="L45" s="70"/>
    </row>
    <row r="46" spans="2:43" x14ac:dyDescent="0.2">
      <c r="C46" s="70"/>
      <c r="D46" s="70"/>
      <c r="E46" s="70"/>
      <c r="F46" s="70"/>
      <c r="G46" s="70"/>
      <c r="H46" s="70"/>
      <c r="I46" s="70"/>
      <c r="J46" s="70"/>
      <c r="K46" s="70"/>
      <c r="L46" s="70"/>
    </row>
    <row r="47" spans="2:43" x14ac:dyDescent="0.2">
      <c r="C47" s="70"/>
      <c r="D47" s="70"/>
      <c r="E47" s="70"/>
      <c r="F47" s="70"/>
      <c r="G47" s="70"/>
      <c r="H47" s="70"/>
      <c r="I47" s="70"/>
      <c r="J47" s="70"/>
      <c r="K47" s="70"/>
      <c r="L47" s="70"/>
    </row>
    <row r="48" spans="2:43" x14ac:dyDescent="0.2">
      <c r="C48" s="70"/>
      <c r="D48" s="70"/>
      <c r="E48" s="70"/>
      <c r="F48" s="70"/>
      <c r="G48" s="70"/>
      <c r="H48" s="70"/>
      <c r="I48" s="70"/>
      <c r="J48" s="70"/>
      <c r="K48" s="70"/>
      <c r="L48" s="70"/>
    </row>
    <row r="49" spans="3:12" x14ac:dyDescent="0.2">
      <c r="C49" s="70"/>
      <c r="D49" s="70"/>
      <c r="E49" s="70"/>
      <c r="F49" s="70"/>
      <c r="G49" s="70"/>
      <c r="H49" s="70"/>
      <c r="I49" s="70"/>
      <c r="J49" s="70"/>
      <c r="K49" s="70"/>
      <c r="L49" s="70"/>
    </row>
    <row r="50" spans="3:12" x14ac:dyDescent="0.2">
      <c r="C50" s="70"/>
      <c r="D50" s="70"/>
      <c r="E50" s="70"/>
      <c r="F50" s="70"/>
      <c r="G50" s="70"/>
      <c r="H50" s="70"/>
      <c r="I50" s="70"/>
      <c r="J50" s="70"/>
      <c r="K50" s="70"/>
      <c r="L50" s="70"/>
    </row>
    <row r="51" spans="3:12" x14ac:dyDescent="0.2">
      <c r="C51" s="70"/>
      <c r="D51" s="70"/>
      <c r="E51" s="70"/>
      <c r="F51" s="70"/>
      <c r="G51" s="70"/>
      <c r="H51" s="70"/>
      <c r="I51" s="70"/>
      <c r="J51" s="70"/>
      <c r="K51" s="70"/>
      <c r="L51" s="70"/>
    </row>
    <row r="52" spans="3:12" x14ac:dyDescent="0.2">
      <c r="C52" s="70"/>
      <c r="D52" s="70"/>
      <c r="E52" s="70"/>
      <c r="F52" s="70"/>
      <c r="G52" s="70"/>
      <c r="H52" s="70"/>
      <c r="I52" s="70"/>
      <c r="J52" s="70"/>
      <c r="K52" s="70"/>
      <c r="L52" s="70"/>
    </row>
    <row r="53" spans="3:12" x14ac:dyDescent="0.2">
      <c r="C53" s="70"/>
      <c r="D53" s="70"/>
      <c r="E53" s="70"/>
      <c r="F53" s="70"/>
      <c r="G53" s="70"/>
      <c r="H53" s="70"/>
      <c r="I53" s="70"/>
      <c r="J53" s="70"/>
      <c r="K53" s="70"/>
      <c r="L53" s="70"/>
    </row>
    <row r="54" spans="3:12" x14ac:dyDescent="0.2">
      <c r="C54" s="70"/>
      <c r="D54" s="70"/>
      <c r="E54" s="70"/>
      <c r="F54" s="70"/>
      <c r="G54" s="70"/>
      <c r="H54" s="70"/>
      <c r="I54" s="70"/>
      <c r="J54" s="70"/>
      <c r="K54" s="70"/>
      <c r="L54" s="70"/>
    </row>
    <row r="55" spans="3:12" x14ac:dyDescent="0.2">
      <c r="C55" s="70"/>
      <c r="D55" s="70"/>
      <c r="E55" s="70"/>
      <c r="F55" s="70"/>
      <c r="G55" s="70"/>
      <c r="H55" s="70"/>
      <c r="I55" s="70"/>
      <c r="J55" s="70"/>
      <c r="K55" s="70"/>
      <c r="L55" s="70"/>
    </row>
    <row r="56" spans="3:12" x14ac:dyDescent="0.2">
      <c r="C56" s="70"/>
      <c r="D56" s="70"/>
      <c r="E56" s="70"/>
      <c r="F56" s="70"/>
      <c r="G56" s="70"/>
      <c r="H56" s="70"/>
      <c r="I56" s="70"/>
      <c r="J56" s="70"/>
      <c r="K56" s="70"/>
      <c r="L56" s="70"/>
    </row>
    <row r="57" spans="3:12" x14ac:dyDescent="0.2">
      <c r="C57" s="70"/>
      <c r="D57" s="70"/>
      <c r="E57" s="70"/>
      <c r="F57" s="70"/>
      <c r="G57" s="70"/>
      <c r="H57" s="70"/>
      <c r="I57" s="70"/>
      <c r="J57" s="70"/>
      <c r="K57" s="70"/>
      <c r="L57" s="70"/>
    </row>
    <row r="58" spans="3:12" x14ac:dyDescent="0.2">
      <c r="C58" s="70"/>
      <c r="D58" s="70"/>
      <c r="E58" s="70"/>
      <c r="F58" s="70"/>
      <c r="G58" s="70"/>
      <c r="H58" s="70"/>
      <c r="I58" s="70"/>
      <c r="J58" s="70"/>
      <c r="K58" s="70"/>
      <c r="L58" s="70"/>
    </row>
    <row r="59" spans="3:12" x14ac:dyDescent="0.2">
      <c r="C59" s="70"/>
      <c r="D59" s="70"/>
      <c r="E59" s="70"/>
      <c r="F59" s="70"/>
      <c r="G59" s="70"/>
      <c r="H59" s="70"/>
      <c r="I59" s="70"/>
      <c r="J59" s="70"/>
      <c r="K59" s="70"/>
      <c r="L59" s="70"/>
    </row>
    <row r="60" spans="3:12" x14ac:dyDescent="0.2">
      <c r="C60" s="70"/>
      <c r="D60" s="70"/>
      <c r="E60" s="70"/>
      <c r="F60" s="70"/>
      <c r="G60" s="70"/>
      <c r="H60" s="70"/>
      <c r="I60" s="70"/>
      <c r="J60" s="70"/>
      <c r="K60" s="70"/>
      <c r="L60" s="70"/>
    </row>
    <row r="61" spans="3:12" x14ac:dyDescent="0.2">
      <c r="C61" s="70"/>
      <c r="D61" s="70"/>
      <c r="E61" s="70"/>
      <c r="F61" s="70"/>
      <c r="G61" s="70"/>
      <c r="H61" s="70"/>
      <c r="I61" s="70"/>
      <c r="J61" s="70"/>
      <c r="K61" s="70"/>
      <c r="L61" s="70"/>
    </row>
    <row r="62" spans="3:12" x14ac:dyDescent="0.2">
      <c r="C62" s="70"/>
      <c r="D62" s="70"/>
      <c r="E62" s="70"/>
      <c r="F62" s="70"/>
      <c r="G62" s="70"/>
      <c r="H62" s="70"/>
      <c r="I62" s="70"/>
      <c r="J62" s="70"/>
      <c r="K62" s="70"/>
      <c r="L62" s="70"/>
    </row>
    <row r="63" spans="3:12" x14ac:dyDescent="0.2">
      <c r="C63" s="70"/>
      <c r="D63" s="70"/>
      <c r="E63" s="70"/>
      <c r="F63" s="70"/>
      <c r="G63" s="70"/>
      <c r="H63" s="70"/>
      <c r="I63" s="70"/>
      <c r="J63" s="70"/>
      <c r="K63" s="70"/>
      <c r="L63" s="70"/>
    </row>
    <row r="64" spans="3:12" x14ac:dyDescent="0.2">
      <c r="C64" s="70"/>
      <c r="D64" s="70"/>
      <c r="E64" s="70"/>
      <c r="F64" s="70"/>
      <c r="G64" s="70"/>
      <c r="H64" s="70"/>
      <c r="I64" s="70"/>
      <c r="J64" s="70"/>
      <c r="K64" s="70"/>
      <c r="L64" s="70"/>
    </row>
    <row r="65" spans="3:12" x14ac:dyDescent="0.2">
      <c r="C65" s="70"/>
      <c r="D65" s="70"/>
      <c r="E65" s="70"/>
      <c r="F65" s="70"/>
      <c r="G65" s="70"/>
      <c r="H65" s="70"/>
      <c r="I65" s="70"/>
      <c r="J65" s="70"/>
      <c r="K65" s="70"/>
      <c r="L65" s="70"/>
    </row>
    <row r="66" spans="3:12" x14ac:dyDescent="0.2">
      <c r="C66" s="70"/>
      <c r="D66" s="70"/>
      <c r="E66" s="70"/>
      <c r="F66" s="70"/>
      <c r="G66" s="70"/>
      <c r="H66" s="70"/>
      <c r="I66" s="70"/>
      <c r="J66" s="70"/>
      <c r="K66" s="70"/>
      <c r="L66" s="70"/>
    </row>
    <row r="67" spans="3:12" x14ac:dyDescent="0.2">
      <c r="C67" s="70"/>
      <c r="D67" s="70"/>
      <c r="E67" s="70"/>
      <c r="F67" s="70"/>
      <c r="G67" s="70"/>
      <c r="H67" s="70"/>
      <c r="I67" s="70"/>
      <c r="J67" s="70"/>
      <c r="K67" s="70"/>
      <c r="L67" s="70"/>
    </row>
    <row r="68" spans="3:12" x14ac:dyDescent="0.2">
      <c r="C68" s="70"/>
      <c r="D68" s="70"/>
      <c r="E68" s="70"/>
      <c r="F68" s="70"/>
      <c r="G68" s="70"/>
      <c r="H68" s="70"/>
      <c r="I68" s="70"/>
      <c r="J68" s="70"/>
      <c r="K68" s="70"/>
      <c r="L68" s="70"/>
    </row>
    <row r="69" spans="3:12" x14ac:dyDescent="0.2">
      <c r="C69" s="70"/>
      <c r="D69" s="70"/>
      <c r="E69" s="70"/>
      <c r="F69" s="70"/>
      <c r="G69" s="70"/>
      <c r="H69" s="70"/>
      <c r="I69" s="70"/>
      <c r="J69" s="70"/>
      <c r="K69" s="70"/>
      <c r="L69" s="70"/>
    </row>
    <row r="70" spans="3:12" x14ac:dyDescent="0.2">
      <c r="C70" s="70"/>
      <c r="D70" s="70"/>
      <c r="E70" s="70"/>
      <c r="F70" s="70"/>
      <c r="G70" s="70"/>
      <c r="H70" s="70"/>
      <c r="I70" s="70"/>
      <c r="J70" s="70"/>
      <c r="K70" s="70"/>
      <c r="L70" s="70"/>
    </row>
    <row r="71" spans="3:12" x14ac:dyDescent="0.2">
      <c r="C71" s="70"/>
      <c r="D71" s="70"/>
      <c r="E71" s="70"/>
      <c r="F71" s="70"/>
      <c r="G71" s="70"/>
      <c r="H71" s="70"/>
      <c r="I71" s="70"/>
      <c r="J71" s="70"/>
      <c r="K71" s="70"/>
      <c r="L71" s="70"/>
    </row>
    <row r="72" spans="3:12" x14ac:dyDescent="0.2">
      <c r="C72" s="70"/>
      <c r="D72" s="70"/>
      <c r="E72" s="70"/>
      <c r="F72" s="70"/>
      <c r="G72" s="70"/>
      <c r="H72" s="70"/>
      <c r="I72" s="70"/>
      <c r="J72" s="70"/>
      <c r="K72" s="70"/>
      <c r="L72" s="70"/>
    </row>
    <row r="73" spans="3:12" x14ac:dyDescent="0.2">
      <c r="C73" s="70"/>
      <c r="D73" s="70"/>
      <c r="E73" s="70"/>
      <c r="F73" s="70"/>
      <c r="G73" s="70"/>
      <c r="H73" s="70"/>
      <c r="I73" s="70"/>
      <c r="J73" s="70"/>
      <c r="K73" s="70"/>
      <c r="L73" s="70"/>
    </row>
    <row r="74" spans="3:12" x14ac:dyDescent="0.2">
      <c r="C74" s="70"/>
      <c r="D74" s="70"/>
      <c r="E74" s="70"/>
      <c r="F74" s="70"/>
      <c r="G74" s="70"/>
      <c r="H74" s="70"/>
      <c r="I74" s="70"/>
      <c r="J74" s="70"/>
      <c r="K74" s="70"/>
      <c r="L74" s="70"/>
    </row>
    <row r="75" spans="3:12" x14ac:dyDescent="0.2">
      <c r="C75" s="70"/>
      <c r="D75" s="70"/>
      <c r="E75" s="70"/>
      <c r="F75" s="70"/>
      <c r="G75" s="70"/>
      <c r="H75" s="70"/>
      <c r="I75" s="70"/>
      <c r="J75" s="70"/>
      <c r="K75" s="70"/>
      <c r="L75" s="70"/>
    </row>
    <row r="76" spans="3:12" x14ac:dyDescent="0.2">
      <c r="C76" s="70"/>
      <c r="D76" s="70"/>
      <c r="E76" s="70"/>
      <c r="F76" s="70"/>
      <c r="G76" s="70"/>
      <c r="H76" s="70"/>
      <c r="I76" s="70"/>
      <c r="J76" s="70"/>
      <c r="K76" s="70"/>
      <c r="L76" s="70"/>
    </row>
    <row r="77" spans="3:12" x14ac:dyDescent="0.2">
      <c r="C77" s="70"/>
      <c r="D77" s="70"/>
      <c r="E77" s="70"/>
      <c r="F77" s="70"/>
      <c r="G77" s="70"/>
      <c r="H77" s="70"/>
      <c r="I77" s="70"/>
      <c r="J77" s="70"/>
      <c r="K77" s="70"/>
      <c r="L77" s="70"/>
    </row>
    <row r="78" spans="3:12" x14ac:dyDescent="0.2">
      <c r="C78" s="70"/>
      <c r="D78" s="70"/>
      <c r="E78" s="70"/>
      <c r="F78" s="70"/>
      <c r="G78" s="70"/>
      <c r="H78" s="70"/>
      <c r="I78" s="70"/>
      <c r="J78" s="70"/>
      <c r="K78" s="70"/>
      <c r="L78" s="70"/>
    </row>
    <row r="79" spans="3:12" x14ac:dyDescent="0.2">
      <c r="C79" s="70"/>
      <c r="D79" s="70"/>
      <c r="E79" s="70"/>
      <c r="F79" s="70"/>
      <c r="G79" s="70"/>
      <c r="H79" s="70"/>
      <c r="I79" s="70"/>
      <c r="J79" s="70"/>
      <c r="K79" s="70"/>
      <c r="L79" s="70"/>
    </row>
    <row r="80" spans="3:12" x14ac:dyDescent="0.2">
      <c r="C80" s="70"/>
      <c r="D80" s="70"/>
      <c r="E80" s="70"/>
      <c r="F80" s="70"/>
      <c r="G80" s="70"/>
      <c r="H80" s="70"/>
      <c r="I80" s="70"/>
      <c r="J80" s="70"/>
      <c r="K80" s="70"/>
      <c r="L80" s="70"/>
    </row>
    <row r="81" spans="3:12" x14ac:dyDescent="0.2">
      <c r="C81" s="70"/>
      <c r="D81" s="70"/>
      <c r="E81" s="70"/>
      <c r="F81" s="70"/>
      <c r="G81" s="70"/>
      <c r="H81" s="70"/>
      <c r="I81" s="70"/>
      <c r="J81" s="70"/>
      <c r="K81" s="70"/>
      <c r="L81" s="70"/>
    </row>
    <row r="82" spans="3:12" x14ac:dyDescent="0.2">
      <c r="C82" s="70"/>
      <c r="D82" s="70"/>
      <c r="E82" s="70"/>
      <c r="F82" s="70"/>
      <c r="G82" s="70"/>
      <c r="H82" s="70"/>
      <c r="I82" s="70"/>
      <c r="J82" s="70"/>
      <c r="K82" s="70"/>
      <c r="L82" s="70"/>
    </row>
    <row r="83" spans="3:12" x14ac:dyDescent="0.2">
      <c r="C83" s="70"/>
      <c r="D83" s="70"/>
      <c r="E83" s="70"/>
      <c r="F83" s="70"/>
      <c r="G83" s="70"/>
      <c r="H83" s="70"/>
      <c r="I83" s="70"/>
      <c r="J83" s="70"/>
      <c r="K83" s="70"/>
      <c r="L83" s="70"/>
    </row>
    <row r="84" spans="3:12" x14ac:dyDescent="0.2">
      <c r="C84" s="70"/>
      <c r="D84" s="70"/>
      <c r="E84" s="70"/>
      <c r="F84" s="70"/>
      <c r="G84" s="70"/>
      <c r="H84" s="70"/>
      <c r="I84" s="70"/>
      <c r="J84" s="70"/>
      <c r="K84" s="70"/>
      <c r="L84" s="70"/>
    </row>
    <row r="85" spans="3:12" x14ac:dyDescent="0.2">
      <c r="C85" s="70"/>
      <c r="D85" s="70"/>
      <c r="E85" s="70"/>
      <c r="F85" s="70"/>
      <c r="G85" s="70"/>
      <c r="H85" s="70"/>
      <c r="I85" s="70"/>
      <c r="J85" s="70"/>
      <c r="K85" s="70"/>
      <c r="L85" s="70"/>
    </row>
    <row r="86" spans="3:12" x14ac:dyDescent="0.2">
      <c r="C86" s="70"/>
      <c r="D86" s="70"/>
      <c r="E86" s="70"/>
      <c r="F86" s="70"/>
      <c r="G86" s="70"/>
      <c r="H86" s="70"/>
      <c r="I86" s="70"/>
      <c r="J86" s="70"/>
      <c r="K86" s="70"/>
      <c r="L86" s="70"/>
    </row>
    <row r="87" spans="3:12" x14ac:dyDescent="0.2">
      <c r="C87" s="70"/>
      <c r="D87" s="70"/>
      <c r="E87" s="70"/>
      <c r="F87" s="70"/>
      <c r="G87" s="70"/>
      <c r="H87" s="70"/>
      <c r="I87" s="70"/>
      <c r="J87" s="70"/>
      <c r="K87" s="70"/>
      <c r="L87" s="70"/>
    </row>
    <row r="88" spans="3:12" x14ac:dyDescent="0.2">
      <c r="C88" s="70"/>
      <c r="D88" s="70"/>
      <c r="E88" s="70"/>
      <c r="F88" s="70"/>
      <c r="G88" s="70"/>
      <c r="H88" s="70"/>
      <c r="I88" s="70"/>
      <c r="J88" s="70"/>
      <c r="K88" s="70"/>
      <c r="L88" s="70"/>
    </row>
    <row r="89" spans="3:12" x14ac:dyDescent="0.2">
      <c r="C89" s="70"/>
      <c r="D89" s="70"/>
      <c r="E89" s="70"/>
      <c r="F89" s="70"/>
      <c r="G89" s="70"/>
      <c r="H89" s="70"/>
      <c r="I89" s="70"/>
      <c r="J89" s="70"/>
      <c r="K89" s="70"/>
      <c r="L89" s="70"/>
    </row>
    <row r="90" spans="3:12" x14ac:dyDescent="0.2">
      <c r="C90" s="70"/>
      <c r="D90" s="70"/>
      <c r="E90" s="70"/>
      <c r="F90" s="70"/>
      <c r="G90" s="70"/>
      <c r="H90" s="70"/>
      <c r="I90" s="70"/>
      <c r="J90" s="70"/>
      <c r="K90" s="70"/>
      <c r="L90" s="70"/>
    </row>
    <row r="91" spans="3:12" x14ac:dyDescent="0.2">
      <c r="C91" s="70"/>
      <c r="D91" s="70"/>
      <c r="E91" s="70"/>
      <c r="F91" s="70"/>
      <c r="G91" s="70"/>
      <c r="H91" s="70"/>
      <c r="I91" s="70"/>
      <c r="J91" s="70"/>
      <c r="K91" s="70"/>
      <c r="L91" s="70"/>
    </row>
    <row r="92" spans="3:12" x14ac:dyDescent="0.2">
      <c r="C92" s="70"/>
      <c r="D92" s="70"/>
      <c r="E92" s="70"/>
      <c r="F92" s="70"/>
      <c r="G92" s="70"/>
      <c r="H92" s="70"/>
      <c r="I92" s="70"/>
      <c r="J92" s="70"/>
      <c r="K92" s="70"/>
      <c r="L92" s="70"/>
    </row>
    <row r="93" spans="3:12" x14ac:dyDescent="0.2">
      <c r="C93" s="70"/>
      <c r="D93" s="70"/>
      <c r="E93" s="70"/>
      <c r="F93" s="70"/>
      <c r="G93" s="70"/>
      <c r="H93" s="70"/>
      <c r="I93" s="70"/>
      <c r="J93" s="70"/>
      <c r="K93" s="70"/>
      <c r="L93" s="70"/>
    </row>
    <row r="94" spans="3:12" x14ac:dyDescent="0.2">
      <c r="C94" s="70"/>
      <c r="D94" s="70"/>
      <c r="E94" s="70"/>
      <c r="F94" s="70"/>
      <c r="G94" s="70"/>
      <c r="H94" s="70"/>
      <c r="I94" s="70"/>
      <c r="J94" s="70"/>
      <c r="K94" s="70"/>
      <c r="L94" s="70"/>
    </row>
    <row r="95" spans="3:12" x14ac:dyDescent="0.2">
      <c r="C95" s="70"/>
      <c r="D95" s="70"/>
      <c r="E95" s="70"/>
      <c r="F95" s="70"/>
      <c r="G95" s="70"/>
      <c r="H95" s="70"/>
      <c r="I95" s="70"/>
      <c r="J95" s="70"/>
      <c r="K95" s="70"/>
      <c r="L95" s="70"/>
    </row>
    <row r="96" spans="3:12" x14ac:dyDescent="0.2">
      <c r="C96" s="70"/>
      <c r="D96" s="70"/>
      <c r="E96" s="70"/>
      <c r="F96" s="70"/>
      <c r="G96" s="70"/>
      <c r="H96" s="70"/>
      <c r="I96" s="70"/>
      <c r="J96" s="70"/>
      <c r="K96" s="70"/>
      <c r="L96" s="70"/>
    </row>
    <row r="97" spans="3:12" x14ac:dyDescent="0.2">
      <c r="C97" s="70"/>
      <c r="D97" s="70"/>
      <c r="E97" s="70"/>
      <c r="F97" s="70"/>
      <c r="G97" s="70"/>
      <c r="H97" s="70"/>
      <c r="I97" s="70"/>
      <c r="J97" s="70"/>
      <c r="K97" s="70"/>
      <c r="L97" s="70"/>
    </row>
    <row r="98" spans="3:12" x14ac:dyDescent="0.2">
      <c r="C98" s="70"/>
      <c r="D98" s="70"/>
      <c r="E98" s="70"/>
      <c r="F98" s="70"/>
      <c r="G98" s="70"/>
      <c r="H98" s="70"/>
      <c r="I98" s="70"/>
      <c r="J98" s="70"/>
      <c r="K98" s="70"/>
      <c r="L98" s="70"/>
    </row>
    <row r="99" spans="3:12" x14ac:dyDescent="0.2">
      <c r="C99" s="70"/>
      <c r="D99" s="70"/>
      <c r="E99" s="70"/>
      <c r="F99" s="70"/>
      <c r="G99" s="70"/>
      <c r="H99" s="70"/>
      <c r="I99" s="70"/>
      <c r="J99" s="70"/>
      <c r="K99" s="70"/>
      <c r="L99" s="70"/>
    </row>
    <row r="100" spans="3:12" x14ac:dyDescent="0.2">
      <c r="C100" s="70"/>
      <c r="D100" s="70"/>
      <c r="E100" s="70"/>
      <c r="F100" s="70"/>
      <c r="G100" s="70"/>
      <c r="H100" s="70"/>
      <c r="I100" s="70"/>
      <c r="J100" s="70"/>
      <c r="K100" s="70"/>
      <c r="L100" s="70"/>
    </row>
    <row r="101" spans="3:12" x14ac:dyDescent="0.2">
      <c r="C101" s="70"/>
      <c r="D101" s="70"/>
      <c r="E101" s="70"/>
      <c r="F101" s="70"/>
      <c r="G101" s="70"/>
      <c r="H101" s="70"/>
      <c r="I101" s="70"/>
      <c r="J101" s="70"/>
      <c r="K101" s="70"/>
      <c r="L101" s="70"/>
    </row>
    <row r="102" spans="3:12" x14ac:dyDescent="0.2">
      <c r="C102" s="70"/>
      <c r="D102" s="70"/>
      <c r="E102" s="70"/>
      <c r="F102" s="70"/>
      <c r="G102" s="70"/>
      <c r="H102" s="70"/>
      <c r="I102" s="70"/>
      <c r="J102" s="70"/>
      <c r="K102" s="70"/>
      <c r="L102" s="70"/>
    </row>
    <row r="103" spans="3:12" x14ac:dyDescent="0.2">
      <c r="C103" s="70"/>
      <c r="D103" s="70"/>
      <c r="E103" s="70"/>
      <c r="F103" s="70"/>
      <c r="G103" s="70"/>
      <c r="H103" s="70"/>
      <c r="I103" s="70"/>
      <c r="J103" s="70"/>
      <c r="K103" s="70"/>
      <c r="L103" s="70"/>
    </row>
    <row r="104" spans="3:12" x14ac:dyDescent="0.2">
      <c r="C104" s="70"/>
      <c r="D104" s="70"/>
      <c r="E104" s="70"/>
      <c r="F104" s="70"/>
      <c r="G104" s="70"/>
      <c r="H104" s="70"/>
      <c r="I104" s="70"/>
      <c r="J104" s="70"/>
      <c r="K104" s="70"/>
      <c r="L104" s="70"/>
    </row>
    <row r="105" spans="3:12" x14ac:dyDescent="0.2">
      <c r="C105" s="70"/>
      <c r="D105" s="70"/>
      <c r="E105" s="70"/>
      <c r="F105" s="70"/>
      <c r="G105" s="70"/>
      <c r="H105" s="70"/>
      <c r="I105" s="70"/>
      <c r="J105" s="70"/>
      <c r="K105" s="70"/>
      <c r="L105" s="70"/>
    </row>
    <row r="106" spans="3:12" x14ac:dyDescent="0.2">
      <c r="C106" s="70"/>
      <c r="D106" s="70"/>
      <c r="E106" s="70"/>
      <c r="F106" s="70"/>
      <c r="G106" s="70"/>
      <c r="H106" s="70"/>
      <c r="I106" s="70"/>
      <c r="J106" s="70"/>
      <c r="K106" s="70"/>
      <c r="L106" s="70"/>
    </row>
    <row r="107" spans="3:12" x14ac:dyDescent="0.2">
      <c r="C107" s="70"/>
      <c r="D107" s="70"/>
      <c r="E107" s="70"/>
      <c r="F107" s="70"/>
      <c r="G107" s="70"/>
      <c r="H107" s="70"/>
      <c r="I107" s="70"/>
      <c r="J107" s="70"/>
      <c r="K107" s="70"/>
      <c r="L107" s="70"/>
    </row>
    <row r="108" spans="3:12" x14ac:dyDescent="0.2">
      <c r="C108" s="70"/>
      <c r="D108" s="70"/>
      <c r="E108" s="70"/>
      <c r="F108" s="70"/>
      <c r="G108" s="70"/>
      <c r="H108" s="70"/>
      <c r="I108" s="70"/>
      <c r="J108" s="70"/>
      <c r="K108" s="70"/>
      <c r="L108" s="70"/>
    </row>
    <row r="109" spans="3:12" x14ac:dyDescent="0.2">
      <c r="C109" s="70"/>
      <c r="D109" s="70"/>
      <c r="E109" s="70"/>
      <c r="F109" s="70"/>
      <c r="G109" s="70"/>
      <c r="H109" s="70"/>
      <c r="I109" s="70"/>
      <c r="J109" s="70"/>
      <c r="K109" s="70"/>
      <c r="L109" s="70"/>
    </row>
    <row r="110" spans="3:12" x14ac:dyDescent="0.2">
      <c r="C110" s="70"/>
      <c r="D110" s="70"/>
      <c r="E110" s="70"/>
      <c r="F110" s="70"/>
      <c r="G110" s="70"/>
      <c r="H110" s="70"/>
      <c r="I110" s="70"/>
      <c r="J110" s="70"/>
      <c r="K110" s="70"/>
      <c r="L110" s="70"/>
    </row>
    <row r="111" spans="3:12" x14ac:dyDescent="0.2">
      <c r="C111" s="70"/>
      <c r="D111" s="70"/>
      <c r="E111" s="70"/>
      <c r="F111" s="70"/>
      <c r="G111" s="70"/>
      <c r="H111" s="70"/>
      <c r="I111" s="70"/>
      <c r="J111" s="70"/>
      <c r="K111" s="70"/>
      <c r="L111" s="70"/>
    </row>
    <row r="112" spans="3:12" x14ac:dyDescent="0.2">
      <c r="C112" s="70"/>
      <c r="D112" s="70"/>
      <c r="E112" s="70"/>
      <c r="F112" s="70"/>
      <c r="G112" s="70"/>
      <c r="H112" s="70"/>
      <c r="I112" s="70"/>
      <c r="J112" s="70"/>
      <c r="K112" s="70"/>
      <c r="L112" s="70"/>
    </row>
    <row r="113" spans="3:12" x14ac:dyDescent="0.2">
      <c r="C113" s="70"/>
      <c r="D113" s="70"/>
      <c r="E113" s="70"/>
      <c r="F113" s="70"/>
      <c r="G113" s="70"/>
      <c r="H113" s="70"/>
      <c r="I113" s="70"/>
      <c r="J113" s="70"/>
      <c r="K113" s="70"/>
      <c r="L113" s="70"/>
    </row>
    <row r="114" spans="3:12" x14ac:dyDescent="0.2">
      <c r="C114" s="70"/>
      <c r="D114" s="70"/>
      <c r="E114" s="70"/>
      <c r="F114" s="70"/>
      <c r="G114" s="70"/>
      <c r="H114" s="70"/>
      <c r="I114" s="70"/>
      <c r="J114" s="70"/>
      <c r="K114" s="70"/>
      <c r="L114" s="70"/>
    </row>
    <row r="115" spans="3:12" x14ac:dyDescent="0.2">
      <c r="C115" s="70"/>
      <c r="D115" s="70"/>
      <c r="E115" s="70"/>
      <c r="F115" s="70"/>
      <c r="G115" s="70"/>
      <c r="H115" s="70"/>
      <c r="I115" s="70"/>
      <c r="J115" s="70"/>
      <c r="K115" s="70"/>
      <c r="L115" s="70"/>
    </row>
    <row r="116" spans="3:12" x14ac:dyDescent="0.2">
      <c r="C116" s="70"/>
      <c r="D116" s="70"/>
      <c r="E116" s="70"/>
      <c r="F116" s="70"/>
      <c r="G116" s="70"/>
      <c r="H116" s="70"/>
      <c r="I116" s="70"/>
      <c r="J116" s="70"/>
      <c r="K116" s="70"/>
      <c r="L116" s="70"/>
    </row>
    <row r="117" spans="3:12" x14ac:dyDescent="0.2">
      <c r="C117" s="70"/>
      <c r="D117" s="70"/>
      <c r="E117" s="70"/>
      <c r="F117" s="70"/>
      <c r="G117" s="70"/>
      <c r="H117" s="70"/>
      <c r="I117" s="70"/>
      <c r="J117" s="70"/>
      <c r="K117" s="70"/>
      <c r="L117" s="70"/>
    </row>
    <row r="118" spans="3:12" x14ac:dyDescent="0.2">
      <c r="C118" s="70"/>
      <c r="D118" s="70"/>
      <c r="E118" s="70"/>
      <c r="F118" s="70"/>
      <c r="G118" s="70"/>
      <c r="H118" s="70"/>
      <c r="I118" s="70"/>
      <c r="J118" s="70"/>
      <c r="K118" s="70"/>
      <c r="L118" s="70"/>
    </row>
    <row r="119" spans="3:12" x14ac:dyDescent="0.2">
      <c r="C119" s="70"/>
      <c r="D119" s="70"/>
      <c r="E119" s="70"/>
      <c r="F119" s="70"/>
      <c r="G119" s="70"/>
      <c r="H119" s="70"/>
      <c r="I119" s="70"/>
      <c r="J119" s="70"/>
      <c r="K119" s="70"/>
      <c r="L119" s="70"/>
    </row>
    <row r="120" spans="3:12" x14ac:dyDescent="0.2">
      <c r="C120" s="70"/>
      <c r="D120" s="70"/>
      <c r="E120" s="70"/>
      <c r="F120" s="70"/>
      <c r="G120" s="70"/>
      <c r="H120" s="70"/>
      <c r="I120" s="70"/>
      <c r="J120" s="70"/>
      <c r="K120" s="70"/>
      <c r="L120" s="70"/>
    </row>
    <row r="121" spans="3:12" x14ac:dyDescent="0.2">
      <c r="C121" s="70"/>
      <c r="D121" s="70"/>
      <c r="E121" s="70"/>
      <c r="F121" s="70"/>
      <c r="G121" s="70"/>
      <c r="H121" s="70"/>
      <c r="I121" s="70"/>
      <c r="J121" s="70"/>
      <c r="K121" s="70"/>
      <c r="L121" s="70"/>
    </row>
    <row r="122" spans="3:12" x14ac:dyDescent="0.2">
      <c r="C122" s="70"/>
      <c r="D122" s="70"/>
      <c r="E122" s="70"/>
      <c r="F122" s="70"/>
      <c r="G122" s="70"/>
      <c r="H122" s="70"/>
      <c r="I122" s="70"/>
      <c r="J122" s="70"/>
      <c r="K122" s="70"/>
      <c r="L122" s="70"/>
    </row>
    <row r="123" spans="3:12" x14ac:dyDescent="0.2">
      <c r="C123" s="70"/>
      <c r="D123" s="70"/>
      <c r="E123" s="70"/>
      <c r="F123" s="70"/>
      <c r="G123" s="70"/>
      <c r="H123" s="70"/>
      <c r="I123" s="70"/>
      <c r="J123" s="70"/>
      <c r="K123" s="70"/>
      <c r="L123" s="70"/>
    </row>
    <row r="124" spans="3:12" x14ac:dyDescent="0.2">
      <c r="C124" s="70"/>
      <c r="D124" s="70"/>
      <c r="E124" s="70"/>
      <c r="F124" s="70"/>
      <c r="G124" s="70"/>
      <c r="H124" s="70"/>
      <c r="I124" s="70"/>
      <c r="J124" s="70"/>
      <c r="K124" s="70"/>
      <c r="L124" s="70"/>
    </row>
    <row r="125" spans="3:12" x14ac:dyDescent="0.2">
      <c r="C125" s="70"/>
      <c r="D125" s="70"/>
      <c r="E125" s="70"/>
      <c r="F125" s="70"/>
      <c r="G125" s="70"/>
      <c r="H125" s="70"/>
      <c r="I125" s="70"/>
      <c r="J125" s="70"/>
      <c r="K125" s="70"/>
      <c r="L125" s="70"/>
    </row>
    <row r="126" spans="3:12" x14ac:dyDescent="0.2">
      <c r="C126" s="70"/>
      <c r="D126" s="70"/>
      <c r="E126" s="70"/>
      <c r="F126" s="70"/>
      <c r="G126" s="70"/>
      <c r="H126" s="70"/>
      <c r="I126" s="70"/>
      <c r="J126" s="70"/>
      <c r="K126" s="70"/>
      <c r="L126" s="70"/>
    </row>
    <row r="127" spans="3:12" x14ac:dyDescent="0.2">
      <c r="C127" s="70"/>
      <c r="D127" s="70"/>
      <c r="E127" s="70"/>
      <c r="F127" s="70"/>
      <c r="G127" s="70"/>
      <c r="H127" s="70"/>
      <c r="I127" s="70"/>
      <c r="J127" s="70"/>
      <c r="K127" s="70"/>
      <c r="L127" s="70"/>
    </row>
    <row r="128" spans="3:12" x14ac:dyDescent="0.2">
      <c r="C128" s="70"/>
      <c r="D128" s="70"/>
      <c r="E128" s="70"/>
      <c r="F128" s="70"/>
      <c r="G128" s="70"/>
      <c r="H128" s="70"/>
      <c r="I128" s="70"/>
      <c r="J128" s="70"/>
      <c r="K128" s="70"/>
      <c r="L128" s="70"/>
    </row>
    <row r="129" spans="3:12" x14ac:dyDescent="0.2">
      <c r="C129" s="70"/>
      <c r="D129" s="70"/>
      <c r="E129" s="70"/>
      <c r="F129" s="70"/>
      <c r="G129" s="70"/>
      <c r="H129" s="70"/>
      <c r="I129" s="70"/>
      <c r="J129" s="70"/>
      <c r="K129" s="70"/>
      <c r="L129" s="70"/>
    </row>
    <row r="130" spans="3:12" x14ac:dyDescent="0.2">
      <c r="C130" s="70"/>
      <c r="D130" s="70"/>
      <c r="E130" s="70"/>
      <c r="F130" s="70"/>
      <c r="G130" s="70"/>
      <c r="H130" s="70"/>
      <c r="I130" s="70"/>
      <c r="J130" s="70"/>
      <c r="K130" s="70"/>
      <c r="L130" s="70"/>
    </row>
    <row r="131" spans="3:12" x14ac:dyDescent="0.2">
      <c r="C131" s="70"/>
      <c r="D131" s="70"/>
      <c r="E131" s="70"/>
      <c r="F131" s="70"/>
      <c r="G131" s="70"/>
      <c r="H131" s="70"/>
      <c r="I131" s="70"/>
      <c r="J131" s="70"/>
      <c r="K131" s="70"/>
      <c r="L131" s="70"/>
    </row>
    <row r="132" spans="3:12" x14ac:dyDescent="0.2">
      <c r="C132" s="70"/>
      <c r="D132" s="70"/>
      <c r="E132" s="70"/>
      <c r="F132" s="70"/>
      <c r="G132" s="70"/>
      <c r="H132" s="70"/>
      <c r="I132" s="70"/>
      <c r="J132" s="70"/>
      <c r="K132" s="70"/>
      <c r="L132" s="70"/>
    </row>
    <row r="133" spans="3:12" x14ac:dyDescent="0.2">
      <c r="C133" s="70"/>
      <c r="D133" s="70"/>
      <c r="E133" s="70"/>
      <c r="F133" s="70"/>
      <c r="G133" s="70"/>
      <c r="H133" s="70"/>
      <c r="I133" s="70"/>
      <c r="J133" s="70"/>
      <c r="K133" s="70"/>
      <c r="L133" s="70"/>
    </row>
    <row r="134" spans="3:12" x14ac:dyDescent="0.2">
      <c r="C134" s="70"/>
      <c r="D134" s="70"/>
      <c r="E134" s="70"/>
      <c r="F134" s="70"/>
      <c r="G134" s="70"/>
      <c r="H134" s="70"/>
      <c r="I134" s="70"/>
      <c r="J134" s="70"/>
      <c r="K134" s="70"/>
      <c r="L134" s="70"/>
    </row>
    <row r="135" spans="3:12" x14ac:dyDescent="0.2">
      <c r="C135" s="70"/>
      <c r="D135" s="70"/>
      <c r="E135" s="70"/>
      <c r="F135" s="70"/>
      <c r="G135" s="70"/>
      <c r="H135" s="70"/>
      <c r="I135" s="70"/>
      <c r="J135" s="70"/>
      <c r="K135" s="70"/>
      <c r="L135" s="70"/>
    </row>
    <row r="136" spans="3:12" x14ac:dyDescent="0.2">
      <c r="C136" s="70"/>
      <c r="D136" s="70"/>
      <c r="E136" s="70"/>
      <c r="F136" s="70"/>
      <c r="G136" s="70"/>
      <c r="H136" s="70"/>
      <c r="I136" s="70"/>
      <c r="J136" s="70"/>
      <c r="K136" s="70"/>
      <c r="L136" s="70"/>
    </row>
    <row r="137" spans="3:12" x14ac:dyDescent="0.2">
      <c r="C137" s="70"/>
      <c r="D137" s="70"/>
      <c r="E137" s="70"/>
      <c r="F137" s="70"/>
      <c r="G137" s="70"/>
      <c r="H137" s="70"/>
      <c r="I137" s="70"/>
      <c r="J137" s="70"/>
      <c r="K137" s="70"/>
      <c r="L137" s="70"/>
    </row>
    <row r="138" spans="3:12" x14ac:dyDescent="0.2">
      <c r="C138" s="70"/>
      <c r="D138" s="70"/>
      <c r="E138" s="70"/>
      <c r="F138" s="70"/>
      <c r="G138" s="70"/>
      <c r="H138" s="70"/>
      <c r="I138" s="70"/>
      <c r="J138" s="70"/>
      <c r="K138" s="70"/>
      <c r="L138" s="70"/>
    </row>
    <row r="139" spans="3:12" x14ac:dyDescent="0.2">
      <c r="C139" s="70"/>
      <c r="D139" s="70"/>
      <c r="E139" s="70"/>
      <c r="F139" s="70"/>
      <c r="G139" s="70"/>
      <c r="H139" s="70"/>
      <c r="I139" s="70"/>
      <c r="J139" s="70"/>
      <c r="K139" s="70"/>
      <c r="L139" s="70"/>
    </row>
    <row r="140" spans="3:12" x14ac:dyDescent="0.2">
      <c r="C140" s="70"/>
      <c r="D140" s="70"/>
      <c r="E140" s="70"/>
      <c r="F140" s="70"/>
      <c r="G140" s="70"/>
      <c r="H140" s="70"/>
      <c r="I140" s="70"/>
      <c r="J140" s="70"/>
      <c r="K140" s="70"/>
      <c r="L140" s="70"/>
    </row>
    <row r="141" spans="3:12" x14ac:dyDescent="0.2">
      <c r="C141" s="70"/>
      <c r="D141" s="70"/>
      <c r="E141" s="70"/>
      <c r="F141" s="70"/>
      <c r="G141" s="70"/>
      <c r="H141" s="70"/>
      <c r="I141" s="70"/>
      <c r="J141" s="70"/>
      <c r="K141" s="70"/>
      <c r="L141" s="70"/>
    </row>
    <row r="142" spans="3:12" x14ac:dyDescent="0.2">
      <c r="C142" s="70"/>
      <c r="D142" s="70"/>
      <c r="E142" s="70"/>
      <c r="F142" s="70"/>
      <c r="G142" s="70"/>
      <c r="H142" s="70"/>
      <c r="I142" s="70"/>
      <c r="J142" s="70"/>
      <c r="K142" s="70"/>
      <c r="L142" s="70"/>
    </row>
    <row r="143" spans="3:12" x14ac:dyDescent="0.2">
      <c r="C143" s="70"/>
      <c r="D143" s="70"/>
      <c r="E143" s="70"/>
      <c r="F143" s="70"/>
      <c r="G143" s="70"/>
      <c r="H143" s="70"/>
      <c r="I143" s="70"/>
      <c r="J143" s="70"/>
      <c r="K143" s="70"/>
      <c r="L143" s="70"/>
    </row>
    <row r="144" spans="3:12" x14ac:dyDescent="0.2">
      <c r="C144" s="70"/>
      <c r="D144" s="70"/>
      <c r="E144" s="70"/>
      <c r="F144" s="70"/>
      <c r="G144" s="70"/>
      <c r="H144" s="70"/>
      <c r="I144" s="70"/>
      <c r="J144" s="70"/>
      <c r="K144" s="70"/>
      <c r="L144" s="70"/>
    </row>
    <row r="145" spans="3:12" x14ac:dyDescent="0.2">
      <c r="C145" s="70"/>
      <c r="D145" s="70"/>
      <c r="E145" s="70"/>
      <c r="F145" s="70"/>
      <c r="G145" s="70"/>
      <c r="H145" s="70"/>
      <c r="I145" s="70"/>
      <c r="J145" s="70"/>
      <c r="K145" s="70"/>
      <c r="L145" s="70"/>
    </row>
    <row r="146" spans="3:12" x14ac:dyDescent="0.2">
      <c r="C146" s="70"/>
      <c r="D146" s="70"/>
      <c r="E146" s="70"/>
      <c r="F146" s="70"/>
      <c r="G146" s="70"/>
      <c r="H146" s="70"/>
      <c r="I146" s="70"/>
      <c r="J146" s="70"/>
      <c r="K146" s="70"/>
      <c r="L146" s="70"/>
    </row>
    <row r="147" spans="3:12" x14ac:dyDescent="0.2">
      <c r="C147" s="70"/>
      <c r="D147" s="70"/>
      <c r="E147" s="70"/>
      <c r="F147" s="70"/>
      <c r="G147" s="70"/>
      <c r="H147" s="70"/>
      <c r="I147" s="70"/>
      <c r="J147" s="70"/>
      <c r="K147" s="70"/>
      <c r="L147" s="70"/>
    </row>
    <row r="148" spans="3:12" x14ac:dyDescent="0.2">
      <c r="C148" s="70"/>
      <c r="D148" s="70"/>
      <c r="E148" s="70"/>
      <c r="F148" s="70"/>
      <c r="G148" s="70"/>
      <c r="H148" s="70"/>
      <c r="I148" s="70"/>
      <c r="J148" s="70"/>
      <c r="K148" s="70"/>
      <c r="L148" s="70"/>
    </row>
    <row r="149" spans="3:12" x14ac:dyDescent="0.2">
      <c r="C149" s="70"/>
      <c r="D149" s="70"/>
      <c r="E149" s="70"/>
      <c r="F149" s="70"/>
      <c r="G149" s="70"/>
      <c r="H149" s="70"/>
      <c r="I149" s="70"/>
      <c r="J149" s="70"/>
      <c r="K149" s="70"/>
      <c r="L149" s="70"/>
    </row>
    <row r="150" spans="3:12" x14ac:dyDescent="0.2">
      <c r="C150" s="70"/>
      <c r="D150" s="70"/>
      <c r="E150" s="70"/>
      <c r="F150" s="70"/>
      <c r="G150" s="70"/>
      <c r="H150" s="70"/>
      <c r="I150" s="70"/>
      <c r="J150" s="70"/>
      <c r="K150" s="70"/>
      <c r="L150" s="70"/>
    </row>
    <row r="151" spans="3:12" x14ac:dyDescent="0.2">
      <c r="C151" s="70"/>
      <c r="D151" s="70"/>
      <c r="E151" s="70"/>
      <c r="F151" s="70"/>
      <c r="G151" s="70"/>
      <c r="H151" s="70"/>
      <c r="I151" s="70"/>
      <c r="J151" s="70"/>
      <c r="K151" s="70"/>
      <c r="L151" s="70"/>
    </row>
    <row r="152" spans="3:12" x14ac:dyDescent="0.2">
      <c r="C152" s="70"/>
      <c r="D152" s="70"/>
      <c r="E152" s="70"/>
      <c r="F152" s="70"/>
      <c r="G152" s="70"/>
      <c r="H152" s="70"/>
      <c r="I152" s="70"/>
      <c r="J152" s="70"/>
      <c r="K152" s="70"/>
      <c r="L152" s="70"/>
    </row>
    <row r="153" spans="3:12" x14ac:dyDescent="0.2">
      <c r="C153" s="70"/>
      <c r="D153" s="70"/>
      <c r="E153" s="70"/>
      <c r="F153" s="70"/>
      <c r="G153" s="70"/>
      <c r="H153" s="70"/>
      <c r="I153" s="70"/>
      <c r="J153" s="70"/>
      <c r="K153" s="70"/>
      <c r="L153" s="70"/>
    </row>
    <row r="154" spans="3:12" x14ac:dyDescent="0.2">
      <c r="C154" s="70"/>
      <c r="D154" s="70"/>
      <c r="E154" s="70"/>
      <c r="F154" s="70"/>
      <c r="G154" s="70"/>
      <c r="H154" s="70"/>
      <c r="I154" s="70"/>
      <c r="J154" s="70"/>
      <c r="K154" s="70"/>
      <c r="L154" s="70"/>
    </row>
    <row r="155" spans="3:12" x14ac:dyDescent="0.2">
      <c r="C155" s="70"/>
      <c r="D155" s="70"/>
      <c r="E155" s="70"/>
      <c r="F155" s="70"/>
      <c r="G155" s="70"/>
      <c r="H155" s="70"/>
      <c r="I155" s="70"/>
      <c r="J155" s="70"/>
      <c r="K155" s="70"/>
      <c r="L155" s="70"/>
    </row>
    <row r="156" spans="3:12" x14ac:dyDescent="0.2">
      <c r="C156" s="70"/>
      <c r="D156" s="70"/>
      <c r="E156" s="70"/>
      <c r="F156" s="70"/>
      <c r="G156" s="70"/>
      <c r="H156" s="70"/>
      <c r="I156" s="70"/>
      <c r="J156" s="70"/>
      <c r="K156" s="70"/>
      <c r="L156" s="70"/>
    </row>
    <row r="157" spans="3:12" x14ac:dyDescent="0.2">
      <c r="C157" s="70"/>
      <c r="D157" s="70"/>
      <c r="E157" s="70"/>
      <c r="F157" s="70"/>
      <c r="G157" s="70"/>
      <c r="H157" s="70"/>
      <c r="I157" s="70"/>
      <c r="J157" s="70"/>
      <c r="K157" s="70"/>
      <c r="L157" s="70"/>
    </row>
    <row r="158" spans="3:12" x14ac:dyDescent="0.2">
      <c r="C158" s="70"/>
      <c r="D158" s="70"/>
      <c r="E158" s="70"/>
      <c r="F158" s="70"/>
      <c r="G158" s="70"/>
      <c r="H158" s="70"/>
      <c r="I158" s="70"/>
      <c r="J158" s="70"/>
      <c r="K158" s="70"/>
      <c r="L158" s="70"/>
    </row>
    <row r="159" spans="3:12" x14ac:dyDescent="0.2">
      <c r="C159" s="70"/>
      <c r="D159" s="70"/>
      <c r="E159" s="70"/>
      <c r="F159" s="70"/>
      <c r="G159" s="70"/>
      <c r="H159" s="70"/>
      <c r="I159" s="70"/>
      <c r="J159" s="70"/>
      <c r="K159" s="70"/>
      <c r="L159" s="70"/>
    </row>
    <row r="160" spans="3:12" x14ac:dyDescent="0.2">
      <c r="C160" s="70"/>
      <c r="D160" s="70"/>
      <c r="E160" s="70"/>
      <c r="F160" s="70"/>
      <c r="G160" s="70"/>
      <c r="H160" s="70"/>
      <c r="I160" s="70"/>
      <c r="J160" s="70"/>
      <c r="K160" s="70"/>
      <c r="L160" s="70"/>
    </row>
    <row r="161" spans="3:12" x14ac:dyDescent="0.2">
      <c r="C161" s="70"/>
      <c r="D161" s="70"/>
      <c r="E161" s="70"/>
      <c r="F161" s="70"/>
      <c r="G161" s="70"/>
      <c r="H161" s="70"/>
      <c r="I161" s="70"/>
      <c r="J161" s="70"/>
      <c r="K161" s="70"/>
      <c r="L161" s="70"/>
    </row>
    <row r="162" spans="3:12" x14ac:dyDescent="0.2">
      <c r="C162" s="70"/>
      <c r="D162" s="70"/>
      <c r="E162" s="70"/>
      <c r="F162" s="70"/>
      <c r="G162" s="70"/>
      <c r="H162" s="70"/>
      <c r="I162" s="70"/>
      <c r="J162" s="70"/>
      <c r="K162" s="70"/>
      <c r="L162" s="70"/>
    </row>
    <row r="163" spans="3:12" x14ac:dyDescent="0.2">
      <c r="C163" s="70"/>
      <c r="D163" s="70"/>
      <c r="E163" s="70"/>
      <c r="F163" s="70"/>
      <c r="G163" s="70"/>
      <c r="H163" s="70"/>
      <c r="I163" s="70"/>
      <c r="J163" s="70"/>
      <c r="K163" s="70"/>
      <c r="L163" s="70"/>
    </row>
    <row r="164" spans="3:12" x14ac:dyDescent="0.2">
      <c r="C164" s="70"/>
      <c r="D164" s="70"/>
      <c r="E164" s="70"/>
      <c r="F164" s="70"/>
      <c r="G164" s="70"/>
      <c r="H164" s="70"/>
      <c r="I164" s="70"/>
      <c r="J164" s="70"/>
      <c r="K164" s="70"/>
      <c r="L164" s="70"/>
    </row>
    <row r="165" spans="3:12" x14ac:dyDescent="0.2">
      <c r="C165" s="70"/>
      <c r="D165" s="70"/>
      <c r="E165" s="70"/>
      <c r="F165" s="70"/>
      <c r="G165" s="70"/>
      <c r="H165" s="70"/>
      <c r="I165" s="70"/>
      <c r="J165" s="70"/>
      <c r="K165" s="70"/>
      <c r="L165" s="70"/>
    </row>
    <row r="166" spans="3:12" x14ac:dyDescent="0.2">
      <c r="C166" s="70"/>
      <c r="D166" s="70"/>
      <c r="E166" s="70"/>
      <c r="F166" s="70"/>
      <c r="G166" s="70"/>
      <c r="H166" s="70"/>
      <c r="I166" s="70"/>
      <c r="J166" s="70"/>
      <c r="K166" s="70"/>
      <c r="L166" s="70"/>
    </row>
    <row r="167" spans="3:12" x14ac:dyDescent="0.2">
      <c r="C167" s="70"/>
      <c r="D167" s="70"/>
      <c r="E167" s="70"/>
      <c r="F167" s="70"/>
      <c r="G167" s="70"/>
      <c r="H167" s="70"/>
      <c r="I167" s="70"/>
      <c r="J167" s="70"/>
      <c r="K167" s="70"/>
      <c r="L167" s="70"/>
    </row>
    <row r="168" spans="3:12" x14ac:dyDescent="0.2">
      <c r="C168" s="70"/>
      <c r="D168" s="70"/>
      <c r="E168" s="70"/>
      <c r="F168" s="70"/>
      <c r="G168" s="70"/>
      <c r="H168" s="70"/>
      <c r="I168" s="70"/>
      <c r="J168" s="70"/>
      <c r="K168" s="70"/>
      <c r="L168" s="70"/>
    </row>
    <row r="169" spans="3:12" x14ac:dyDescent="0.2">
      <c r="C169" s="70"/>
      <c r="D169" s="70"/>
      <c r="E169" s="70"/>
      <c r="F169" s="70"/>
      <c r="G169" s="70"/>
      <c r="H169" s="70"/>
      <c r="I169" s="70"/>
      <c r="J169" s="70"/>
      <c r="K169" s="70"/>
      <c r="L169" s="70"/>
    </row>
    <row r="170" spans="3:12" x14ac:dyDescent="0.2">
      <c r="C170" s="70"/>
      <c r="D170" s="70"/>
      <c r="E170" s="70"/>
      <c r="F170" s="70"/>
      <c r="G170" s="70"/>
      <c r="H170" s="70"/>
      <c r="I170" s="70"/>
      <c r="J170" s="70"/>
      <c r="K170" s="70"/>
      <c r="L170" s="70"/>
    </row>
    <row r="171" spans="3:12" x14ac:dyDescent="0.2">
      <c r="C171" s="70"/>
      <c r="D171" s="70"/>
      <c r="E171" s="70"/>
      <c r="F171" s="70"/>
      <c r="G171" s="70"/>
      <c r="H171" s="70"/>
      <c r="I171" s="70"/>
      <c r="J171" s="70"/>
      <c r="K171" s="70"/>
      <c r="L171" s="70"/>
    </row>
    <row r="172" spans="3:12" x14ac:dyDescent="0.2">
      <c r="C172" s="70"/>
      <c r="D172" s="70"/>
      <c r="E172" s="70"/>
      <c r="F172" s="70"/>
      <c r="G172" s="70"/>
      <c r="H172" s="70"/>
      <c r="I172" s="70"/>
      <c r="J172" s="70"/>
      <c r="K172" s="70"/>
      <c r="L172" s="70"/>
    </row>
    <row r="173" spans="3:12" x14ac:dyDescent="0.2">
      <c r="C173" s="70"/>
      <c r="D173" s="70"/>
      <c r="E173" s="70"/>
      <c r="F173" s="70"/>
      <c r="G173" s="70"/>
      <c r="H173" s="70"/>
      <c r="I173" s="70"/>
      <c r="J173" s="70"/>
      <c r="K173" s="70"/>
      <c r="L173" s="70"/>
    </row>
    <row r="174" spans="3:12" x14ac:dyDescent="0.2">
      <c r="C174" s="70"/>
      <c r="D174" s="70"/>
      <c r="E174" s="70"/>
      <c r="F174" s="70"/>
      <c r="G174" s="70"/>
      <c r="H174" s="70"/>
      <c r="I174" s="70"/>
      <c r="J174" s="70"/>
      <c r="K174" s="70"/>
      <c r="L174" s="70"/>
    </row>
    <row r="175" spans="3:12" x14ac:dyDescent="0.2">
      <c r="C175" s="70"/>
      <c r="D175" s="70"/>
      <c r="E175" s="70"/>
      <c r="F175" s="70"/>
      <c r="G175" s="70"/>
      <c r="H175" s="70"/>
      <c r="I175" s="70"/>
      <c r="J175" s="70"/>
      <c r="K175" s="70"/>
      <c r="L175" s="70"/>
    </row>
    <row r="176" spans="3:12" x14ac:dyDescent="0.2">
      <c r="C176" s="70"/>
      <c r="D176" s="70"/>
      <c r="E176" s="70"/>
      <c r="F176" s="70"/>
      <c r="G176" s="70"/>
      <c r="H176" s="70"/>
      <c r="I176" s="70"/>
      <c r="J176" s="70"/>
      <c r="K176" s="70"/>
      <c r="L176" s="70"/>
    </row>
    <row r="177" spans="3:12" x14ac:dyDescent="0.2">
      <c r="C177" s="70"/>
      <c r="D177" s="70"/>
      <c r="E177" s="70"/>
      <c r="F177" s="70"/>
      <c r="G177" s="70"/>
      <c r="H177" s="70"/>
      <c r="I177" s="70"/>
      <c r="J177" s="70"/>
      <c r="K177" s="70"/>
      <c r="L177" s="70"/>
    </row>
    <row r="178" spans="3:12" x14ac:dyDescent="0.2">
      <c r="C178" s="70"/>
      <c r="D178" s="70"/>
      <c r="E178" s="70"/>
      <c r="F178" s="70"/>
      <c r="G178" s="70"/>
      <c r="H178" s="70"/>
      <c r="I178" s="70"/>
      <c r="J178" s="70"/>
      <c r="K178" s="70"/>
      <c r="L178" s="70"/>
    </row>
    <row r="179" spans="3:12" x14ac:dyDescent="0.2">
      <c r="C179" s="70"/>
      <c r="D179" s="70"/>
      <c r="E179" s="70"/>
      <c r="F179" s="70"/>
      <c r="G179" s="70"/>
      <c r="H179" s="70"/>
      <c r="I179" s="70"/>
      <c r="J179" s="70"/>
      <c r="K179" s="70"/>
      <c r="L179" s="70"/>
    </row>
    <row r="180" spans="3:12" x14ac:dyDescent="0.2">
      <c r="C180" s="70"/>
      <c r="D180" s="70"/>
      <c r="E180" s="70"/>
      <c r="F180" s="70"/>
      <c r="G180" s="70"/>
      <c r="H180" s="70"/>
      <c r="I180" s="70"/>
      <c r="J180" s="70"/>
      <c r="K180" s="70"/>
      <c r="L180" s="70"/>
    </row>
    <row r="181" spans="3:12" x14ac:dyDescent="0.2">
      <c r="C181" s="70"/>
      <c r="D181" s="70"/>
      <c r="E181" s="70"/>
      <c r="F181" s="70"/>
      <c r="G181" s="70"/>
      <c r="H181" s="70"/>
      <c r="I181" s="70"/>
      <c r="J181" s="70"/>
      <c r="K181" s="70"/>
      <c r="L181" s="70"/>
    </row>
    <row r="182" spans="3:12" x14ac:dyDescent="0.2">
      <c r="C182" s="70"/>
      <c r="D182" s="70"/>
      <c r="E182" s="70"/>
      <c r="F182" s="70"/>
      <c r="G182" s="70"/>
      <c r="H182" s="70"/>
      <c r="I182" s="70"/>
      <c r="J182" s="70"/>
      <c r="K182" s="70"/>
      <c r="L182" s="70"/>
    </row>
    <row r="183" spans="3:12" x14ac:dyDescent="0.2">
      <c r="C183" s="70"/>
      <c r="D183" s="70"/>
      <c r="E183" s="70"/>
      <c r="F183" s="70"/>
      <c r="G183" s="70"/>
      <c r="H183" s="70"/>
      <c r="I183" s="70"/>
      <c r="J183" s="70"/>
      <c r="K183" s="70"/>
      <c r="L183" s="70"/>
    </row>
    <row r="184" spans="3:12" x14ac:dyDescent="0.2">
      <c r="C184" s="70"/>
      <c r="D184" s="70"/>
      <c r="E184" s="70"/>
      <c r="F184" s="70"/>
      <c r="G184" s="70"/>
      <c r="H184" s="70"/>
      <c r="I184" s="70"/>
      <c r="J184" s="70"/>
      <c r="K184" s="70"/>
      <c r="L184" s="70"/>
    </row>
    <row r="185" spans="3:12" x14ac:dyDescent="0.2">
      <c r="C185" s="70"/>
      <c r="D185" s="70"/>
      <c r="E185" s="70"/>
      <c r="F185" s="70"/>
      <c r="G185" s="70"/>
      <c r="H185" s="70"/>
      <c r="I185" s="70"/>
      <c r="J185" s="70"/>
      <c r="K185" s="70"/>
      <c r="L185" s="70"/>
    </row>
    <row r="186" spans="3:12" x14ac:dyDescent="0.2">
      <c r="C186" s="70"/>
      <c r="D186" s="70"/>
      <c r="E186" s="70"/>
      <c r="F186" s="70"/>
      <c r="G186" s="70"/>
      <c r="H186" s="70"/>
      <c r="I186" s="70"/>
      <c r="J186" s="70"/>
      <c r="K186" s="70"/>
      <c r="L186" s="70"/>
    </row>
    <row r="187" spans="3:12" x14ac:dyDescent="0.2">
      <c r="C187" s="70"/>
      <c r="D187" s="70"/>
      <c r="E187" s="70"/>
      <c r="F187" s="70"/>
      <c r="G187" s="70"/>
      <c r="H187" s="70"/>
      <c r="I187" s="70"/>
      <c r="J187" s="70"/>
      <c r="K187" s="70"/>
      <c r="L187" s="70"/>
    </row>
    <row r="188" spans="3:12" x14ac:dyDescent="0.2">
      <c r="C188" s="70"/>
      <c r="D188" s="70"/>
      <c r="E188" s="70"/>
      <c r="F188" s="70"/>
      <c r="G188" s="70"/>
      <c r="H188" s="70"/>
      <c r="I188" s="70"/>
      <c r="J188" s="70"/>
      <c r="K188" s="70"/>
      <c r="L188" s="70"/>
    </row>
    <row r="189" spans="3:12" x14ac:dyDescent="0.2">
      <c r="C189" s="70"/>
      <c r="D189" s="70"/>
      <c r="E189" s="70"/>
      <c r="F189" s="70"/>
      <c r="G189" s="70"/>
      <c r="H189" s="70"/>
      <c r="I189" s="70"/>
      <c r="J189" s="70"/>
      <c r="K189" s="70"/>
      <c r="L189" s="70"/>
    </row>
    <row r="190" spans="3:12" x14ac:dyDescent="0.2">
      <c r="C190" s="70"/>
      <c r="D190" s="70"/>
      <c r="E190" s="70"/>
      <c r="F190" s="70"/>
      <c r="G190" s="70"/>
      <c r="H190" s="70"/>
      <c r="I190" s="70"/>
      <c r="J190" s="70"/>
      <c r="K190" s="70"/>
      <c r="L190" s="70"/>
    </row>
    <row r="191" spans="3:12" x14ac:dyDescent="0.2">
      <c r="C191" s="70"/>
      <c r="D191" s="70"/>
      <c r="E191" s="70"/>
      <c r="F191" s="70"/>
      <c r="G191" s="70"/>
      <c r="H191" s="70"/>
      <c r="I191" s="70"/>
      <c r="J191" s="70"/>
      <c r="K191" s="70"/>
      <c r="L191" s="70"/>
    </row>
    <row r="192" spans="3:12" x14ac:dyDescent="0.2">
      <c r="C192" s="70"/>
      <c r="D192" s="70"/>
      <c r="E192" s="70"/>
      <c r="F192" s="70"/>
      <c r="G192" s="70"/>
      <c r="H192" s="70"/>
      <c r="I192" s="70"/>
      <c r="J192" s="70"/>
      <c r="K192" s="70"/>
      <c r="L192" s="70"/>
    </row>
    <row r="193" spans="3:12" x14ac:dyDescent="0.2">
      <c r="C193" s="70"/>
      <c r="D193" s="70"/>
      <c r="E193" s="70"/>
      <c r="F193" s="70"/>
      <c r="G193" s="70"/>
      <c r="H193" s="70"/>
      <c r="I193" s="70"/>
      <c r="J193" s="70"/>
      <c r="K193" s="70"/>
      <c r="L193" s="70"/>
    </row>
    <row r="194" spans="3:12" x14ac:dyDescent="0.2">
      <c r="C194" s="70"/>
      <c r="D194" s="70"/>
      <c r="E194" s="70"/>
      <c r="F194" s="70"/>
      <c r="G194" s="70"/>
      <c r="H194" s="70"/>
      <c r="I194" s="70"/>
      <c r="J194" s="70"/>
      <c r="K194" s="70"/>
      <c r="L194" s="70"/>
    </row>
    <row r="195" spans="3:12" x14ac:dyDescent="0.2">
      <c r="C195" s="70"/>
      <c r="D195" s="70"/>
      <c r="E195" s="70"/>
      <c r="F195" s="70"/>
      <c r="G195" s="70"/>
      <c r="H195" s="70"/>
      <c r="I195" s="70"/>
      <c r="J195" s="70"/>
      <c r="K195" s="70"/>
      <c r="L195" s="70"/>
    </row>
    <row r="196" spans="3:12" x14ac:dyDescent="0.2">
      <c r="C196" s="70"/>
      <c r="D196" s="70"/>
      <c r="E196" s="70"/>
      <c r="F196" s="70"/>
      <c r="G196" s="70"/>
      <c r="H196" s="70"/>
      <c r="I196" s="70"/>
      <c r="J196" s="70"/>
      <c r="K196" s="70"/>
      <c r="L196" s="70"/>
    </row>
    <row r="197" spans="3:12" x14ac:dyDescent="0.2">
      <c r="C197" s="70"/>
      <c r="D197" s="70"/>
      <c r="E197" s="70"/>
      <c r="F197" s="70"/>
      <c r="G197" s="70"/>
      <c r="H197" s="70"/>
      <c r="I197" s="70"/>
      <c r="J197" s="70"/>
      <c r="K197" s="70"/>
      <c r="L197" s="70"/>
    </row>
    <row r="198" spans="3:12" x14ac:dyDescent="0.2">
      <c r="C198" s="70"/>
      <c r="D198" s="70"/>
      <c r="E198" s="70"/>
      <c r="F198" s="70"/>
      <c r="G198" s="70"/>
      <c r="H198" s="70"/>
      <c r="I198" s="70"/>
      <c r="J198" s="70"/>
      <c r="K198" s="70"/>
      <c r="L198" s="70"/>
    </row>
    <row r="199" spans="3:12" x14ac:dyDescent="0.2">
      <c r="C199" s="70"/>
      <c r="D199" s="70"/>
      <c r="E199" s="70"/>
      <c r="F199" s="70"/>
      <c r="G199" s="70"/>
      <c r="H199" s="70"/>
      <c r="I199" s="70"/>
      <c r="J199" s="70"/>
      <c r="K199" s="70"/>
      <c r="L199" s="70"/>
    </row>
    <row r="200" spans="3:12" x14ac:dyDescent="0.2">
      <c r="C200" s="70"/>
      <c r="D200" s="70"/>
      <c r="E200" s="70"/>
      <c r="F200" s="70"/>
      <c r="G200" s="70"/>
      <c r="H200" s="70"/>
      <c r="I200" s="70"/>
      <c r="J200" s="70"/>
      <c r="K200" s="70"/>
      <c r="L200" s="70"/>
    </row>
    <row r="201" spans="3:12" x14ac:dyDescent="0.2">
      <c r="C201" s="70"/>
      <c r="D201" s="70"/>
      <c r="E201" s="70"/>
      <c r="F201" s="70"/>
      <c r="G201" s="70"/>
      <c r="H201" s="70"/>
      <c r="I201" s="70"/>
      <c r="J201" s="70"/>
      <c r="K201" s="70"/>
      <c r="L201" s="70"/>
    </row>
    <row r="202" spans="3:12" x14ac:dyDescent="0.2">
      <c r="C202" s="70"/>
      <c r="D202" s="70"/>
      <c r="E202" s="70"/>
      <c r="F202" s="70"/>
      <c r="G202" s="70"/>
      <c r="H202" s="70"/>
      <c r="I202" s="70"/>
      <c r="J202" s="70"/>
      <c r="K202" s="70"/>
      <c r="L202" s="70"/>
    </row>
    <row r="203" spans="3:12" x14ac:dyDescent="0.2">
      <c r="C203" s="70"/>
      <c r="D203" s="70"/>
      <c r="E203" s="70"/>
      <c r="F203" s="70"/>
      <c r="G203" s="70"/>
      <c r="H203" s="70"/>
      <c r="I203" s="70"/>
      <c r="J203" s="70"/>
      <c r="K203" s="70"/>
      <c r="L203" s="70"/>
    </row>
    <row r="204" spans="3:12" x14ac:dyDescent="0.2">
      <c r="C204" s="70"/>
      <c r="D204" s="70"/>
      <c r="E204" s="70"/>
      <c r="F204" s="70"/>
      <c r="G204" s="70"/>
      <c r="H204" s="70"/>
      <c r="I204" s="70"/>
      <c r="J204" s="70"/>
      <c r="K204" s="70"/>
      <c r="L204" s="70"/>
    </row>
    <row r="205" spans="3:12" x14ac:dyDescent="0.2">
      <c r="C205" s="70"/>
      <c r="D205" s="70"/>
      <c r="E205" s="70"/>
      <c r="F205" s="70"/>
      <c r="G205" s="70"/>
      <c r="H205" s="70"/>
      <c r="I205" s="70"/>
      <c r="J205" s="70"/>
      <c r="K205" s="70"/>
      <c r="L205" s="70"/>
    </row>
    <row r="206" spans="3:12" x14ac:dyDescent="0.2">
      <c r="C206" s="70"/>
      <c r="D206" s="70"/>
      <c r="E206" s="70"/>
      <c r="F206" s="70"/>
      <c r="G206" s="70"/>
      <c r="H206" s="70"/>
      <c r="I206" s="70"/>
      <c r="J206" s="70"/>
      <c r="K206" s="70"/>
      <c r="L206" s="70"/>
    </row>
    <row r="207" spans="3:12" x14ac:dyDescent="0.2">
      <c r="C207" s="70"/>
      <c r="D207" s="70"/>
      <c r="E207" s="70"/>
      <c r="F207" s="70"/>
      <c r="G207" s="70"/>
      <c r="H207" s="70"/>
      <c r="I207" s="70"/>
      <c r="J207" s="70"/>
      <c r="K207" s="70"/>
      <c r="L207" s="70"/>
    </row>
    <row r="208" spans="3:12" x14ac:dyDescent="0.2">
      <c r="C208" s="70"/>
      <c r="D208" s="70"/>
      <c r="E208" s="70"/>
      <c r="F208" s="70"/>
      <c r="G208" s="70"/>
      <c r="H208" s="70"/>
      <c r="I208" s="70"/>
      <c r="J208" s="70"/>
      <c r="K208" s="70"/>
      <c r="L208" s="70"/>
    </row>
    <row r="209" spans="3:12" x14ac:dyDescent="0.2">
      <c r="C209" s="70"/>
      <c r="D209" s="70"/>
      <c r="E209" s="70"/>
      <c r="F209" s="70"/>
      <c r="G209" s="70"/>
      <c r="H209" s="70"/>
      <c r="I209" s="70"/>
      <c r="J209" s="70"/>
      <c r="K209" s="70"/>
      <c r="L209" s="70"/>
    </row>
    <row r="210" spans="3:12" x14ac:dyDescent="0.2">
      <c r="C210" s="70"/>
      <c r="D210" s="70"/>
      <c r="E210" s="70"/>
      <c r="F210" s="70"/>
      <c r="G210" s="70"/>
      <c r="H210" s="70"/>
      <c r="I210" s="70"/>
      <c r="J210" s="70"/>
      <c r="K210" s="70"/>
      <c r="L210" s="70"/>
    </row>
    <row r="211" spans="3:12" x14ac:dyDescent="0.2">
      <c r="C211" s="70"/>
      <c r="D211" s="70"/>
      <c r="E211" s="70"/>
      <c r="F211" s="70"/>
      <c r="G211" s="70"/>
      <c r="H211" s="70"/>
      <c r="I211" s="70"/>
      <c r="J211" s="70"/>
      <c r="K211" s="70"/>
      <c r="L211" s="70"/>
    </row>
    <row r="212" spans="3:12" x14ac:dyDescent="0.2">
      <c r="C212" s="70"/>
      <c r="D212" s="70"/>
      <c r="E212" s="70"/>
      <c r="F212" s="70"/>
      <c r="G212" s="70"/>
      <c r="H212" s="70"/>
      <c r="I212" s="70"/>
      <c r="J212" s="70"/>
      <c r="K212" s="70"/>
      <c r="L212" s="70"/>
    </row>
    <row r="213" spans="3:12" x14ac:dyDescent="0.2">
      <c r="C213" s="70"/>
      <c r="D213" s="70"/>
      <c r="E213" s="70"/>
      <c r="F213" s="70"/>
      <c r="G213" s="70"/>
      <c r="H213" s="70"/>
      <c r="I213" s="70"/>
      <c r="J213" s="70"/>
      <c r="K213" s="70"/>
      <c r="L213" s="70"/>
    </row>
    <row r="214" spans="3:12" x14ac:dyDescent="0.2">
      <c r="C214" s="70"/>
      <c r="D214" s="70"/>
      <c r="E214" s="70"/>
      <c r="F214" s="70"/>
      <c r="G214" s="70"/>
      <c r="H214" s="70"/>
      <c r="I214" s="70"/>
      <c r="J214" s="70"/>
      <c r="K214" s="70"/>
      <c r="L214" s="70"/>
    </row>
    <row r="215" spans="3:12" x14ac:dyDescent="0.2">
      <c r="C215" s="70"/>
      <c r="D215" s="70"/>
      <c r="E215" s="70"/>
      <c r="F215" s="70"/>
      <c r="G215" s="70"/>
      <c r="H215" s="70"/>
      <c r="I215" s="70"/>
      <c r="J215" s="70"/>
      <c r="K215" s="70"/>
      <c r="L215" s="70"/>
    </row>
    <row r="216" spans="3:12" x14ac:dyDescent="0.2">
      <c r="C216" s="70"/>
      <c r="D216" s="70"/>
      <c r="E216" s="70"/>
      <c r="F216" s="70"/>
      <c r="G216" s="70"/>
      <c r="H216" s="70"/>
      <c r="I216" s="70"/>
      <c r="J216" s="70"/>
      <c r="K216" s="70"/>
      <c r="L216" s="70"/>
    </row>
    <row r="217" spans="3:12" x14ac:dyDescent="0.2">
      <c r="C217" s="70"/>
      <c r="D217" s="70"/>
      <c r="E217" s="70"/>
      <c r="F217" s="70"/>
      <c r="G217" s="70"/>
      <c r="H217" s="70"/>
      <c r="I217" s="70"/>
      <c r="J217" s="70"/>
      <c r="K217" s="70"/>
      <c r="L217" s="70"/>
    </row>
    <row r="218" spans="3:12" x14ac:dyDescent="0.2">
      <c r="C218" s="70"/>
      <c r="D218" s="70"/>
      <c r="E218" s="70"/>
      <c r="F218" s="70"/>
      <c r="G218" s="70"/>
      <c r="H218" s="70"/>
      <c r="I218" s="70"/>
      <c r="J218" s="70"/>
      <c r="K218" s="70"/>
      <c r="L218" s="70"/>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 style="71" customWidth="1"/>
    <col min="7" max="13" width="10.33203125" style="71" customWidth="1"/>
    <col min="14" max="16" width="8.88671875" style="71" customWidth="1"/>
    <col min="17" max="17" width="7.6640625" style="71" customWidth="1"/>
    <col min="18" max="24" width="10.6640625" style="71" customWidth="1"/>
    <col min="25" max="27" width="8.88671875" style="71" customWidth="1"/>
    <col min="28" max="28" width="7.6640625" style="71" customWidth="1"/>
    <col min="29" max="29" width="8.88671875" style="71" customWidth="1"/>
    <col min="30" max="30" width="10.44140625" style="71" customWidth="1"/>
    <col min="31" max="33" width="8.88671875" style="71" customWidth="1"/>
    <col min="34" max="35" width="10" style="71" customWidth="1"/>
    <col min="36" max="38" width="8.88671875" style="71" customWidth="1"/>
    <col min="39" max="39" width="7.77734375" style="71" customWidth="1"/>
    <col min="40" max="49" width="8.88671875" style="71" customWidth="1"/>
    <col min="50" max="50" width="7.77734375" style="71" customWidth="1"/>
    <col min="51" max="55" width="8.88671875" style="71" customWidth="1"/>
    <col min="56" max="57" width="10.33203125" style="71" customWidth="1"/>
    <col min="58" max="60" width="8.88671875" style="71" customWidth="1"/>
    <col min="61" max="61" width="8" style="71" customWidth="1"/>
    <col min="62" max="71" width="8.88671875" style="71" customWidth="1"/>
    <col min="72" max="72" width="7.44140625" style="71" customWidth="1"/>
    <col min="73" max="77" width="8.88671875" style="71" customWidth="1"/>
    <col min="78" max="78" width="11.77734375" style="71" customWidth="1"/>
    <col min="79" max="79" width="12" style="71" customWidth="1"/>
    <col min="80" max="82" width="8.88671875" style="247" customWidth="1"/>
    <col min="83" max="83" width="7.77734375" style="247" customWidth="1"/>
    <col min="84" max="90" width="9" style="247" customWidth="1"/>
    <col min="91" max="93" width="8.88671875" style="71" customWidth="1"/>
    <col min="94" max="94" width="7.44140625" style="71" customWidth="1"/>
    <col min="95" max="97" width="10.109375" style="71" customWidth="1"/>
    <col min="98" max="99" width="8.88671875" style="71" customWidth="1"/>
    <col min="100" max="101" width="10.21875" style="71" customWidth="1"/>
    <col min="102" max="104" width="8.88671875" style="71" customWidth="1"/>
    <col min="105" max="105" width="7.33203125" style="71" customWidth="1"/>
    <col min="106" max="110" width="8.88671875" style="71" customWidth="1"/>
    <col min="111" max="112" width="9.21875" style="71" customWidth="1"/>
    <col min="113" max="115" width="8.88671875" style="247" customWidth="1"/>
    <col min="116" max="116" width="7.33203125" style="247" customWidth="1"/>
    <col min="117" max="121" width="8.88671875" style="247" customWidth="1"/>
    <col min="122" max="123" width="9.6640625" style="247" customWidth="1"/>
    <col min="124" max="126" width="8.88671875" style="71" customWidth="1"/>
    <col min="127" max="127" width="7.77734375" style="71" customWidth="1"/>
    <col min="128" max="132" width="8.88671875" style="71" customWidth="1"/>
    <col min="133" max="134" width="9.33203125" style="71" customWidth="1"/>
    <col min="135" max="137" width="8.88671875" style="71" customWidth="1"/>
    <col min="138" max="138" width="7.44140625" style="71" customWidth="1"/>
    <col min="139" max="148" width="8.88671875" style="71" customWidth="1"/>
    <col min="149" max="149" width="7.21875" style="71" customWidth="1"/>
    <col min="150" max="159" width="8.88671875" style="71" customWidth="1"/>
    <col min="160" max="160" width="7.21875" style="71" customWidth="1"/>
    <col min="161" max="167" width="8.88671875" style="71" customWidth="1"/>
    <col min="168" max="170" width="8.88671875" style="247" customWidth="1"/>
    <col min="171" max="171" width="7.33203125" style="247" customWidth="1"/>
    <col min="172" max="176" width="8.88671875" style="247" customWidth="1"/>
    <col min="177" max="178" width="9.6640625" style="247" customWidth="1"/>
    <col min="179" max="181" width="8.88671875" style="71" customWidth="1"/>
    <col min="182" max="182" width="7.21875" style="71" customWidth="1"/>
    <col min="183" max="187" width="8.88671875" style="71" customWidth="1"/>
    <col min="188" max="189" width="9.44140625" style="71" customWidth="1"/>
    <col min="190" max="192" width="8.88671875" style="71" customWidth="1"/>
    <col min="193" max="193" width="7.77734375" style="71" customWidth="1"/>
    <col min="194" max="203" width="8.88671875" style="71" customWidth="1"/>
    <col min="204" max="204" width="7.44140625" style="71" customWidth="1"/>
    <col min="205" max="214" width="8.88671875" style="71" customWidth="1"/>
    <col min="215" max="215" width="7.33203125" style="71" customWidth="1"/>
    <col min="216" max="218" width="8.88671875" style="71" customWidth="1"/>
    <col min="219" max="219" width="10.44140625" style="71" customWidth="1"/>
    <col min="220" max="220" width="8.88671875" style="71" customWidth="1"/>
    <col min="221" max="222" width="9.6640625" style="71" customWidth="1"/>
    <col min="223" max="225" width="8.88671875" style="71" customWidth="1"/>
    <col min="226" max="226" width="7.6640625" style="71" customWidth="1"/>
    <col min="227" max="231" width="8.8867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43</v>
      </c>
      <c r="E1" s="63">
        <f>第１表!F2</f>
        <v>6</v>
      </c>
      <c r="F1" s="419">
        <f>第１表!G2</f>
        <v>11</v>
      </c>
      <c r="G1" s="531">
        <f>IF(F1&lt;3,F1-2+12,F1-2)</f>
        <v>9</v>
      </c>
      <c r="H1" s="531"/>
      <c r="IB1" s="42"/>
      <c r="IC1" s="22"/>
      <c r="ID1" s="542"/>
      <c r="IE1" s="542"/>
    </row>
    <row r="2" spans="1:409" ht="24" customHeight="1" x14ac:dyDescent="0.2">
      <c r="B2" s="10" t="s">
        <v>144</v>
      </c>
      <c r="E2" s="19"/>
      <c r="F2" s="20"/>
      <c r="G2" s="542"/>
      <c r="H2" s="542"/>
      <c r="IB2" s="21"/>
      <c r="IC2" s="22"/>
      <c r="ID2" s="248"/>
      <c r="IE2" s="248"/>
    </row>
    <row r="3" spans="1:409" ht="24" customHeight="1" thickBot="1" x14ac:dyDescent="0.25">
      <c r="B3" s="10" t="s">
        <v>145</v>
      </c>
    </row>
    <row r="4" spans="1:409" ht="21" customHeight="1" thickBot="1" x14ac:dyDescent="0.25">
      <c r="B4" s="547" t="s">
        <v>42</v>
      </c>
      <c r="C4" s="550" t="s">
        <v>63</v>
      </c>
      <c r="D4" s="550"/>
      <c r="E4" s="550"/>
      <c r="F4" s="550"/>
      <c r="G4" s="550"/>
      <c r="H4" s="550"/>
      <c r="I4" s="550"/>
      <c r="J4" s="550"/>
      <c r="K4" s="550"/>
      <c r="L4" s="550"/>
      <c r="M4" s="550"/>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8"/>
      <c r="CB4" s="508"/>
      <c r="CC4" s="508"/>
      <c r="CD4" s="508"/>
      <c r="CE4" s="508"/>
      <c r="CF4" s="508"/>
      <c r="CG4" s="508"/>
      <c r="CH4" s="508"/>
      <c r="CI4" s="508"/>
      <c r="CJ4" s="508"/>
      <c r="CK4" s="508"/>
      <c r="CL4" s="508"/>
      <c r="CM4" s="508"/>
      <c r="CN4" s="508"/>
      <c r="CO4" s="508"/>
      <c r="CP4" s="508"/>
      <c r="CQ4" s="508"/>
      <c r="CR4" s="508"/>
      <c r="CS4" s="508"/>
      <c r="CT4" s="508"/>
      <c r="CU4" s="508"/>
      <c r="CV4" s="508"/>
      <c r="CW4" s="508"/>
      <c r="CX4" s="508"/>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8"/>
      <c r="FW4" s="508"/>
      <c r="FX4" s="508"/>
      <c r="FY4" s="508"/>
      <c r="FZ4" s="508"/>
      <c r="GA4" s="508"/>
      <c r="GB4" s="508"/>
      <c r="GC4" s="508"/>
      <c r="GD4" s="508"/>
      <c r="GE4" s="508"/>
      <c r="GF4" s="508"/>
      <c r="GG4" s="508"/>
      <c r="GH4" s="508"/>
      <c r="GI4" s="508"/>
      <c r="GJ4" s="508"/>
      <c r="GK4" s="508"/>
      <c r="GL4" s="508"/>
      <c r="GM4" s="508"/>
      <c r="GN4" s="508"/>
      <c r="GO4" s="508"/>
      <c r="GP4" s="508"/>
      <c r="GQ4" s="508"/>
      <c r="GR4" s="508"/>
      <c r="GS4" s="508"/>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9"/>
      <c r="HZ4" s="439" t="s">
        <v>85</v>
      </c>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0"/>
      <c r="JR4" s="440"/>
      <c r="JS4" s="440"/>
      <c r="JT4" s="440"/>
      <c r="JU4" s="440"/>
      <c r="JV4" s="440"/>
      <c r="JW4" s="440"/>
      <c r="JX4" s="440"/>
      <c r="JY4" s="440"/>
      <c r="JZ4" s="440"/>
      <c r="KA4" s="440"/>
      <c r="KB4" s="440"/>
      <c r="KC4" s="440"/>
      <c r="KD4" s="440"/>
      <c r="KE4" s="440"/>
      <c r="KF4" s="440"/>
      <c r="KG4" s="440"/>
      <c r="KH4" s="440"/>
      <c r="KI4" s="440"/>
      <c r="KJ4" s="440"/>
      <c r="KK4" s="440"/>
      <c r="KL4" s="440"/>
      <c r="KM4" s="440"/>
      <c r="KN4" s="440"/>
      <c r="KO4" s="440"/>
      <c r="KP4" s="440"/>
      <c r="KQ4" s="440"/>
      <c r="KR4" s="440"/>
      <c r="KS4" s="440"/>
      <c r="KT4" s="440"/>
      <c r="KU4" s="440"/>
      <c r="KV4" s="440"/>
      <c r="KW4" s="440"/>
      <c r="KX4" s="440"/>
      <c r="KY4" s="440"/>
      <c r="KZ4" s="440"/>
      <c r="LA4" s="440"/>
      <c r="LB4" s="440"/>
      <c r="LC4" s="440"/>
      <c r="LD4" s="440"/>
      <c r="LE4" s="440"/>
      <c r="LF4" s="440"/>
      <c r="LG4" s="440"/>
      <c r="LH4" s="440"/>
      <c r="LI4" s="440"/>
      <c r="LJ4" s="440"/>
      <c r="LK4" s="440"/>
      <c r="LL4" s="440"/>
      <c r="LM4" s="440"/>
      <c r="LN4" s="440"/>
      <c r="LO4" s="440"/>
      <c r="LP4" s="440"/>
      <c r="LQ4" s="440"/>
      <c r="LR4" s="440"/>
      <c r="LS4" s="440"/>
      <c r="LT4" s="440"/>
      <c r="LU4" s="440"/>
      <c r="LV4" s="440"/>
      <c r="LW4" s="440"/>
      <c r="LX4" s="440"/>
      <c r="LY4" s="440"/>
      <c r="LZ4" s="440"/>
      <c r="MA4" s="440"/>
      <c r="MB4" s="440"/>
      <c r="MC4" s="440"/>
      <c r="MD4" s="440"/>
      <c r="ME4" s="441"/>
      <c r="MF4" s="439" t="s">
        <v>86</v>
      </c>
      <c r="MG4" s="440"/>
      <c r="MH4" s="440"/>
      <c r="MI4" s="440"/>
      <c r="MJ4" s="440"/>
      <c r="MK4" s="440"/>
      <c r="ML4" s="440"/>
      <c r="MM4" s="440"/>
      <c r="MN4" s="440"/>
      <c r="MO4" s="440"/>
      <c r="MP4" s="440"/>
      <c r="MQ4" s="440"/>
      <c r="MR4" s="440"/>
      <c r="MS4" s="440"/>
      <c r="MT4" s="440"/>
      <c r="MU4" s="440"/>
      <c r="MV4" s="440"/>
      <c r="MW4" s="440"/>
      <c r="MX4" s="440"/>
      <c r="MY4" s="440"/>
      <c r="MZ4" s="440"/>
      <c r="NA4" s="440"/>
      <c r="NB4" s="440"/>
      <c r="NC4" s="440"/>
      <c r="ND4" s="440"/>
      <c r="NE4" s="440"/>
      <c r="NF4" s="440"/>
      <c r="NG4" s="440"/>
      <c r="NH4" s="440"/>
      <c r="NI4" s="440"/>
      <c r="NJ4" s="440"/>
      <c r="NK4" s="440"/>
      <c r="NL4" s="440"/>
      <c r="NM4" s="440"/>
      <c r="NN4" s="440"/>
      <c r="NO4" s="440"/>
      <c r="NP4" s="440"/>
      <c r="NQ4" s="440"/>
      <c r="NR4" s="440"/>
      <c r="NS4" s="440"/>
      <c r="NT4" s="440"/>
      <c r="NU4" s="440"/>
      <c r="NV4" s="440"/>
      <c r="NW4" s="440"/>
      <c r="NX4" s="440"/>
      <c r="NY4" s="440"/>
      <c r="NZ4" s="440"/>
      <c r="OA4" s="440"/>
      <c r="OB4" s="440"/>
      <c r="OC4" s="440"/>
      <c r="OD4" s="440"/>
      <c r="OE4" s="440"/>
      <c r="OF4" s="440"/>
      <c r="OG4" s="440"/>
      <c r="OH4" s="441"/>
      <c r="OI4" s="425" t="s">
        <v>60</v>
      </c>
      <c r="OJ4" s="426"/>
      <c r="OK4" s="426"/>
      <c r="OL4" s="426"/>
      <c r="OM4" s="426"/>
      <c r="ON4" s="426"/>
      <c r="OO4" s="426"/>
      <c r="OP4" s="426"/>
      <c r="OQ4" s="426"/>
      <c r="OR4" s="426"/>
      <c r="OS4" s="427"/>
    </row>
    <row r="5" spans="1:409" ht="21" customHeight="1" thickBot="1" x14ac:dyDescent="0.25">
      <c r="B5" s="548"/>
      <c r="C5" s="551"/>
      <c r="D5" s="551"/>
      <c r="E5" s="551"/>
      <c r="F5" s="551"/>
      <c r="G5" s="551"/>
      <c r="H5" s="551"/>
      <c r="I5" s="551"/>
      <c r="J5" s="551"/>
      <c r="K5" s="551"/>
      <c r="L5" s="551"/>
      <c r="M5" s="551"/>
      <c r="N5" s="553" t="s">
        <v>64</v>
      </c>
      <c r="O5" s="554"/>
      <c r="P5" s="554"/>
      <c r="Q5" s="554"/>
      <c r="R5" s="554"/>
      <c r="S5" s="554"/>
      <c r="T5" s="554"/>
      <c r="U5" s="554"/>
      <c r="V5" s="554"/>
      <c r="W5" s="554"/>
      <c r="X5" s="554"/>
      <c r="Y5" s="554"/>
      <c r="Z5" s="554"/>
      <c r="AA5" s="554"/>
      <c r="AB5" s="554"/>
      <c r="AC5" s="554"/>
      <c r="AD5" s="554"/>
      <c r="AE5" s="554"/>
      <c r="AF5" s="554"/>
      <c r="AG5" s="554"/>
      <c r="AH5" s="554"/>
      <c r="AI5" s="554"/>
      <c r="AJ5" s="554"/>
      <c r="AK5" s="554"/>
      <c r="AL5" s="554"/>
      <c r="AM5" s="554"/>
      <c r="AN5" s="554"/>
      <c r="AO5" s="554"/>
      <c r="AP5" s="554"/>
      <c r="AQ5" s="554"/>
      <c r="AR5" s="554"/>
      <c r="AS5" s="554"/>
      <c r="AT5" s="554"/>
      <c r="AU5" s="554"/>
      <c r="AV5" s="554"/>
      <c r="AW5" s="554"/>
      <c r="AX5" s="554"/>
      <c r="AY5" s="554"/>
      <c r="AZ5" s="554"/>
      <c r="BA5" s="554"/>
      <c r="BB5" s="554"/>
      <c r="BC5" s="554"/>
      <c r="BD5" s="554"/>
      <c r="BE5" s="554"/>
      <c r="BF5" s="554"/>
      <c r="BG5" s="554"/>
      <c r="BH5" s="554"/>
      <c r="BI5" s="554"/>
      <c r="BJ5" s="554"/>
      <c r="BK5" s="554"/>
      <c r="BL5" s="554"/>
      <c r="BM5" s="554"/>
      <c r="BN5" s="554"/>
      <c r="BO5" s="554"/>
      <c r="BP5" s="554"/>
      <c r="BQ5" s="554"/>
      <c r="BR5" s="554"/>
      <c r="BS5" s="554"/>
      <c r="BT5" s="554"/>
      <c r="BU5" s="554"/>
      <c r="BV5" s="554"/>
      <c r="BW5" s="554"/>
      <c r="BX5" s="554"/>
      <c r="BY5" s="554"/>
      <c r="BZ5" s="554"/>
      <c r="CA5" s="555"/>
      <c r="CB5" s="553" t="s">
        <v>65</v>
      </c>
      <c r="CC5" s="554"/>
      <c r="CD5" s="554"/>
      <c r="CE5" s="554"/>
      <c r="CF5" s="554"/>
      <c r="CG5" s="554"/>
      <c r="CH5" s="554"/>
      <c r="CI5" s="554"/>
      <c r="CJ5" s="554"/>
      <c r="CK5" s="554"/>
      <c r="CL5" s="554"/>
      <c r="CM5" s="554"/>
      <c r="CN5" s="554"/>
      <c r="CO5" s="554"/>
      <c r="CP5" s="554"/>
      <c r="CQ5" s="554"/>
      <c r="CR5" s="554"/>
      <c r="CS5" s="554"/>
      <c r="CT5" s="554"/>
      <c r="CU5" s="554"/>
      <c r="CV5" s="554"/>
      <c r="CW5" s="554"/>
      <c r="CX5" s="554"/>
      <c r="CY5" s="554"/>
      <c r="CZ5" s="554"/>
      <c r="DA5" s="554"/>
      <c r="DB5" s="554"/>
      <c r="DC5" s="554"/>
      <c r="DD5" s="554"/>
      <c r="DE5" s="554"/>
      <c r="DF5" s="554"/>
      <c r="DG5" s="554"/>
      <c r="DH5" s="555"/>
      <c r="DI5" s="439" t="s">
        <v>66</v>
      </c>
      <c r="DJ5" s="440"/>
      <c r="DK5" s="440"/>
      <c r="DL5" s="440"/>
      <c r="DM5" s="440"/>
      <c r="DN5" s="440"/>
      <c r="DO5" s="440"/>
      <c r="DP5" s="440"/>
      <c r="DQ5" s="440"/>
      <c r="DR5" s="440"/>
      <c r="DS5" s="440"/>
      <c r="DT5" s="440"/>
      <c r="DU5" s="440"/>
      <c r="DV5" s="440"/>
      <c r="DW5" s="440"/>
      <c r="DX5" s="440"/>
      <c r="DY5" s="440"/>
      <c r="DZ5" s="440"/>
      <c r="EA5" s="440"/>
      <c r="EB5" s="440"/>
      <c r="EC5" s="440"/>
      <c r="ED5" s="440"/>
      <c r="EE5" s="440"/>
      <c r="EF5" s="440"/>
      <c r="EG5" s="440"/>
      <c r="EH5" s="440"/>
      <c r="EI5" s="440"/>
      <c r="EJ5" s="440"/>
      <c r="EK5" s="440"/>
      <c r="EL5" s="440"/>
      <c r="EM5" s="440"/>
      <c r="EN5" s="440"/>
      <c r="EO5" s="440"/>
      <c r="EP5" s="440"/>
      <c r="EQ5" s="440"/>
      <c r="ER5" s="440"/>
      <c r="ES5" s="440"/>
      <c r="ET5" s="440"/>
      <c r="EU5" s="440"/>
      <c r="EV5" s="440"/>
      <c r="EW5" s="440"/>
      <c r="EX5" s="440"/>
      <c r="EY5" s="440"/>
      <c r="EZ5" s="440"/>
      <c r="FA5" s="440"/>
      <c r="FB5" s="440"/>
      <c r="FC5" s="440"/>
      <c r="FD5" s="440"/>
      <c r="FE5" s="440"/>
      <c r="FF5" s="440"/>
      <c r="FG5" s="440"/>
      <c r="FH5" s="440"/>
      <c r="FI5" s="440"/>
      <c r="FJ5" s="440"/>
      <c r="FK5" s="441"/>
      <c r="FL5" s="553" t="s">
        <v>67</v>
      </c>
      <c r="FM5" s="554"/>
      <c r="FN5" s="554"/>
      <c r="FO5" s="554"/>
      <c r="FP5" s="554"/>
      <c r="FQ5" s="554"/>
      <c r="FR5" s="554"/>
      <c r="FS5" s="554"/>
      <c r="FT5" s="554"/>
      <c r="FU5" s="554"/>
      <c r="FV5" s="554"/>
      <c r="FW5" s="554"/>
      <c r="FX5" s="554"/>
      <c r="FY5" s="554"/>
      <c r="FZ5" s="554"/>
      <c r="GA5" s="554"/>
      <c r="GB5" s="554"/>
      <c r="GC5" s="554"/>
      <c r="GD5" s="554"/>
      <c r="GE5" s="554"/>
      <c r="GF5" s="554"/>
      <c r="GG5" s="554"/>
      <c r="GH5" s="554"/>
      <c r="GI5" s="554"/>
      <c r="GJ5" s="554"/>
      <c r="GK5" s="554"/>
      <c r="GL5" s="554"/>
      <c r="GM5" s="554"/>
      <c r="GN5" s="554"/>
      <c r="GO5" s="554"/>
      <c r="GP5" s="554"/>
      <c r="GQ5" s="554"/>
      <c r="GR5" s="554"/>
      <c r="GS5" s="554"/>
      <c r="GT5" s="554"/>
      <c r="GU5" s="554"/>
      <c r="GV5" s="554"/>
      <c r="GW5" s="554"/>
      <c r="GX5" s="554"/>
      <c r="GY5" s="554"/>
      <c r="GZ5" s="554"/>
      <c r="HA5" s="554"/>
      <c r="HB5" s="554"/>
      <c r="HC5" s="555"/>
      <c r="HD5" s="539" t="s">
        <v>68</v>
      </c>
      <c r="HE5" s="540"/>
      <c r="HF5" s="540"/>
      <c r="HG5" s="540"/>
      <c r="HH5" s="540"/>
      <c r="HI5" s="540"/>
      <c r="HJ5" s="540"/>
      <c r="HK5" s="540"/>
      <c r="HL5" s="540"/>
      <c r="HM5" s="540"/>
      <c r="HN5" s="541"/>
      <c r="HO5" s="539" t="s">
        <v>69</v>
      </c>
      <c r="HP5" s="540"/>
      <c r="HQ5" s="540"/>
      <c r="HR5" s="540"/>
      <c r="HS5" s="540"/>
      <c r="HT5" s="540"/>
      <c r="HU5" s="540"/>
      <c r="HV5" s="540"/>
      <c r="HW5" s="540"/>
      <c r="HX5" s="540"/>
      <c r="HY5" s="541"/>
      <c r="HZ5" s="572"/>
      <c r="IA5" s="573"/>
      <c r="IB5" s="573"/>
      <c r="IC5" s="573"/>
      <c r="ID5" s="573"/>
      <c r="IE5" s="573"/>
      <c r="IF5" s="573"/>
      <c r="IG5" s="573"/>
      <c r="IH5" s="573"/>
      <c r="II5" s="573"/>
      <c r="IJ5" s="574"/>
      <c r="IK5" s="425" t="s">
        <v>94</v>
      </c>
      <c r="IL5" s="426"/>
      <c r="IM5" s="426"/>
      <c r="IN5" s="426"/>
      <c r="IO5" s="426"/>
      <c r="IP5" s="426"/>
      <c r="IQ5" s="426"/>
      <c r="IR5" s="426"/>
      <c r="IS5" s="426"/>
      <c r="IT5" s="426"/>
      <c r="IU5" s="427"/>
      <c r="IV5" s="425" t="s">
        <v>88</v>
      </c>
      <c r="IW5" s="426"/>
      <c r="IX5" s="426"/>
      <c r="IY5" s="426"/>
      <c r="IZ5" s="426"/>
      <c r="JA5" s="426"/>
      <c r="JB5" s="426"/>
      <c r="JC5" s="426"/>
      <c r="JD5" s="426"/>
      <c r="JE5" s="426"/>
      <c r="JF5" s="427"/>
      <c r="JG5" s="425" t="s">
        <v>141</v>
      </c>
      <c r="JH5" s="426"/>
      <c r="JI5" s="426"/>
      <c r="JJ5" s="426"/>
      <c r="JK5" s="426"/>
      <c r="JL5" s="426"/>
      <c r="JM5" s="426"/>
      <c r="JN5" s="426"/>
      <c r="JO5" s="426"/>
      <c r="JP5" s="426"/>
      <c r="JQ5" s="427"/>
      <c r="JR5" s="425" t="s">
        <v>90</v>
      </c>
      <c r="JS5" s="426"/>
      <c r="JT5" s="426"/>
      <c r="JU5" s="426"/>
      <c r="JV5" s="426"/>
      <c r="JW5" s="426"/>
      <c r="JX5" s="426"/>
      <c r="JY5" s="426"/>
      <c r="JZ5" s="426"/>
      <c r="KA5" s="426"/>
      <c r="KB5" s="427"/>
      <c r="KC5" s="425" t="s">
        <v>89</v>
      </c>
      <c r="KD5" s="426"/>
      <c r="KE5" s="426"/>
      <c r="KF5" s="426"/>
      <c r="KG5" s="426"/>
      <c r="KH5" s="426"/>
      <c r="KI5" s="426"/>
      <c r="KJ5" s="426"/>
      <c r="KK5" s="426"/>
      <c r="KL5" s="426"/>
      <c r="KM5" s="427"/>
      <c r="KN5" s="425" t="s">
        <v>91</v>
      </c>
      <c r="KO5" s="426"/>
      <c r="KP5" s="426"/>
      <c r="KQ5" s="426"/>
      <c r="KR5" s="426"/>
      <c r="KS5" s="426"/>
      <c r="KT5" s="426"/>
      <c r="KU5" s="426"/>
      <c r="KV5" s="426"/>
      <c r="KW5" s="426"/>
      <c r="KX5" s="427"/>
      <c r="KY5" s="425" t="s">
        <v>92</v>
      </c>
      <c r="KZ5" s="426"/>
      <c r="LA5" s="426"/>
      <c r="LB5" s="426"/>
      <c r="LC5" s="426"/>
      <c r="LD5" s="426"/>
      <c r="LE5" s="426"/>
      <c r="LF5" s="426"/>
      <c r="LG5" s="426"/>
      <c r="LH5" s="426"/>
      <c r="LI5" s="427"/>
      <c r="LJ5" s="575" t="s">
        <v>93</v>
      </c>
      <c r="LK5" s="576"/>
      <c r="LL5" s="576"/>
      <c r="LM5" s="576"/>
      <c r="LN5" s="576"/>
      <c r="LO5" s="576"/>
      <c r="LP5" s="576"/>
      <c r="LQ5" s="576"/>
      <c r="LR5" s="576"/>
      <c r="LS5" s="576"/>
      <c r="LT5" s="577"/>
      <c r="LU5" s="575" t="s">
        <v>142</v>
      </c>
      <c r="LV5" s="576"/>
      <c r="LW5" s="576"/>
      <c r="LX5" s="576"/>
      <c r="LY5" s="576"/>
      <c r="LZ5" s="576"/>
      <c r="MA5" s="576"/>
      <c r="MB5" s="576"/>
      <c r="MC5" s="576"/>
      <c r="MD5" s="576"/>
      <c r="ME5" s="577"/>
      <c r="MF5" s="572"/>
      <c r="MG5" s="573"/>
      <c r="MH5" s="573"/>
      <c r="MI5" s="573"/>
      <c r="MJ5" s="573"/>
      <c r="MK5" s="573"/>
      <c r="ML5" s="573"/>
      <c r="MM5" s="573"/>
      <c r="MN5" s="573"/>
      <c r="MO5" s="573"/>
      <c r="MP5" s="574"/>
      <c r="MQ5" s="425" t="s">
        <v>57</v>
      </c>
      <c r="MR5" s="426"/>
      <c r="MS5" s="426"/>
      <c r="MT5" s="426"/>
      <c r="MU5" s="426"/>
      <c r="MV5" s="426"/>
      <c r="MW5" s="426"/>
      <c r="MX5" s="426"/>
      <c r="MY5" s="426"/>
      <c r="MZ5" s="426"/>
      <c r="NA5" s="427"/>
      <c r="NB5" s="425" t="s">
        <v>58</v>
      </c>
      <c r="NC5" s="426"/>
      <c r="ND5" s="426"/>
      <c r="NE5" s="426"/>
      <c r="NF5" s="426"/>
      <c r="NG5" s="426"/>
      <c r="NH5" s="426"/>
      <c r="NI5" s="426"/>
      <c r="NJ5" s="426"/>
      <c r="NK5" s="426"/>
      <c r="NL5" s="427"/>
      <c r="NM5" s="425" t="s">
        <v>59</v>
      </c>
      <c r="NN5" s="426"/>
      <c r="NO5" s="426"/>
      <c r="NP5" s="426"/>
      <c r="NQ5" s="426"/>
      <c r="NR5" s="426"/>
      <c r="NS5" s="426"/>
      <c r="NT5" s="426"/>
      <c r="NU5" s="426"/>
      <c r="NV5" s="426"/>
      <c r="NW5" s="427"/>
      <c r="NX5" s="425" t="s">
        <v>148</v>
      </c>
      <c r="NY5" s="426"/>
      <c r="NZ5" s="426"/>
      <c r="OA5" s="426"/>
      <c r="OB5" s="426"/>
      <c r="OC5" s="426"/>
      <c r="OD5" s="426"/>
      <c r="OE5" s="426"/>
      <c r="OF5" s="426"/>
      <c r="OG5" s="426"/>
      <c r="OH5" s="427"/>
      <c r="OI5" s="443"/>
      <c r="OJ5" s="570"/>
      <c r="OK5" s="570"/>
      <c r="OL5" s="570"/>
      <c r="OM5" s="570"/>
      <c r="ON5" s="570"/>
      <c r="OO5" s="570"/>
      <c r="OP5" s="570"/>
      <c r="OQ5" s="570"/>
      <c r="OR5" s="570"/>
      <c r="OS5" s="571"/>
    </row>
    <row r="6" spans="1:409" ht="21" customHeight="1" thickBot="1" x14ac:dyDescent="0.25">
      <c r="B6" s="548"/>
      <c r="C6" s="552"/>
      <c r="D6" s="552"/>
      <c r="E6" s="552"/>
      <c r="F6" s="552"/>
      <c r="G6" s="552"/>
      <c r="H6" s="552"/>
      <c r="I6" s="552"/>
      <c r="J6" s="552"/>
      <c r="K6" s="552"/>
      <c r="L6" s="552"/>
      <c r="M6" s="552"/>
      <c r="N6" s="431"/>
      <c r="O6" s="432"/>
      <c r="P6" s="432"/>
      <c r="Q6" s="432"/>
      <c r="R6" s="432"/>
      <c r="S6" s="432"/>
      <c r="T6" s="432"/>
      <c r="U6" s="432"/>
      <c r="V6" s="432"/>
      <c r="W6" s="432"/>
      <c r="X6" s="433"/>
      <c r="Y6" s="434" t="s">
        <v>70</v>
      </c>
      <c r="Z6" s="435"/>
      <c r="AA6" s="435"/>
      <c r="AB6" s="435"/>
      <c r="AC6" s="435"/>
      <c r="AD6" s="435"/>
      <c r="AE6" s="435"/>
      <c r="AF6" s="435"/>
      <c r="AG6" s="435"/>
      <c r="AH6" s="435"/>
      <c r="AI6" s="436"/>
      <c r="AJ6" s="539" t="s">
        <v>71</v>
      </c>
      <c r="AK6" s="540"/>
      <c r="AL6" s="540"/>
      <c r="AM6" s="540"/>
      <c r="AN6" s="540"/>
      <c r="AO6" s="540"/>
      <c r="AP6" s="540"/>
      <c r="AQ6" s="540"/>
      <c r="AR6" s="540"/>
      <c r="AS6" s="540"/>
      <c r="AT6" s="541"/>
      <c r="AU6" s="536" t="s">
        <v>72</v>
      </c>
      <c r="AV6" s="537"/>
      <c r="AW6" s="537"/>
      <c r="AX6" s="537"/>
      <c r="AY6" s="537"/>
      <c r="AZ6" s="537"/>
      <c r="BA6" s="537"/>
      <c r="BB6" s="537"/>
      <c r="BC6" s="537"/>
      <c r="BD6" s="537"/>
      <c r="BE6" s="538"/>
      <c r="BF6" s="536" t="s">
        <v>73</v>
      </c>
      <c r="BG6" s="537"/>
      <c r="BH6" s="537"/>
      <c r="BI6" s="537"/>
      <c r="BJ6" s="537"/>
      <c r="BK6" s="537"/>
      <c r="BL6" s="537"/>
      <c r="BM6" s="537"/>
      <c r="BN6" s="537"/>
      <c r="BO6" s="537"/>
      <c r="BP6" s="538"/>
      <c r="BQ6" s="536" t="s">
        <v>74</v>
      </c>
      <c r="BR6" s="537"/>
      <c r="BS6" s="537"/>
      <c r="BT6" s="537"/>
      <c r="BU6" s="537"/>
      <c r="BV6" s="537"/>
      <c r="BW6" s="537"/>
      <c r="BX6" s="537"/>
      <c r="BY6" s="537"/>
      <c r="BZ6" s="537"/>
      <c r="CA6" s="538"/>
      <c r="CB6" s="533"/>
      <c r="CC6" s="534"/>
      <c r="CD6" s="534"/>
      <c r="CE6" s="534"/>
      <c r="CF6" s="534"/>
      <c r="CG6" s="534"/>
      <c r="CH6" s="534"/>
      <c r="CI6" s="534"/>
      <c r="CJ6" s="534"/>
      <c r="CK6" s="534"/>
      <c r="CL6" s="535"/>
      <c r="CM6" s="536" t="s">
        <v>75</v>
      </c>
      <c r="CN6" s="537"/>
      <c r="CO6" s="537"/>
      <c r="CP6" s="537"/>
      <c r="CQ6" s="537"/>
      <c r="CR6" s="537"/>
      <c r="CS6" s="537"/>
      <c r="CT6" s="537"/>
      <c r="CU6" s="537"/>
      <c r="CV6" s="537"/>
      <c r="CW6" s="538"/>
      <c r="CX6" s="536" t="s">
        <v>76</v>
      </c>
      <c r="CY6" s="537"/>
      <c r="CZ6" s="537"/>
      <c r="DA6" s="537"/>
      <c r="DB6" s="537"/>
      <c r="DC6" s="537"/>
      <c r="DD6" s="537"/>
      <c r="DE6" s="537"/>
      <c r="DF6" s="537"/>
      <c r="DG6" s="537"/>
      <c r="DH6" s="538"/>
      <c r="DI6" s="533"/>
      <c r="DJ6" s="534"/>
      <c r="DK6" s="534"/>
      <c r="DL6" s="534"/>
      <c r="DM6" s="534"/>
      <c r="DN6" s="534"/>
      <c r="DO6" s="534"/>
      <c r="DP6" s="534"/>
      <c r="DQ6" s="534"/>
      <c r="DR6" s="534"/>
      <c r="DS6" s="534"/>
      <c r="DT6" s="536" t="s">
        <v>77</v>
      </c>
      <c r="DU6" s="537"/>
      <c r="DV6" s="537"/>
      <c r="DW6" s="537"/>
      <c r="DX6" s="537"/>
      <c r="DY6" s="537"/>
      <c r="DZ6" s="537"/>
      <c r="EA6" s="537"/>
      <c r="EB6" s="537"/>
      <c r="EC6" s="537"/>
      <c r="ED6" s="538"/>
      <c r="EE6" s="536" t="s">
        <v>78</v>
      </c>
      <c r="EF6" s="537"/>
      <c r="EG6" s="537"/>
      <c r="EH6" s="537"/>
      <c r="EI6" s="537"/>
      <c r="EJ6" s="537"/>
      <c r="EK6" s="537"/>
      <c r="EL6" s="537"/>
      <c r="EM6" s="537"/>
      <c r="EN6" s="537"/>
      <c r="EO6" s="538"/>
      <c r="EP6" s="536" t="s">
        <v>79</v>
      </c>
      <c r="EQ6" s="537"/>
      <c r="ER6" s="537"/>
      <c r="ES6" s="537"/>
      <c r="ET6" s="537"/>
      <c r="EU6" s="537"/>
      <c r="EV6" s="537"/>
      <c r="EW6" s="537"/>
      <c r="EX6" s="537"/>
      <c r="EY6" s="537"/>
      <c r="EZ6" s="538"/>
      <c r="FA6" s="536" t="s">
        <v>149</v>
      </c>
      <c r="FB6" s="537"/>
      <c r="FC6" s="537"/>
      <c r="FD6" s="537"/>
      <c r="FE6" s="537"/>
      <c r="FF6" s="537"/>
      <c r="FG6" s="537"/>
      <c r="FH6" s="537"/>
      <c r="FI6" s="537"/>
      <c r="FJ6" s="537"/>
      <c r="FK6" s="538"/>
      <c r="FL6" s="533"/>
      <c r="FM6" s="534"/>
      <c r="FN6" s="534"/>
      <c r="FO6" s="534"/>
      <c r="FP6" s="534"/>
      <c r="FQ6" s="534"/>
      <c r="FR6" s="534"/>
      <c r="FS6" s="534"/>
      <c r="FT6" s="534"/>
      <c r="FU6" s="534"/>
      <c r="FV6" s="534"/>
      <c r="FW6" s="536" t="s">
        <v>80</v>
      </c>
      <c r="FX6" s="537"/>
      <c r="FY6" s="537"/>
      <c r="FZ6" s="537"/>
      <c r="GA6" s="537"/>
      <c r="GB6" s="537"/>
      <c r="GC6" s="537"/>
      <c r="GD6" s="537"/>
      <c r="GE6" s="537"/>
      <c r="GF6" s="537"/>
      <c r="GG6" s="538"/>
      <c r="GH6" s="434" t="s">
        <v>81</v>
      </c>
      <c r="GI6" s="435"/>
      <c r="GJ6" s="435"/>
      <c r="GK6" s="435"/>
      <c r="GL6" s="435"/>
      <c r="GM6" s="435"/>
      <c r="GN6" s="435"/>
      <c r="GO6" s="435"/>
      <c r="GP6" s="435"/>
      <c r="GQ6" s="435"/>
      <c r="GR6" s="436"/>
      <c r="GS6" s="434" t="s">
        <v>82</v>
      </c>
      <c r="GT6" s="435"/>
      <c r="GU6" s="435"/>
      <c r="GV6" s="435"/>
      <c r="GW6" s="435"/>
      <c r="GX6" s="435"/>
      <c r="GY6" s="435"/>
      <c r="GZ6" s="435"/>
      <c r="HA6" s="435"/>
      <c r="HB6" s="435"/>
      <c r="HC6" s="436"/>
      <c r="HD6" s="556"/>
      <c r="HE6" s="557"/>
      <c r="HF6" s="557"/>
      <c r="HG6" s="557"/>
      <c r="HH6" s="557"/>
      <c r="HI6" s="557"/>
      <c r="HJ6" s="557"/>
      <c r="HK6" s="557"/>
      <c r="HL6" s="557"/>
      <c r="HM6" s="557"/>
      <c r="HN6" s="558"/>
      <c r="HO6" s="556"/>
      <c r="HP6" s="557"/>
      <c r="HQ6" s="557"/>
      <c r="HR6" s="557"/>
      <c r="HS6" s="557"/>
      <c r="HT6" s="557"/>
      <c r="HU6" s="557"/>
      <c r="HV6" s="557"/>
      <c r="HW6" s="557"/>
      <c r="HX6" s="557"/>
      <c r="HY6" s="558"/>
      <c r="HZ6" s="533"/>
      <c r="IA6" s="534"/>
      <c r="IB6" s="534"/>
      <c r="IC6" s="534"/>
      <c r="ID6" s="534"/>
      <c r="IE6" s="534"/>
      <c r="IF6" s="534"/>
      <c r="IG6" s="534"/>
      <c r="IH6" s="534"/>
      <c r="II6" s="534"/>
      <c r="IJ6" s="535"/>
      <c r="IK6" s="431"/>
      <c r="IL6" s="432"/>
      <c r="IM6" s="432"/>
      <c r="IN6" s="432"/>
      <c r="IO6" s="432"/>
      <c r="IP6" s="432"/>
      <c r="IQ6" s="432"/>
      <c r="IR6" s="432"/>
      <c r="IS6" s="432"/>
      <c r="IT6" s="432"/>
      <c r="IU6" s="433"/>
      <c r="IV6" s="431"/>
      <c r="IW6" s="432"/>
      <c r="IX6" s="432"/>
      <c r="IY6" s="432"/>
      <c r="IZ6" s="432"/>
      <c r="JA6" s="432"/>
      <c r="JB6" s="432"/>
      <c r="JC6" s="432"/>
      <c r="JD6" s="432"/>
      <c r="JE6" s="432"/>
      <c r="JF6" s="433"/>
      <c r="JG6" s="431"/>
      <c r="JH6" s="432"/>
      <c r="JI6" s="432"/>
      <c r="JJ6" s="432"/>
      <c r="JK6" s="432"/>
      <c r="JL6" s="432"/>
      <c r="JM6" s="432"/>
      <c r="JN6" s="432"/>
      <c r="JO6" s="432"/>
      <c r="JP6" s="432"/>
      <c r="JQ6" s="433"/>
      <c r="JR6" s="431"/>
      <c r="JS6" s="432"/>
      <c r="JT6" s="432"/>
      <c r="JU6" s="432"/>
      <c r="JV6" s="432"/>
      <c r="JW6" s="432"/>
      <c r="JX6" s="432"/>
      <c r="JY6" s="432"/>
      <c r="JZ6" s="432"/>
      <c r="KA6" s="432"/>
      <c r="KB6" s="433"/>
      <c r="KC6" s="431"/>
      <c r="KD6" s="432"/>
      <c r="KE6" s="432"/>
      <c r="KF6" s="432"/>
      <c r="KG6" s="432"/>
      <c r="KH6" s="432"/>
      <c r="KI6" s="432"/>
      <c r="KJ6" s="432"/>
      <c r="KK6" s="432"/>
      <c r="KL6" s="432"/>
      <c r="KM6" s="433"/>
      <c r="KN6" s="431"/>
      <c r="KO6" s="432"/>
      <c r="KP6" s="432"/>
      <c r="KQ6" s="432"/>
      <c r="KR6" s="432"/>
      <c r="KS6" s="432"/>
      <c r="KT6" s="432"/>
      <c r="KU6" s="432"/>
      <c r="KV6" s="432"/>
      <c r="KW6" s="432"/>
      <c r="KX6" s="433"/>
      <c r="KY6" s="431"/>
      <c r="KZ6" s="432"/>
      <c r="LA6" s="432"/>
      <c r="LB6" s="432"/>
      <c r="LC6" s="432"/>
      <c r="LD6" s="432"/>
      <c r="LE6" s="432"/>
      <c r="LF6" s="432"/>
      <c r="LG6" s="432"/>
      <c r="LH6" s="432"/>
      <c r="LI6" s="433"/>
      <c r="LJ6" s="533"/>
      <c r="LK6" s="534"/>
      <c r="LL6" s="534"/>
      <c r="LM6" s="534"/>
      <c r="LN6" s="534"/>
      <c r="LO6" s="534"/>
      <c r="LP6" s="534"/>
      <c r="LQ6" s="534"/>
      <c r="LR6" s="534"/>
      <c r="LS6" s="534"/>
      <c r="LT6" s="535"/>
      <c r="LU6" s="533"/>
      <c r="LV6" s="534"/>
      <c r="LW6" s="534"/>
      <c r="LX6" s="534"/>
      <c r="LY6" s="534"/>
      <c r="LZ6" s="534"/>
      <c r="MA6" s="534"/>
      <c r="MB6" s="534"/>
      <c r="MC6" s="534"/>
      <c r="MD6" s="534"/>
      <c r="ME6" s="535"/>
      <c r="MF6" s="533"/>
      <c r="MG6" s="534"/>
      <c r="MH6" s="534"/>
      <c r="MI6" s="534"/>
      <c r="MJ6" s="534"/>
      <c r="MK6" s="534"/>
      <c r="ML6" s="534"/>
      <c r="MM6" s="534"/>
      <c r="MN6" s="534"/>
      <c r="MO6" s="534"/>
      <c r="MP6" s="535"/>
      <c r="MQ6" s="431"/>
      <c r="MR6" s="432"/>
      <c r="MS6" s="432"/>
      <c r="MT6" s="432"/>
      <c r="MU6" s="432"/>
      <c r="MV6" s="432"/>
      <c r="MW6" s="432"/>
      <c r="MX6" s="432"/>
      <c r="MY6" s="432"/>
      <c r="MZ6" s="432"/>
      <c r="NA6" s="433"/>
      <c r="NB6" s="431"/>
      <c r="NC6" s="432"/>
      <c r="ND6" s="432"/>
      <c r="NE6" s="432"/>
      <c r="NF6" s="432"/>
      <c r="NG6" s="432"/>
      <c r="NH6" s="432"/>
      <c r="NI6" s="432"/>
      <c r="NJ6" s="432"/>
      <c r="NK6" s="432"/>
      <c r="NL6" s="433"/>
      <c r="NM6" s="431"/>
      <c r="NN6" s="432"/>
      <c r="NO6" s="432"/>
      <c r="NP6" s="432"/>
      <c r="NQ6" s="432"/>
      <c r="NR6" s="432"/>
      <c r="NS6" s="432"/>
      <c r="NT6" s="432"/>
      <c r="NU6" s="432"/>
      <c r="NV6" s="432"/>
      <c r="NW6" s="433"/>
      <c r="NX6" s="431"/>
      <c r="NY6" s="432"/>
      <c r="NZ6" s="432"/>
      <c r="OA6" s="432"/>
      <c r="OB6" s="432"/>
      <c r="OC6" s="432"/>
      <c r="OD6" s="432"/>
      <c r="OE6" s="432"/>
      <c r="OF6" s="432"/>
      <c r="OG6" s="432"/>
      <c r="OH6" s="433"/>
      <c r="OI6" s="431"/>
      <c r="OJ6" s="432"/>
      <c r="OK6" s="432"/>
      <c r="OL6" s="432"/>
      <c r="OM6" s="432"/>
      <c r="ON6" s="432"/>
      <c r="OO6" s="432"/>
      <c r="OP6" s="432"/>
      <c r="OQ6" s="432"/>
      <c r="OR6" s="432"/>
      <c r="OS6" s="433"/>
    </row>
    <row r="7" spans="1:409" ht="21" customHeight="1" x14ac:dyDescent="0.2">
      <c r="B7" s="548"/>
      <c r="C7" s="516" t="s">
        <v>61</v>
      </c>
      <c r="D7" s="516"/>
      <c r="E7" s="516"/>
      <c r="F7" s="515" t="s">
        <v>62</v>
      </c>
      <c r="G7" s="516"/>
      <c r="H7" s="516"/>
      <c r="I7" s="516"/>
      <c r="J7" s="516"/>
      <c r="K7" s="516"/>
      <c r="L7" s="516"/>
      <c r="M7" s="515" t="s">
        <v>52</v>
      </c>
      <c r="N7" s="560" t="s">
        <v>61</v>
      </c>
      <c r="O7" s="516"/>
      <c r="P7" s="516"/>
      <c r="Q7" s="515" t="s">
        <v>62</v>
      </c>
      <c r="R7" s="516"/>
      <c r="S7" s="516"/>
      <c r="T7" s="516"/>
      <c r="U7" s="516"/>
      <c r="V7" s="516"/>
      <c r="W7" s="517"/>
      <c r="X7" s="545" t="s">
        <v>52</v>
      </c>
      <c r="Y7" s="431" t="s">
        <v>61</v>
      </c>
      <c r="Z7" s="432"/>
      <c r="AA7" s="524"/>
      <c r="AB7" s="523" t="s">
        <v>62</v>
      </c>
      <c r="AC7" s="432"/>
      <c r="AD7" s="432"/>
      <c r="AE7" s="432"/>
      <c r="AF7" s="432"/>
      <c r="AG7" s="432"/>
      <c r="AH7" s="524"/>
      <c r="AI7" s="433" t="s">
        <v>52</v>
      </c>
      <c r="AJ7" s="512" t="s">
        <v>61</v>
      </c>
      <c r="AK7" s="513"/>
      <c r="AL7" s="514"/>
      <c r="AM7" s="561" t="s">
        <v>62</v>
      </c>
      <c r="AN7" s="513"/>
      <c r="AO7" s="513"/>
      <c r="AP7" s="513"/>
      <c r="AQ7" s="513"/>
      <c r="AR7" s="513"/>
      <c r="AS7" s="562"/>
      <c r="AT7" s="563" t="s">
        <v>52</v>
      </c>
      <c r="AU7" s="520" t="s">
        <v>61</v>
      </c>
      <c r="AV7" s="521"/>
      <c r="AW7" s="522"/>
      <c r="AX7" s="543" t="s">
        <v>62</v>
      </c>
      <c r="AY7" s="521"/>
      <c r="AZ7" s="521"/>
      <c r="BA7" s="521"/>
      <c r="BB7" s="521"/>
      <c r="BC7" s="521"/>
      <c r="BD7" s="544"/>
      <c r="BE7" s="433" t="s">
        <v>52</v>
      </c>
      <c r="BF7" s="520" t="s">
        <v>61</v>
      </c>
      <c r="BG7" s="521"/>
      <c r="BH7" s="522"/>
      <c r="BI7" s="543" t="s">
        <v>62</v>
      </c>
      <c r="BJ7" s="521"/>
      <c r="BK7" s="521"/>
      <c r="BL7" s="521"/>
      <c r="BM7" s="521"/>
      <c r="BN7" s="521"/>
      <c r="BO7" s="544"/>
      <c r="BP7" s="433" t="s">
        <v>52</v>
      </c>
      <c r="BQ7" s="520" t="s">
        <v>61</v>
      </c>
      <c r="BR7" s="521"/>
      <c r="BS7" s="522"/>
      <c r="BT7" s="543" t="s">
        <v>62</v>
      </c>
      <c r="BU7" s="521"/>
      <c r="BV7" s="521"/>
      <c r="BW7" s="521"/>
      <c r="BX7" s="521"/>
      <c r="BY7" s="521"/>
      <c r="BZ7" s="544"/>
      <c r="CA7" s="433" t="s">
        <v>52</v>
      </c>
      <c r="CB7" s="512" t="s">
        <v>61</v>
      </c>
      <c r="CC7" s="513"/>
      <c r="CD7" s="514"/>
      <c r="CE7" s="561" t="s">
        <v>62</v>
      </c>
      <c r="CF7" s="513"/>
      <c r="CG7" s="513"/>
      <c r="CH7" s="513"/>
      <c r="CI7" s="513"/>
      <c r="CJ7" s="513"/>
      <c r="CK7" s="562"/>
      <c r="CL7" s="545" t="s">
        <v>52</v>
      </c>
      <c r="CM7" s="520" t="s">
        <v>61</v>
      </c>
      <c r="CN7" s="521"/>
      <c r="CO7" s="544"/>
      <c r="CP7" s="543" t="s">
        <v>62</v>
      </c>
      <c r="CQ7" s="521"/>
      <c r="CR7" s="521"/>
      <c r="CS7" s="521"/>
      <c r="CT7" s="521"/>
      <c r="CU7" s="521"/>
      <c r="CV7" s="544"/>
      <c r="CW7" s="567" t="s">
        <v>52</v>
      </c>
      <c r="CX7" s="520" t="s">
        <v>61</v>
      </c>
      <c r="CY7" s="521"/>
      <c r="CZ7" s="544"/>
      <c r="DA7" s="543" t="s">
        <v>62</v>
      </c>
      <c r="DB7" s="521"/>
      <c r="DC7" s="521"/>
      <c r="DD7" s="521"/>
      <c r="DE7" s="521"/>
      <c r="DF7" s="521"/>
      <c r="DG7" s="544"/>
      <c r="DH7" s="567" t="s">
        <v>52</v>
      </c>
      <c r="DI7" s="512" t="s">
        <v>61</v>
      </c>
      <c r="DJ7" s="513"/>
      <c r="DK7" s="562"/>
      <c r="DL7" s="561" t="s">
        <v>62</v>
      </c>
      <c r="DM7" s="513"/>
      <c r="DN7" s="513"/>
      <c r="DO7" s="513"/>
      <c r="DP7" s="513"/>
      <c r="DQ7" s="513"/>
      <c r="DR7" s="562"/>
      <c r="DS7" s="545" t="s">
        <v>52</v>
      </c>
      <c r="DT7" s="520" t="s">
        <v>61</v>
      </c>
      <c r="DU7" s="521"/>
      <c r="DV7" s="522"/>
      <c r="DW7" s="543" t="s">
        <v>62</v>
      </c>
      <c r="DX7" s="521"/>
      <c r="DY7" s="521"/>
      <c r="DZ7" s="521"/>
      <c r="EA7" s="521"/>
      <c r="EB7" s="521"/>
      <c r="EC7" s="544"/>
      <c r="ED7" s="433" t="s">
        <v>52</v>
      </c>
      <c r="EE7" s="520" t="s">
        <v>61</v>
      </c>
      <c r="EF7" s="521"/>
      <c r="EG7" s="522"/>
      <c r="EH7" s="543" t="s">
        <v>62</v>
      </c>
      <c r="EI7" s="521"/>
      <c r="EJ7" s="521"/>
      <c r="EK7" s="521"/>
      <c r="EL7" s="521"/>
      <c r="EM7" s="521"/>
      <c r="EN7" s="544"/>
      <c r="EO7" s="433" t="s">
        <v>52</v>
      </c>
      <c r="EP7" s="520" t="s">
        <v>61</v>
      </c>
      <c r="EQ7" s="521"/>
      <c r="ER7" s="522"/>
      <c r="ES7" s="543" t="s">
        <v>62</v>
      </c>
      <c r="ET7" s="521"/>
      <c r="EU7" s="521"/>
      <c r="EV7" s="521"/>
      <c r="EW7" s="521"/>
      <c r="EX7" s="521"/>
      <c r="EY7" s="544"/>
      <c r="EZ7" s="433" t="s">
        <v>52</v>
      </c>
      <c r="FA7" s="520" t="s">
        <v>61</v>
      </c>
      <c r="FB7" s="521"/>
      <c r="FC7" s="522"/>
      <c r="FD7" s="543" t="s">
        <v>62</v>
      </c>
      <c r="FE7" s="521"/>
      <c r="FF7" s="521"/>
      <c r="FG7" s="521"/>
      <c r="FH7" s="521"/>
      <c r="FI7" s="521"/>
      <c r="FJ7" s="544"/>
      <c r="FK7" s="433" t="s">
        <v>52</v>
      </c>
      <c r="FL7" s="512" t="s">
        <v>61</v>
      </c>
      <c r="FM7" s="513"/>
      <c r="FN7" s="514"/>
      <c r="FO7" s="561" t="s">
        <v>62</v>
      </c>
      <c r="FP7" s="513"/>
      <c r="FQ7" s="513"/>
      <c r="FR7" s="513"/>
      <c r="FS7" s="513"/>
      <c r="FT7" s="513"/>
      <c r="FU7" s="562"/>
      <c r="FV7" s="516" t="s">
        <v>52</v>
      </c>
      <c r="FW7" s="520" t="s">
        <v>61</v>
      </c>
      <c r="FX7" s="521"/>
      <c r="FY7" s="522"/>
      <c r="FZ7" s="543" t="s">
        <v>62</v>
      </c>
      <c r="GA7" s="521"/>
      <c r="GB7" s="521"/>
      <c r="GC7" s="521"/>
      <c r="GD7" s="521"/>
      <c r="GE7" s="521"/>
      <c r="GF7" s="544"/>
      <c r="GG7" s="433" t="s">
        <v>52</v>
      </c>
      <c r="GH7" s="431" t="s">
        <v>61</v>
      </c>
      <c r="GI7" s="432"/>
      <c r="GJ7" s="432"/>
      <c r="GK7" s="523" t="s">
        <v>62</v>
      </c>
      <c r="GL7" s="432"/>
      <c r="GM7" s="432"/>
      <c r="GN7" s="432"/>
      <c r="GO7" s="432"/>
      <c r="GP7" s="432"/>
      <c r="GQ7" s="524"/>
      <c r="GR7" s="564" t="s">
        <v>52</v>
      </c>
      <c r="GS7" s="431" t="s">
        <v>61</v>
      </c>
      <c r="GT7" s="432"/>
      <c r="GU7" s="524"/>
      <c r="GV7" s="523" t="s">
        <v>62</v>
      </c>
      <c r="GW7" s="432"/>
      <c r="GX7" s="432"/>
      <c r="GY7" s="432"/>
      <c r="GZ7" s="432"/>
      <c r="HA7" s="432"/>
      <c r="HB7" s="524"/>
      <c r="HC7" s="564" t="s">
        <v>52</v>
      </c>
      <c r="HD7" s="520" t="s">
        <v>61</v>
      </c>
      <c r="HE7" s="521"/>
      <c r="HF7" s="522"/>
      <c r="HG7" s="543" t="s">
        <v>62</v>
      </c>
      <c r="HH7" s="521"/>
      <c r="HI7" s="521"/>
      <c r="HJ7" s="521"/>
      <c r="HK7" s="521"/>
      <c r="HL7" s="521"/>
      <c r="HM7" s="544"/>
      <c r="HN7" s="433" t="s">
        <v>52</v>
      </c>
      <c r="HO7" s="520" t="s">
        <v>61</v>
      </c>
      <c r="HP7" s="521"/>
      <c r="HQ7" s="522"/>
      <c r="HR7" s="543" t="s">
        <v>62</v>
      </c>
      <c r="HS7" s="521"/>
      <c r="HT7" s="521"/>
      <c r="HU7" s="521"/>
      <c r="HV7" s="521"/>
      <c r="HW7" s="521"/>
      <c r="HX7" s="544"/>
      <c r="HY7" s="433" t="s">
        <v>52</v>
      </c>
      <c r="HZ7" s="512" t="s">
        <v>61</v>
      </c>
      <c r="IA7" s="513"/>
      <c r="IB7" s="514"/>
      <c r="IC7" s="561" t="s">
        <v>62</v>
      </c>
      <c r="ID7" s="513"/>
      <c r="IE7" s="513"/>
      <c r="IF7" s="513"/>
      <c r="IG7" s="513"/>
      <c r="IH7" s="513"/>
      <c r="II7" s="562"/>
      <c r="IJ7" s="516" t="s">
        <v>52</v>
      </c>
      <c r="IK7" s="520" t="s">
        <v>61</v>
      </c>
      <c r="IL7" s="521"/>
      <c r="IM7" s="522"/>
      <c r="IN7" s="543" t="s">
        <v>62</v>
      </c>
      <c r="IO7" s="521"/>
      <c r="IP7" s="521"/>
      <c r="IQ7" s="521"/>
      <c r="IR7" s="521"/>
      <c r="IS7" s="521"/>
      <c r="IT7" s="544"/>
      <c r="IU7" s="433" t="s">
        <v>52</v>
      </c>
      <c r="IV7" s="520" t="s">
        <v>61</v>
      </c>
      <c r="IW7" s="521"/>
      <c r="IX7" s="544"/>
      <c r="IY7" s="543" t="s">
        <v>62</v>
      </c>
      <c r="IZ7" s="521"/>
      <c r="JA7" s="521"/>
      <c r="JB7" s="521"/>
      <c r="JC7" s="521"/>
      <c r="JD7" s="521"/>
      <c r="JE7" s="544"/>
      <c r="JF7" s="433" t="s">
        <v>52</v>
      </c>
      <c r="JG7" s="520" t="s">
        <v>61</v>
      </c>
      <c r="JH7" s="521"/>
      <c r="JI7" s="522"/>
      <c r="JJ7" s="543" t="s">
        <v>62</v>
      </c>
      <c r="JK7" s="521"/>
      <c r="JL7" s="521"/>
      <c r="JM7" s="521"/>
      <c r="JN7" s="521"/>
      <c r="JO7" s="521"/>
      <c r="JP7" s="544"/>
      <c r="JQ7" s="567" t="s">
        <v>52</v>
      </c>
      <c r="JR7" s="520" t="s">
        <v>61</v>
      </c>
      <c r="JS7" s="521"/>
      <c r="JT7" s="522"/>
      <c r="JU7" s="543" t="s">
        <v>62</v>
      </c>
      <c r="JV7" s="521"/>
      <c r="JW7" s="521"/>
      <c r="JX7" s="521"/>
      <c r="JY7" s="521"/>
      <c r="JZ7" s="521"/>
      <c r="KA7" s="544"/>
      <c r="KB7" s="567" t="s">
        <v>52</v>
      </c>
      <c r="KC7" s="520" t="s">
        <v>61</v>
      </c>
      <c r="KD7" s="521"/>
      <c r="KE7" s="522"/>
      <c r="KF7" s="543" t="s">
        <v>62</v>
      </c>
      <c r="KG7" s="521"/>
      <c r="KH7" s="521"/>
      <c r="KI7" s="521"/>
      <c r="KJ7" s="521"/>
      <c r="KK7" s="521"/>
      <c r="KL7" s="544"/>
      <c r="KM7" s="567" t="s">
        <v>52</v>
      </c>
      <c r="KN7" s="520" t="s">
        <v>61</v>
      </c>
      <c r="KO7" s="521"/>
      <c r="KP7" s="522"/>
      <c r="KQ7" s="543" t="s">
        <v>62</v>
      </c>
      <c r="KR7" s="521"/>
      <c r="KS7" s="521"/>
      <c r="KT7" s="521"/>
      <c r="KU7" s="521"/>
      <c r="KV7" s="521"/>
      <c r="KW7" s="544"/>
      <c r="KX7" s="567" t="s">
        <v>52</v>
      </c>
      <c r="KY7" s="520" t="s">
        <v>61</v>
      </c>
      <c r="KZ7" s="521"/>
      <c r="LA7" s="522"/>
      <c r="LB7" s="543" t="s">
        <v>62</v>
      </c>
      <c r="LC7" s="521"/>
      <c r="LD7" s="521"/>
      <c r="LE7" s="521"/>
      <c r="LF7" s="521"/>
      <c r="LG7" s="521"/>
      <c r="LH7" s="544"/>
      <c r="LI7" s="567" t="s">
        <v>52</v>
      </c>
      <c r="LJ7" s="520" t="s">
        <v>61</v>
      </c>
      <c r="LK7" s="521"/>
      <c r="LL7" s="522"/>
      <c r="LM7" s="543" t="s">
        <v>62</v>
      </c>
      <c r="LN7" s="521"/>
      <c r="LO7" s="521"/>
      <c r="LP7" s="521"/>
      <c r="LQ7" s="521"/>
      <c r="LR7" s="521"/>
      <c r="LS7" s="544"/>
      <c r="LT7" s="567" t="s">
        <v>52</v>
      </c>
      <c r="LU7" s="520" t="s">
        <v>61</v>
      </c>
      <c r="LV7" s="521"/>
      <c r="LW7" s="522"/>
      <c r="LX7" s="543" t="s">
        <v>62</v>
      </c>
      <c r="LY7" s="521"/>
      <c r="LZ7" s="521"/>
      <c r="MA7" s="521"/>
      <c r="MB7" s="521"/>
      <c r="MC7" s="521"/>
      <c r="MD7" s="544"/>
      <c r="ME7" s="567" t="s">
        <v>52</v>
      </c>
      <c r="MF7" s="512" t="s">
        <v>61</v>
      </c>
      <c r="MG7" s="513"/>
      <c r="MH7" s="514"/>
      <c r="MI7" s="561" t="s">
        <v>62</v>
      </c>
      <c r="MJ7" s="513"/>
      <c r="MK7" s="513"/>
      <c r="ML7" s="513"/>
      <c r="MM7" s="513"/>
      <c r="MN7" s="513"/>
      <c r="MO7" s="562"/>
      <c r="MP7" s="545" t="s">
        <v>52</v>
      </c>
      <c r="MQ7" s="520" t="s">
        <v>61</v>
      </c>
      <c r="MR7" s="521"/>
      <c r="MS7" s="522"/>
      <c r="MT7" s="543" t="s">
        <v>62</v>
      </c>
      <c r="MU7" s="521"/>
      <c r="MV7" s="521"/>
      <c r="MW7" s="521"/>
      <c r="MX7" s="521"/>
      <c r="MY7" s="521"/>
      <c r="MZ7" s="544"/>
      <c r="NA7" s="567" t="s">
        <v>52</v>
      </c>
      <c r="NB7" s="520" t="s">
        <v>61</v>
      </c>
      <c r="NC7" s="521"/>
      <c r="ND7" s="522"/>
      <c r="NE7" s="543" t="s">
        <v>62</v>
      </c>
      <c r="NF7" s="521"/>
      <c r="NG7" s="521"/>
      <c r="NH7" s="521"/>
      <c r="NI7" s="521"/>
      <c r="NJ7" s="521"/>
      <c r="NK7" s="544"/>
      <c r="NL7" s="567" t="s">
        <v>52</v>
      </c>
      <c r="NM7" s="520" t="s">
        <v>61</v>
      </c>
      <c r="NN7" s="521"/>
      <c r="NO7" s="522"/>
      <c r="NP7" s="543" t="s">
        <v>62</v>
      </c>
      <c r="NQ7" s="521"/>
      <c r="NR7" s="521"/>
      <c r="NS7" s="521"/>
      <c r="NT7" s="521"/>
      <c r="NU7" s="521"/>
      <c r="NV7" s="544"/>
      <c r="NW7" s="567" t="s">
        <v>52</v>
      </c>
      <c r="NX7" s="520" t="s">
        <v>61</v>
      </c>
      <c r="NY7" s="521"/>
      <c r="NZ7" s="522"/>
      <c r="OA7" s="543" t="s">
        <v>62</v>
      </c>
      <c r="OB7" s="521"/>
      <c r="OC7" s="521"/>
      <c r="OD7" s="521"/>
      <c r="OE7" s="521"/>
      <c r="OF7" s="521"/>
      <c r="OG7" s="544"/>
      <c r="OH7" s="567" t="s">
        <v>52</v>
      </c>
      <c r="OI7" s="512" t="s">
        <v>61</v>
      </c>
      <c r="OJ7" s="513"/>
      <c r="OK7" s="514"/>
      <c r="OL7" s="561" t="s">
        <v>62</v>
      </c>
      <c r="OM7" s="513"/>
      <c r="ON7" s="513"/>
      <c r="OO7" s="513"/>
      <c r="OP7" s="513"/>
      <c r="OQ7" s="513"/>
      <c r="OR7" s="562"/>
      <c r="OS7" s="545" t="s">
        <v>52</v>
      </c>
    </row>
    <row r="8" spans="1:409" ht="30" customHeight="1" thickBot="1" x14ac:dyDescent="0.25">
      <c r="B8" s="549"/>
      <c r="C8" s="249" t="s">
        <v>43</v>
      </c>
      <c r="D8" s="74" t="s">
        <v>44</v>
      </c>
      <c r="E8" s="250" t="s">
        <v>45</v>
      </c>
      <c r="F8" s="76" t="s">
        <v>83</v>
      </c>
      <c r="G8" s="74" t="s">
        <v>47</v>
      </c>
      <c r="H8" s="74" t="s">
        <v>48</v>
      </c>
      <c r="I8" s="74" t="s">
        <v>49</v>
      </c>
      <c r="J8" s="74" t="s">
        <v>50</v>
      </c>
      <c r="K8" s="74" t="s">
        <v>51</v>
      </c>
      <c r="L8" s="75" t="s">
        <v>45</v>
      </c>
      <c r="M8" s="559"/>
      <c r="N8" s="73" t="s">
        <v>43</v>
      </c>
      <c r="O8" s="74" t="s">
        <v>44</v>
      </c>
      <c r="P8" s="75" t="s">
        <v>45</v>
      </c>
      <c r="Q8" s="76" t="s">
        <v>83</v>
      </c>
      <c r="R8" s="74" t="s">
        <v>47</v>
      </c>
      <c r="S8" s="74" t="s">
        <v>48</v>
      </c>
      <c r="T8" s="74" t="s">
        <v>49</v>
      </c>
      <c r="U8" s="74" t="s">
        <v>50</v>
      </c>
      <c r="V8" s="74" t="s">
        <v>51</v>
      </c>
      <c r="W8" s="75" t="s">
        <v>45</v>
      </c>
      <c r="X8" s="546"/>
      <c r="Y8" s="73" t="s">
        <v>43</v>
      </c>
      <c r="Z8" s="74" t="s">
        <v>44</v>
      </c>
      <c r="AA8" s="75" t="s">
        <v>45</v>
      </c>
      <c r="AB8" s="76" t="s">
        <v>83</v>
      </c>
      <c r="AC8" s="74" t="s">
        <v>47</v>
      </c>
      <c r="AD8" s="74" t="s">
        <v>48</v>
      </c>
      <c r="AE8" s="74" t="s">
        <v>49</v>
      </c>
      <c r="AF8" s="74" t="s">
        <v>50</v>
      </c>
      <c r="AG8" s="74" t="s">
        <v>51</v>
      </c>
      <c r="AH8" s="75" t="s">
        <v>45</v>
      </c>
      <c r="AI8" s="532"/>
      <c r="AJ8" s="73" t="s">
        <v>43</v>
      </c>
      <c r="AK8" s="74" t="s">
        <v>44</v>
      </c>
      <c r="AL8" s="250" t="s">
        <v>45</v>
      </c>
      <c r="AM8" s="76" t="s">
        <v>83</v>
      </c>
      <c r="AN8" s="74" t="s">
        <v>47</v>
      </c>
      <c r="AO8" s="74" t="s">
        <v>48</v>
      </c>
      <c r="AP8" s="74" t="s">
        <v>49</v>
      </c>
      <c r="AQ8" s="74" t="s">
        <v>50</v>
      </c>
      <c r="AR8" s="74" t="s">
        <v>51</v>
      </c>
      <c r="AS8" s="75" t="s">
        <v>45</v>
      </c>
      <c r="AT8" s="532"/>
      <c r="AU8" s="73" t="s">
        <v>43</v>
      </c>
      <c r="AV8" s="74" t="s">
        <v>44</v>
      </c>
      <c r="AW8" s="250" t="s">
        <v>45</v>
      </c>
      <c r="AX8" s="76" t="s">
        <v>83</v>
      </c>
      <c r="AY8" s="74" t="s">
        <v>47</v>
      </c>
      <c r="AZ8" s="74" t="s">
        <v>48</v>
      </c>
      <c r="BA8" s="74" t="s">
        <v>49</v>
      </c>
      <c r="BB8" s="74" t="s">
        <v>50</v>
      </c>
      <c r="BC8" s="74" t="s">
        <v>51</v>
      </c>
      <c r="BD8" s="75" t="s">
        <v>45</v>
      </c>
      <c r="BE8" s="532"/>
      <c r="BF8" s="251" t="s">
        <v>43</v>
      </c>
      <c r="BG8" s="74" t="s">
        <v>44</v>
      </c>
      <c r="BH8" s="250" t="s">
        <v>45</v>
      </c>
      <c r="BI8" s="76" t="s">
        <v>83</v>
      </c>
      <c r="BJ8" s="74" t="s">
        <v>47</v>
      </c>
      <c r="BK8" s="74" t="s">
        <v>48</v>
      </c>
      <c r="BL8" s="74" t="s">
        <v>49</v>
      </c>
      <c r="BM8" s="74" t="s">
        <v>50</v>
      </c>
      <c r="BN8" s="74" t="s">
        <v>51</v>
      </c>
      <c r="BO8" s="75" t="s">
        <v>45</v>
      </c>
      <c r="BP8" s="532"/>
      <c r="BQ8" s="73" t="s">
        <v>43</v>
      </c>
      <c r="BR8" s="74" t="s">
        <v>44</v>
      </c>
      <c r="BS8" s="250" t="s">
        <v>45</v>
      </c>
      <c r="BT8" s="76" t="s">
        <v>83</v>
      </c>
      <c r="BU8" s="74" t="s">
        <v>47</v>
      </c>
      <c r="BV8" s="74" t="s">
        <v>48</v>
      </c>
      <c r="BW8" s="74" t="s">
        <v>49</v>
      </c>
      <c r="BX8" s="74" t="s">
        <v>50</v>
      </c>
      <c r="BY8" s="74" t="s">
        <v>51</v>
      </c>
      <c r="BZ8" s="75" t="s">
        <v>45</v>
      </c>
      <c r="CA8" s="532"/>
      <c r="CB8" s="73" t="s">
        <v>43</v>
      </c>
      <c r="CC8" s="74" t="s">
        <v>44</v>
      </c>
      <c r="CD8" s="250" t="s">
        <v>45</v>
      </c>
      <c r="CE8" s="76" t="s">
        <v>83</v>
      </c>
      <c r="CF8" s="74" t="s">
        <v>47</v>
      </c>
      <c r="CG8" s="74" t="s">
        <v>48</v>
      </c>
      <c r="CH8" s="74" t="s">
        <v>49</v>
      </c>
      <c r="CI8" s="74" t="s">
        <v>50</v>
      </c>
      <c r="CJ8" s="74" t="s">
        <v>51</v>
      </c>
      <c r="CK8" s="75" t="s">
        <v>45</v>
      </c>
      <c r="CL8" s="546"/>
      <c r="CM8" s="73" t="s">
        <v>43</v>
      </c>
      <c r="CN8" s="74" t="s">
        <v>44</v>
      </c>
      <c r="CO8" s="75" t="s">
        <v>45</v>
      </c>
      <c r="CP8" s="76" t="s">
        <v>83</v>
      </c>
      <c r="CQ8" s="74" t="s">
        <v>47</v>
      </c>
      <c r="CR8" s="74" t="s">
        <v>48</v>
      </c>
      <c r="CS8" s="74" t="s">
        <v>49</v>
      </c>
      <c r="CT8" s="74" t="s">
        <v>50</v>
      </c>
      <c r="CU8" s="74" t="s">
        <v>51</v>
      </c>
      <c r="CV8" s="75" t="s">
        <v>45</v>
      </c>
      <c r="CW8" s="546"/>
      <c r="CX8" s="73" t="s">
        <v>43</v>
      </c>
      <c r="CY8" s="74" t="s">
        <v>44</v>
      </c>
      <c r="CZ8" s="75" t="s">
        <v>45</v>
      </c>
      <c r="DA8" s="76" t="s">
        <v>83</v>
      </c>
      <c r="DB8" s="74" t="s">
        <v>47</v>
      </c>
      <c r="DC8" s="74" t="s">
        <v>48</v>
      </c>
      <c r="DD8" s="74" t="s">
        <v>49</v>
      </c>
      <c r="DE8" s="74" t="s">
        <v>50</v>
      </c>
      <c r="DF8" s="74" t="s">
        <v>51</v>
      </c>
      <c r="DG8" s="75" t="s">
        <v>45</v>
      </c>
      <c r="DH8" s="546"/>
      <c r="DI8" s="73" t="s">
        <v>43</v>
      </c>
      <c r="DJ8" s="74" t="s">
        <v>44</v>
      </c>
      <c r="DK8" s="75" t="s">
        <v>45</v>
      </c>
      <c r="DL8" s="76" t="s">
        <v>83</v>
      </c>
      <c r="DM8" s="74" t="s">
        <v>47</v>
      </c>
      <c r="DN8" s="74" t="s">
        <v>48</v>
      </c>
      <c r="DO8" s="74" t="s">
        <v>49</v>
      </c>
      <c r="DP8" s="74" t="s">
        <v>50</v>
      </c>
      <c r="DQ8" s="74" t="s">
        <v>51</v>
      </c>
      <c r="DR8" s="75" t="s">
        <v>45</v>
      </c>
      <c r="DS8" s="546"/>
      <c r="DT8" s="73" t="s">
        <v>43</v>
      </c>
      <c r="DU8" s="74" t="s">
        <v>44</v>
      </c>
      <c r="DV8" s="250" t="s">
        <v>45</v>
      </c>
      <c r="DW8" s="76" t="s">
        <v>83</v>
      </c>
      <c r="DX8" s="74" t="s">
        <v>47</v>
      </c>
      <c r="DY8" s="74" t="s">
        <v>48</v>
      </c>
      <c r="DZ8" s="74" t="s">
        <v>49</v>
      </c>
      <c r="EA8" s="74" t="s">
        <v>50</v>
      </c>
      <c r="EB8" s="74" t="s">
        <v>51</v>
      </c>
      <c r="EC8" s="75" t="s">
        <v>45</v>
      </c>
      <c r="ED8" s="532"/>
      <c r="EE8" s="73" t="s">
        <v>43</v>
      </c>
      <c r="EF8" s="74" t="s">
        <v>44</v>
      </c>
      <c r="EG8" s="250" t="s">
        <v>45</v>
      </c>
      <c r="EH8" s="76" t="s">
        <v>83</v>
      </c>
      <c r="EI8" s="74" t="s">
        <v>47</v>
      </c>
      <c r="EJ8" s="74" t="s">
        <v>48</v>
      </c>
      <c r="EK8" s="74" t="s">
        <v>49</v>
      </c>
      <c r="EL8" s="74" t="s">
        <v>50</v>
      </c>
      <c r="EM8" s="74" t="s">
        <v>51</v>
      </c>
      <c r="EN8" s="75" t="s">
        <v>45</v>
      </c>
      <c r="EO8" s="532"/>
      <c r="EP8" s="73" t="s">
        <v>43</v>
      </c>
      <c r="EQ8" s="74" t="s">
        <v>44</v>
      </c>
      <c r="ER8" s="250" t="s">
        <v>45</v>
      </c>
      <c r="ES8" s="76" t="s">
        <v>83</v>
      </c>
      <c r="ET8" s="74" t="s">
        <v>47</v>
      </c>
      <c r="EU8" s="74" t="s">
        <v>48</v>
      </c>
      <c r="EV8" s="74" t="s">
        <v>49</v>
      </c>
      <c r="EW8" s="74" t="s">
        <v>50</v>
      </c>
      <c r="EX8" s="74" t="s">
        <v>51</v>
      </c>
      <c r="EY8" s="75" t="s">
        <v>45</v>
      </c>
      <c r="EZ8" s="532"/>
      <c r="FA8" s="73" t="s">
        <v>43</v>
      </c>
      <c r="FB8" s="74" t="s">
        <v>44</v>
      </c>
      <c r="FC8" s="250" t="s">
        <v>45</v>
      </c>
      <c r="FD8" s="76" t="s">
        <v>83</v>
      </c>
      <c r="FE8" s="74" t="s">
        <v>47</v>
      </c>
      <c r="FF8" s="74" t="s">
        <v>48</v>
      </c>
      <c r="FG8" s="74" t="s">
        <v>49</v>
      </c>
      <c r="FH8" s="74" t="s">
        <v>50</v>
      </c>
      <c r="FI8" s="74" t="s">
        <v>51</v>
      </c>
      <c r="FJ8" s="75" t="s">
        <v>45</v>
      </c>
      <c r="FK8" s="532"/>
      <c r="FL8" s="73" t="s">
        <v>43</v>
      </c>
      <c r="FM8" s="74" t="s">
        <v>44</v>
      </c>
      <c r="FN8" s="250" t="s">
        <v>45</v>
      </c>
      <c r="FO8" s="76" t="s">
        <v>83</v>
      </c>
      <c r="FP8" s="74" t="s">
        <v>47</v>
      </c>
      <c r="FQ8" s="74" t="s">
        <v>48</v>
      </c>
      <c r="FR8" s="74" t="s">
        <v>49</v>
      </c>
      <c r="FS8" s="74" t="s">
        <v>50</v>
      </c>
      <c r="FT8" s="74" t="s">
        <v>51</v>
      </c>
      <c r="FU8" s="75" t="s">
        <v>45</v>
      </c>
      <c r="FV8" s="566"/>
      <c r="FW8" s="73" t="s">
        <v>43</v>
      </c>
      <c r="FX8" s="74" t="s">
        <v>44</v>
      </c>
      <c r="FY8" s="250" t="s">
        <v>45</v>
      </c>
      <c r="FZ8" s="76" t="s">
        <v>83</v>
      </c>
      <c r="GA8" s="74" t="s">
        <v>47</v>
      </c>
      <c r="GB8" s="74" t="s">
        <v>48</v>
      </c>
      <c r="GC8" s="74" t="s">
        <v>49</v>
      </c>
      <c r="GD8" s="74" t="s">
        <v>50</v>
      </c>
      <c r="GE8" s="74" t="s">
        <v>51</v>
      </c>
      <c r="GF8" s="75" t="s">
        <v>45</v>
      </c>
      <c r="GG8" s="532"/>
      <c r="GH8" s="73" t="s">
        <v>43</v>
      </c>
      <c r="GI8" s="74" t="s">
        <v>44</v>
      </c>
      <c r="GJ8" s="250" t="s">
        <v>45</v>
      </c>
      <c r="GK8" s="76" t="s">
        <v>83</v>
      </c>
      <c r="GL8" s="74" t="s">
        <v>47</v>
      </c>
      <c r="GM8" s="74" t="s">
        <v>48</v>
      </c>
      <c r="GN8" s="74" t="s">
        <v>49</v>
      </c>
      <c r="GO8" s="74" t="s">
        <v>50</v>
      </c>
      <c r="GP8" s="74" t="s">
        <v>51</v>
      </c>
      <c r="GQ8" s="75" t="s">
        <v>45</v>
      </c>
      <c r="GR8" s="565"/>
      <c r="GS8" s="73" t="s">
        <v>43</v>
      </c>
      <c r="GT8" s="74" t="s">
        <v>44</v>
      </c>
      <c r="GU8" s="250" t="s">
        <v>45</v>
      </c>
      <c r="GV8" s="76" t="s">
        <v>83</v>
      </c>
      <c r="GW8" s="74" t="s">
        <v>47</v>
      </c>
      <c r="GX8" s="74" t="s">
        <v>48</v>
      </c>
      <c r="GY8" s="74" t="s">
        <v>49</v>
      </c>
      <c r="GZ8" s="74" t="s">
        <v>50</v>
      </c>
      <c r="HA8" s="74" t="s">
        <v>51</v>
      </c>
      <c r="HB8" s="75" t="s">
        <v>45</v>
      </c>
      <c r="HC8" s="565"/>
      <c r="HD8" s="73" t="s">
        <v>43</v>
      </c>
      <c r="HE8" s="74" t="s">
        <v>44</v>
      </c>
      <c r="HF8" s="250" t="s">
        <v>45</v>
      </c>
      <c r="HG8" s="76" t="s">
        <v>83</v>
      </c>
      <c r="HH8" s="74" t="s">
        <v>47</v>
      </c>
      <c r="HI8" s="74" t="s">
        <v>48</v>
      </c>
      <c r="HJ8" s="74" t="s">
        <v>49</v>
      </c>
      <c r="HK8" s="74" t="s">
        <v>50</v>
      </c>
      <c r="HL8" s="74" t="s">
        <v>51</v>
      </c>
      <c r="HM8" s="75" t="s">
        <v>45</v>
      </c>
      <c r="HN8" s="532"/>
      <c r="HO8" s="73" t="s">
        <v>43</v>
      </c>
      <c r="HP8" s="74" t="s">
        <v>44</v>
      </c>
      <c r="HQ8" s="250" t="s">
        <v>45</v>
      </c>
      <c r="HR8" s="76" t="s">
        <v>83</v>
      </c>
      <c r="HS8" s="74" t="s">
        <v>47</v>
      </c>
      <c r="HT8" s="74" t="s">
        <v>48</v>
      </c>
      <c r="HU8" s="74" t="s">
        <v>49</v>
      </c>
      <c r="HV8" s="74" t="s">
        <v>50</v>
      </c>
      <c r="HW8" s="74" t="s">
        <v>51</v>
      </c>
      <c r="HX8" s="75" t="s">
        <v>45</v>
      </c>
      <c r="HY8" s="532"/>
      <c r="HZ8" s="73" t="s">
        <v>43</v>
      </c>
      <c r="IA8" s="74" t="s">
        <v>44</v>
      </c>
      <c r="IB8" s="250" t="s">
        <v>45</v>
      </c>
      <c r="IC8" s="76" t="s">
        <v>83</v>
      </c>
      <c r="ID8" s="74" t="s">
        <v>47</v>
      </c>
      <c r="IE8" s="74" t="s">
        <v>48</v>
      </c>
      <c r="IF8" s="74" t="s">
        <v>49</v>
      </c>
      <c r="IG8" s="74" t="s">
        <v>50</v>
      </c>
      <c r="IH8" s="74" t="s">
        <v>51</v>
      </c>
      <c r="II8" s="75" t="s">
        <v>45</v>
      </c>
      <c r="IJ8" s="566"/>
      <c r="IK8" s="73" t="s">
        <v>43</v>
      </c>
      <c r="IL8" s="74" t="s">
        <v>44</v>
      </c>
      <c r="IM8" s="250" t="s">
        <v>45</v>
      </c>
      <c r="IN8" s="76" t="s">
        <v>83</v>
      </c>
      <c r="IO8" s="252" t="s">
        <v>47</v>
      </c>
      <c r="IP8" s="252" t="s">
        <v>48</v>
      </c>
      <c r="IQ8" s="252" t="s">
        <v>49</v>
      </c>
      <c r="IR8" s="252" t="s">
        <v>50</v>
      </c>
      <c r="IS8" s="252" t="s">
        <v>51</v>
      </c>
      <c r="IT8" s="253" t="s">
        <v>45</v>
      </c>
      <c r="IU8" s="569"/>
      <c r="IV8" s="251" t="s">
        <v>43</v>
      </c>
      <c r="IW8" s="252" t="s">
        <v>44</v>
      </c>
      <c r="IX8" s="253" t="s">
        <v>45</v>
      </c>
      <c r="IY8" s="231" t="s">
        <v>83</v>
      </c>
      <c r="IZ8" s="252" t="s">
        <v>47</v>
      </c>
      <c r="JA8" s="252" t="s">
        <v>48</v>
      </c>
      <c r="JB8" s="252" t="s">
        <v>49</v>
      </c>
      <c r="JC8" s="252" t="s">
        <v>50</v>
      </c>
      <c r="JD8" s="252" t="s">
        <v>51</v>
      </c>
      <c r="JE8" s="253" t="s">
        <v>45</v>
      </c>
      <c r="JF8" s="569"/>
      <c r="JG8" s="251" t="s">
        <v>43</v>
      </c>
      <c r="JH8" s="252" t="s">
        <v>44</v>
      </c>
      <c r="JI8" s="254" t="s">
        <v>45</v>
      </c>
      <c r="JJ8" s="231" t="s">
        <v>83</v>
      </c>
      <c r="JK8" s="252" t="s">
        <v>47</v>
      </c>
      <c r="JL8" s="252" t="s">
        <v>48</v>
      </c>
      <c r="JM8" s="252" t="s">
        <v>49</v>
      </c>
      <c r="JN8" s="252" t="s">
        <v>50</v>
      </c>
      <c r="JO8" s="252" t="s">
        <v>51</v>
      </c>
      <c r="JP8" s="253" t="s">
        <v>45</v>
      </c>
      <c r="JQ8" s="568"/>
      <c r="JR8" s="251" t="s">
        <v>43</v>
      </c>
      <c r="JS8" s="252" t="s">
        <v>44</v>
      </c>
      <c r="JT8" s="254" t="s">
        <v>45</v>
      </c>
      <c r="JU8" s="231" t="s">
        <v>83</v>
      </c>
      <c r="JV8" s="252" t="s">
        <v>47</v>
      </c>
      <c r="JW8" s="252" t="s">
        <v>48</v>
      </c>
      <c r="JX8" s="252" t="s">
        <v>49</v>
      </c>
      <c r="JY8" s="252" t="s">
        <v>50</v>
      </c>
      <c r="JZ8" s="252" t="s">
        <v>51</v>
      </c>
      <c r="KA8" s="253" t="s">
        <v>45</v>
      </c>
      <c r="KB8" s="568"/>
      <c r="KC8" s="251" t="s">
        <v>43</v>
      </c>
      <c r="KD8" s="252" t="s">
        <v>44</v>
      </c>
      <c r="KE8" s="254" t="s">
        <v>45</v>
      </c>
      <c r="KF8" s="231" t="s">
        <v>83</v>
      </c>
      <c r="KG8" s="252" t="s">
        <v>47</v>
      </c>
      <c r="KH8" s="252" t="s">
        <v>48</v>
      </c>
      <c r="KI8" s="252" t="s">
        <v>49</v>
      </c>
      <c r="KJ8" s="252" t="s">
        <v>50</v>
      </c>
      <c r="KK8" s="252" t="s">
        <v>51</v>
      </c>
      <c r="KL8" s="253" t="s">
        <v>45</v>
      </c>
      <c r="KM8" s="568"/>
      <c r="KN8" s="251" t="s">
        <v>43</v>
      </c>
      <c r="KO8" s="252" t="s">
        <v>44</v>
      </c>
      <c r="KP8" s="254" t="s">
        <v>45</v>
      </c>
      <c r="KQ8" s="76" t="s">
        <v>83</v>
      </c>
      <c r="KR8" s="252" t="s">
        <v>47</v>
      </c>
      <c r="KS8" s="252" t="s">
        <v>48</v>
      </c>
      <c r="KT8" s="252" t="s">
        <v>49</v>
      </c>
      <c r="KU8" s="252" t="s">
        <v>50</v>
      </c>
      <c r="KV8" s="252" t="s">
        <v>51</v>
      </c>
      <c r="KW8" s="253" t="s">
        <v>45</v>
      </c>
      <c r="KX8" s="568"/>
      <c r="KY8" s="251" t="s">
        <v>43</v>
      </c>
      <c r="KZ8" s="252" t="s">
        <v>44</v>
      </c>
      <c r="LA8" s="254" t="s">
        <v>45</v>
      </c>
      <c r="LB8" s="76" t="s">
        <v>83</v>
      </c>
      <c r="LC8" s="252" t="s">
        <v>47</v>
      </c>
      <c r="LD8" s="252" t="s">
        <v>48</v>
      </c>
      <c r="LE8" s="252" t="s">
        <v>49</v>
      </c>
      <c r="LF8" s="252" t="s">
        <v>50</v>
      </c>
      <c r="LG8" s="252" t="s">
        <v>51</v>
      </c>
      <c r="LH8" s="253" t="s">
        <v>45</v>
      </c>
      <c r="LI8" s="568"/>
      <c r="LJ8" s="251" t="s">
        <v>43</v>
      </c>
      <c r="LK8" s="252" t="s">
        <v>44</v>
      </c>
      <c r="LL8" s="254" t="s">
        <v>45</v>
      </c>
      <c r="LM8" s="76" t="s">
        <v>83</v>
      </c>
      <c r="LN8" s="252" t="s">
        <v>47</v>
      </c>
      <c r="LO8" s="252" t="s">
        <v>48</v>
      </c>
      <c r="LP8" s="252" t="s">
        <v>49</v>
      </c>
      <c r="LQ8" s="252" t="s">
        <v>50</v>
      </c>
      <c r="LR8" s="252" t="s">
        <v>51</v>
      </c>
      <c r="LS8" s="253" t="s">
        <v>45</v>
      </c>
      <c r="LT8" s="568"/>
      <c r="LU8" s="251" t="s">
        <v>43</v>
      </c>
      <c r="LV8" s="252" t="s">
        <v>44</v>
      </c>
      <c r="LW8" s="254" t="s">
        <v>45</v>
      </c>
      <c r="LX8" s="76" t="s">
        <v>83</v>
      </c>
      <c r="LY8" s="252" t="s">
        <v>47</v>
      </c>
      <c r="LZ8" s="252" t="s">
        <v>48</v>
      </c>
      <c r="MA8" s="252" t="s">
        <v>49</v>
      </c>
      <c r="MB8" s="252" t="s">
        <v>50</v>
      </c>
      <c r="MC8" s="252" t="s">
        <v>51</v>
      </c>
      <c r="MD8" s="253" t="s">
        <v>45</v>
      </c>
      <c r="ME8" s="568"/>
      <c r="MF8" s="251" t="s">
        <v>43</v>
      </c>
      <c r="MG8" s="252" t="s">
        <v>44</v>
      </c>
      <c r="MH8" s="254" t="s">
        <v>45</v>
      </c>
      <c r="MI8" s="76" t="s">
        <v>83</v>
      </c>
      <c r="MJ8" s="252" t="s">
        <v>47</v>
      </c>
      <c r="MK8" s="252" t="s">
        <v>48</v>
      </c>
      <c r="ML8" s="252" t="s">
        <v>49</v>
      </c>
      <c r="MM8" s="252" t="s">
        <v>50</v>
      </c>
      <c r="MN8" s="252" t="s">
        <v>51</v>
      </c>
      <c r="MO8" s="253" t="s">
        <v>45</v>
      </c>
      <c r="MP8" s="568"/>
      <c r="MQ8" s="251" t="s">
        <v>43</v>
      </c>
      <c r="MR8" s="252" t="s">
        <v>44</v>
      </c>
      <c r="MS8" s="254" t="s">
        <v>45</v>
      </c>
      <c r="MT8" s="76" t="s">
        <v>83</v>
      </c>
      <c r="MU8" s="252" t="s">
        <v>47</v>
      </c>
      <c r="MV8" s="252" t="s">
        <v>48</v>
      </c>
      <c r="MW8" s="252" t="s">
        <v>49</v>
      </c>
      <c r="MX8" s="252" t="s">
        <v>50</v>
      </c>
      <c r="MY8" s="252" t="s">
        <v>51</v>
      </c>
      <c r="MZ8" s="253" t="s">
        <v>45</v>
      </c>
      <c r="NA8" s="568"/>
      <c r="NB8" s="251" t="s">
        <v>43</v>
      </c>
      <c r="NC8" s="252" t="s">
        <v>44</v>
      </c>
      <c r="ND8" s="254" t="s">
        <v>45</v>
      </c>
      <c r="NE8" s="76" t="s">
        <v>83</v>
      </c>
      <c r="NF8" s="252" t="s">
        <v>47</v>
      </c>
      <c r="NG8" s="252" t="s">
        <v>48</v>
      </c>
      <c r="NH8" s="252" t="s">
        <v>49</v>
      </c>
      <c r="NI8" s="252" t="s">
        <v>50</v>
      </c>
      <c r="NJ8" s="252" t="s">
        <v>51</v>
      </c>
      <c r="NK8" s="253" t="s">
        <v>45</v>
      </c>
      <c r="NL8" s="568"/>
      <c r="NM8" s="251" t="s">
        <v>43</v>
      </c>
      <c r="NN8" s="252" t="s">
        <v>44</v>
      </c>
      <c r="NO8" s="254" t="s">
        <v>45</v>
      </c>
      <c r="NP8" s="76" t="s">
        <v>83</v>
      </c>
      <c r="NQ8" s="252" t="s">
        <v>47</v>
      </c>
      <c r="NR8" s="252" t="s">
        <v>48</v>
      </c>
      <c r="NS8" s="252" t="s">
        <v>49</v>
      </c>
      <c r="NT8" s="252" t="s">
        <v>50</v>
      </c>
      <c r="NU8" s="252" t="s">
        <v>51</v>
      </c>
      <c r="NV8" s="253" t="s">
        <v>45</v>
      </c>
      <c r="NW8" s="568"/>
      <c r="NX8" s="251" t="s">
        <v>43</v>
      </c>
      <c r="NY8" s="252" t="s">
        <v>44</v>
      </c>
      <c r="NZ8" s="254" t="s">
        <v>45</v>
      </c>
      <c r="OA8" s="76" t="s">
        <v>83</v>
      </c>
      <c r="OB8" s="252" t="s">
        <v>47</v>
      </c>
      <c r="OC8" s="252" t="s">
        <v>48</v>
      </c>
      <c r="OD8" s="252" t="s">
        <v>49</v>
      </c>
      <c r="OE8" s="252" t="s">
        <v>50</v>
      </c>
      <c r="OF8" s="252" t="s">
        <v>51</v>
      </c>
      <c r="OG8" s="253" t="s">
        <v>45</v>
      </c>
      <c r="OH8" s="568"/>
      <c r="OI8" s="251" t="s">
        <v>43</v>
      </c>
      <c r="OJ8" s="252" t="s">
        <v>44</v>
      </c>
      <c r="OK8" s="254" t="s">
        <v>45</v>
      </c>
      <c r="OL8" s="231" t="s">
        <v>83</v>
      </c>
      <c r="OM8" s="252" t="s">
        <v>47</v>
      </c>
      <c r="ON8" s="252" t="s">
        <v>48</v>
      </c>
      <c r="OO8" s="252" t="s">
        <v>49</v>
      </c>
      <c r="OP8" s="252" t="s">
        <v>50</v>
      </c>
      <c r="OQ8" s="252" t="s">
        <v>51</v>
      </c>
      <c r="OR8" s="253" t="s">
        <v>45</v>
      </c>
      <c r="OS8" s="568"/>
    </row>
    <row r="9" spans="1:409" s="407" customFormat="1" ht="21" customHeight="1" x14ac:dyDescent="0.2">
      <c r="A9" s="70"/>
      <c r="B9" s="408" t="s">
        <v>4</v>
      </c>
      <c r="C9" s="255">
        <v>431712060</v>
      </c>
      <c r="D9" s="256">
        <v>914501361</v>
      </c>
      <c r="E9" s="257">
        <v>1346213421</v>
      </c>
      <c r="F9" s="258">
        <v>0</v>
      </c>
      <c r="G9" s="256">
        <v>5496083894</v>
      </c>
      <c r="H9" s="256">
        <v>7741838067</v>
      </c>
      <c r="I9" s="256">
        <v>6300879194</v>
      </c>
      <c r="J9" s="256">
        <v>5905447811</v>
      </c>
      <c r="K9" s="256">
        <v>4441036139</v>
      </c>
      <c r="L9" s="259">
        <v>29885285105</v>
      </c>
      <c r="M9" s="260">
        <v>31231498526</v>
      </c>
      <c r="N9" s="255">
        <v>107260574</v>
      </c>
      <c r="O9" s="256">
        <v>279326721</v>
      </c>
      <c r="P9" s="261">
        <v>386587295</v>
      </c>
      <c r="Q9" s="255">
        <v>0</v>
      </c>
      <c r="R9" s="256">
        <v>1573003509</v>
      </c>
      <c r="S9" s="256">
        <v>2536945322</v>
      </c>
      <c r="T9" s="256">
        <v>2154282752</v>
      </c>
      <c r="U9" s="256">
        <v>2350534481</v>
      </c>
      <c r="V9" s="256">
        <v>2306525481</v>
      </c>
      <c r="W9" s="261">
        <v>10921291545</v>
      </c>
      <c r="X9" s="260">
        <v>11307878840</v>
      </c>
      <c r="Y9" s="255">
        <v>0</v>
      </c>
      <c r="Z9" s="256">
        <v>0</v>
      </c>
      <c r="AA9" s="261">
        <v>0</v>
      </c>
      <c r="AB9" s="262">
        <v>0</v>
      </c>
      <c r="AC9" s="263">
        <v>720920267</v>
      </c>
      <c r="AD9" s="263">
        <v>1218374181</v>
      </c>
      <c r="AE9" s="263">
        <v>1206811303</v>
      </c>
      <c r="AF9" s="263">
        <v>1403194303</v>
      </c>
      <c r="AG9" s="263">
        <v>1372815186</v>
      </c>
      <c r="AH9" s="261">
        <v>5922115240</v>
      </c>
      <c r="AI9" s="260">
        <v>5922115240</v>
      </c>
      <c r="AJ9" s="264">
        <v>86536</v>
      </c>
      <c r="AK9" s="263">
        <v>721893</v>
      </c>
      <c r="AL9" s="261">
        <v>808429</v>
      </c>
      <c r="AM9" s="262">
        <v>0</v>
      </c>
      <c r="AN9" s="263">
        <v>5039885</v>
      </c>
      <c r="AO9" s="259">
        <v>23317889</v>
      </c>
      <c r="AP9" s="263">
        <v>46848810</v>
      </c>
      <c r="AQ9" s="263">
        <v>128509014</v>
      </c>
      <c r="AR9" s="263">
        <v>241976264</v>
      </c>
      <c r="AS9" s="261">
        <v>445691862</v>
      </c>
      <c r="AT9" s="260">
        <v>446500291</v>
      </c>
      <c r="AU9" s="264">
        <v>60547918</v>
      </c>
      <c r="AV9" s="263">
        <v>201277773</v>
      </c>
      <c r="AW9" s="261">
        <v>261825691</v>
      </c>
      <c r="AX9" s="262">
        <v>0</v>
      </c>
      <c r="AY9" s="263">
        <v>515419949</v>
      </c>
      <c r="AZ9" s="263">
        <v>856024505</v>
      </c>
      <c r="BA9" s="263">
        <v>531443354</v>
      </c>
      <c r="BB9" s="263">
        <v>461900644</v>
      </c>
      <c r="BC9" s="263">
        <v>426419173</v>
      </c>
      <c r="BD9" s="261">
        <v>2791207625</v>
      </c>
      <c r="BE9" s="265">
        <v>3053033316</v>
      </c>
      <c r="BF9" s="264">
        <v>6882174</v>
      </c>
      <c r="BG9" s="259">
        <v>25634554</v>
      </c>
      <c r="BH9" s="266">
        <v>32516728</v>
      </c>
      <c r="BI9" s="262">
        <v>0</v>
      </c>
      <c r="BJ9" s="263">
        <v>42806466</v>
      </c>
      <c r="BK9" s="263">
        <v>69024748</v>
      </c>
      <c r="BL9" s="263">
        <v>43873833</v>
      </c>
      <c r="BM9" s="263">
        <v>34657721</v>
      </c>
      <c r="BN9" s="263">
        <v>23460349</v>
      </c>
      <c r="BO9" s="261">
        <v>213823117</v>
      </c>
      <c r="BP9" s="260">
        <v>246339845</v>
      </c>
      <c r="BQ9" s="264">
        <v>39743946</v>
      </c>
      <c r="BR9" s="263">
        <v>51692501</v>
      </c>
      <c r="BS9" s="261">
        <v>91436447</v>
      </c>
      <c r="BT9" s="262">
        <v>0</v>
      </c>
      <c r="BU9" s="263">
        <v>288816942</v>
      </c>
      <c r="BV9" s="263">
        <v>370203999</v>
      </c>
      <c r="BW9" s="263">
        <v>325305452</v>
      </c>
      <c r="BX9" s="263">
        <v>322272799</v>
      </c>
      <c r="BY9" s="263">
        <v>241854509</v>
      </c>
      <c r="BZ9" s="261">
        <v>1548453701</v>
      </c>
      <c r="CA9" s="260">
        <v>1639890148</v>
      </c>
      <c r="CB9" s="264">
        <v>41661131</v>
      </c>
      <c r="CC9" s="263">
        <v>124580727</v>
      </c>
      <c r="CD9" s="261">
        <v>166241858</v>
      </c>
      <c r="CE9" s="262">
        <v>0</v>
      </c>
      <c r="CF9" s="263">
        <v>1492527697</v>
      </c>
      <c r="CG9" s="263">
        <v>2005097159</v>
      </c>
      <c r="CH9" s="267">
        <v>1394093841</v>
      </c>
      <c r="CI9" s="263">
        <v>907927864</v>
      </c>
      <c r="CJ9" s="263">
        <v>456594923</v>
      </c>
      <c r="CK9" s="261">
        <v>6256241484</v>
      </c>
      <c r="CL9" s="260">
        <v>6422483342</v>
      </c>
      <c r="CM9" s="255">
        <v>0</v>
      </c>
      <c r="CN9" s="256">
        <v>0</v>
      </c>
      <c r="CO9" s="261">
        <v>0</v>
      </c>
      <c r="CP9" s="262">
        <v>0</v>
      </c>
      <c r="CQ9" s="263">
        <v>1256677015</v>
      </c>
      <c r="CR9" s="263">
        <v>1582002579</v>
      </c>
      <c r="CS9" s="263">
        <v>1092726574</v>
      </c>
      <c r="CT9" s="263">
        <v>693345098</v>
      </c>
      <c r="CU9" s="263">
        <v>368033542</v>
      </c>
      <c r="CV9" s="268">
        <v>4992784808</v>
      </c>
      <c r="CW9" s="260">
        <v>4992784808</v>
      </c>
      <c r="CX9" s="264">
        <v>41661131</v>
      </c>
      <c r="CY9" s="263">
        <v>124580727</v>
      </c>
      <c r="CZ9" s="261">
        <v>166241858</v>
      </c>
      <c r="DA9" s="262">
        <v>0</v>
      </c>
      <c r="DB9" s="263">
        <v>235850682</v>
      </c>
      <c r="DC9" s="263">
        <v>423094580</v>
      </c>
      <c r="DD9" s="263">
        <v>301367267</v>
      </c>
      <c r="DE9" s="263">
        <v>214582766</v>
      </c>
      <c r="DF9" s="263">
        <v>88561381</v>
      </c>
      <c r="DG9" s="261">
        <v>1263456676</v>
      </c>
      <c r="DH9" s="260">
        <v>1429698534</v>
      </c>
      <c r="DI9" s="264">
        <v>2078897</v>
      </c>
      <c r="DJ9" s="263">
        <v>9970562</v>
      </c>
      <c r="DK9" s="266">
        <v>12049459</v>
      </c>
      <c r="DL9" s="262">
        <v>0</v>
      </c>
      <c r="DM9" s="263">
        <v>147431283</v>
      </c>
      <c r="DN9" s="263">
        <v>319245188</v>
      </c>
      <c r="DO9" s="263">
        <v>557463230</v>
      </c>
      <c r="DP9" s="263">
        <v>463142874</v>
      </c>
      <c r="DQ9" s="263">
        <v>271263010</v>
      </c>
      <c r="DR9" s="269">
        <v>1758545585</v>
      </c>
      <c r="DS9" s="260">
        <v>1770595044</v>
      </c>
      <c r="DT9" s="264">
        <v>1886369</v>
      </c>
      <c r="DU9" s="263">
        <v>9031986</v>
      </c>
      <c r="DV9" s="261">
        <v>10918355</v>
      </c>
      <c r="DW9" s="262">
        <v>0</v>
      </c>
      <c r="DX9" s="263">
        <v>134070727</v>
      </c>
      <c r="DY9" s="263">
        <v>284259650</v>
      </c>
      <c r="DZ9" s="263">
        <v>508397370</v>
      </c>
      <c r="EA9" s="263">
        <v>412776326</v>
      </c>
      <c r="EB9" s="263">
        <v>231114643</v>
      </c>
      <c r="EC9" s="261">
        <v>1570618716</v>
      </c>
      <c r="ED9" s="260">
        <v>1581537071</v>
      </c>
      <c r="EE9" s="264">
        <v>192528</v>
      </c>
      <c r="EF9" s="259">
        <v>938576</v>
      </c>
      <c r="EG9" s="261">
        <v>1131104</v>
      </c>
      <c r="EH9" s="265">
        <v>0</v>
      </c>
      <c r="EI9" s="263">
        <v>13360556</v>
      </c>
      <c r="EJ9" s="263">
        <v>34985538</v>
      </c>
      <c r="EK9" s="263">
        <v>49065860</v>
      </c>
      <c r="EL9" s="263">
        <v>50366548</v>
      </c>
      <c r="EM9" s="267">
        <v>40148367</v>
      </c>
      <c r="EN9" s="259">
        <v>187926869</v>
      </c>
      <c r="EO9" s="260">
        <v>189057973</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103288001</v>
      </c>
      <c r="FM9" s="263">
        <v>211271999</v>
      </c>
      <c r="FN9" s="261">
        <v>314560000</v>
      </c>
      <c r="FO9" s="262">
        <v>0</v>
      </c>
      <c r="FP9" s="263">
        <v>270310874</v>
      </c>
      <c r="FQ9" s="263">
        <v>705869313</v>
      </c>
      <c r="FR9" s="263">
        <v>482811726</v>
      </c>
      <c r="FS9" s="263">
        <v>431761120</v>
      </c>
      <c r="FT9" s="263">
        <v>317823560</v>
      </c>
      <c r="FU9" s="261">
        <v>2208576593</v>
      </c>
      <c r="FV9" s="260">
        <v>2523136593</v>
      </c>
      <c r="FW9" s="264">
        <v>60391133</v>
      </c>
      <c r="FX9" s="263">
        <v>165339870</v>
      </c>
      <c r="FY9" s="259">
        <v>225731003</v>
      </c>
      <c r="FZ9" s="265">
        <v>0</v>
      </c>
      <c r="GA9" s="263">
        <v>218181632</v>
      </c>
      <c r="GB9" s="270">
        <v>653242606</v>
      </c>
      <c r="GC9" s="263">
        <v>451771559</v>
      </c>
      <c r="GD9" s="270">
        <v>403045639</v>
      </c>
      <c r="GE9" s="263">
        <v>305732782</v>
      </c>
      <c r="GF9" s="268">
        <v>2031974218</v>
      </c>
      <c r="GG9" s="271">
        <v>2257705221</v>
      </c>
      <c r="GH9" s="272">
        <v>6133633</v>
      </c>
      <c r="GI9" s="263">
        <v>9696474</v>
      </c>
      <c r="GJ9" s="270">
        <v>15830107</v>
      </c>
      <c r="GK9" s="258">
        <v>0</v>
      </c>
      <c r="GL9" s="263">
        <v>13208102</v>
      </c>
      <c r="GM9" s="259">
        <v>19687329</v>
      </c>
      <c r="GN9" s="263">
        <v>12767629</v>
      </c>
      <c r="GO9" s="259">
        <v>11844489</v>
      </c>
      <c r="GP9" s="263">
        <v>5276302</v>
      </c>
      <c r="GQ9" s="269">
        <v>62783851</v>
      </c>
      <c r="GR9" s="260">
        <v>78613958</v>
      </c>
      <c r="GS9" s="259">
        <v>36763235</v>
      </c>
      <c r="GT9" s="263">
        <v>36235655</v>
      </c>
      <c r="GU9" s="261">
        <v>72998890</v>
      </c>
      <c r="GV9" s="259">
        <v>0</v>
      </c>
      <c r="GW9" s="263">
        <v>38921140</v>
      </c>
      <c r="GX9" s="259">
        <v>32939378</v>
      </c>
      <c r="GY9" s="263">
        <v>18272538</v>
      </c>
      <c r="GZ9" s="259">
        <v>16870992</v>
      </c>
      <c r="HA9" s="263">
        <v>6814476</v>
      </c>
      <c r="HB9" s="259">
        <v>113818524</v>
      </c>
      <c r="HC9" s="260">
        <v>186817414</v>
      </c>
      <c r="HD9" s="259">
        <v>99264814</v>
      </c>
      <c r="HE9" s="263">
        <v>133328178</v>
      </c>
      <c r="HF9" s="259">
        <v>232592992</v>
      </c>
      <c r="HG9" s="265">
        <v>0</v>
      </c>
      <c r="HH9" s="263">
        <v>1098718886</v>
      </c>
      <c r="HI9" s="270">
        <v>1175231844</v>
      </c>
      <c r="HJ9" s="263">
        <v>1089296596</v>
      </c>
      <c r="HK9" s="270">
        <v>1324215546</v>
      </c>
      <c r="HL9" s="263">
        <v>827945387</v>
      </c>
      <c r="HM9" s="268">
        <v>5515408259</v>
      </c>
      <c r="HN9" s="259">
        <v>5748001251</v>
      </c>
      <c r="HO9" s="272">
        <v>78158643</v>
      </c>
      <c r="HP9" s="263">
        <v>156023174</v>
      </c>
      <c r="HQ9" s="268">
        <v>234181817</v>
      </c>
      <c r="HR9" s="259">
        <v>0</v>
      </c>
      <c r="HS9" s="263">
        <v>914091645</v>
      </c>
      <c r="HT9" s="259">
        <v>999449241</v>
      </c>
      <c r="HU9" s="263">
        <v>622931049</v>
      </c>
      <c r="HV9" s="259">
        <v>427865926</v>
      </c>
      <c r="HW9" s="263">
        <v>260883778</v>
      </c>
      <c r="HX9" s="259">
        <v>3225221639</v>
      </c>
      <c r="HY9" s="260">
        <v>3459403456</v>
      </c>
      <c r="HZ9" s="273">
        <v>9948431</v>
      </c>
      <c r="IA9" s="274">
        <v>35471123</v>
      </c>
      <c r="IB9" s="275">
        <v>45419554</v>
      </c>
      <c r="IC9" s="276">
        <v>0</v>
      </c>
      <c r="ID9" s="274">
        <v>1717773779</v>
      </c>
      <c r="IE9" s="277">
        <v>2331667635</v>
      </c>
      <c r="IF9" s="278">
        <v>2435062865</v>
      </c>
      <c r="IG9" s="274">
        <v>1799079662</v>
      </c>
      <c r="IH9" s="278">
        <v>1299521200</v>
      </c>
      <c r="II9" s="279">
        <v>9583105141</v>
      </c>
      <c r="IJ9" s="280">
        <v>9628524695</v>
      </c>
      <c r="IK9" s="281">
        <v>0</v>
      </c>
      <c r="IL9" s="282">
        <v>0</v>
      </c>
      <c r="IM9" s="283">
        <v>0</v>
      </c>
      <c r="IN9" s="406">
        <v>0</v>
      </c>
      <c r="IO9" s="284">
        <v>27037343</v>
      </c>
      <c r="IP9" s="284">
        <v>54322678</v>
      </c>
      <c r="IQ9" s="284">
        <v>68069709</v>
      </c>
      <c r="IR9" s="284">
        <v>113221819</v>
      </c>
      <c r="IS9" s="284">
        <v>113519851</v>
      </c>
      <c r="IT9" s="285">
        <v>376171400</v>
      </c>
      <c r="IU9" s="286">
        <v>376171400</v>
      </c>
      <c r="IV9" s="287">
        <v>0</v>
      </c>
      <c r="IW9" s="284">
        <v>0</v>
      </c>
      <c r="IX9" s="288">
        <v>0</v>
      </c>
      <c r="IY9" s="412">
        <v>0</v>
      </c>
      <c r="IZ9" s="284">
        <v>3838733</v>
      </c>
      <c r="JA9" s="284">
        <v>10167512</v>
      </c>
      <c r="JB9" s="284">
        <v>11861724</v>
      </c>
      <c r="JC9" s="284">
        <v>12665829</v>
      </c>
      <c r="JD9" s="284">
        <v>18103691</v>
      </c>
      <c r="JE9" s="288">
        <v>56637489</v>
      </c>
      <c r="JF9" s="289">
        <v>56637489</v>
      </c>
      <c r="JG9" s="287">
        <v>0</v>
      </c>
      <c r="JH9" s="284">
        <v>0</v>
      </c>
      <c r="JI9" s="285">
        <v>0</v>
      </c>
      <c r="JJ9" s="290">
        <v>0</v>
      </c>
      <c r="JK9" s="284">
        <v>655611215</v>
      </c>
      <c r="JL9" s="284">
        <v>816936937</v>
      </c>
      <c r="JM9" s="284">
        <v>597569605</v>
      </c>
      <c r="JN9" s="284">
        <v>347718604</v>
      </c>
      <c r="JO9" s="284">
        <v>187089732</v>
      </c>
      <c r="JP9" s="288">
        <v>2604926093</v>
      </c>
      <c r="JQ9" s="286">
        <v>2604926093</v>
      </c>
      <c r="JR9" s="287">
        <v>266651</v>
      </c>
      <c r="JS9" s="284">
        <v>594172</v>
      </c>
      <c r="JT9" s="285">
        <v>860823</v>
      </c>
      <c r="JU9" s="290">
        <v>0</v>
      </c>
      <c r="JV9" s="284">
        <v>72973077</v>
      </c>
      <c r="JW9" s="284">
        <v>111567195</v>
      </c>
      <c r="JX9" s="284">
        <v>155196987</v>
      </c>
      <c r="JY9" s="284">
        <v>89055504</v>
      </c>
      <c r="JZ9" s="284">
        <v>73997693</v>
      </c>
      <c r="KA9" s="288">
        <v>502790456</v>
      </c>
      <c r="KB9" s="286">
        <v>503651279</v>
      </c>
      <c r="KC9" s="291">
        <v>9558255</v>
      </c>
      <c r="KD9" s="292">
        <v>25612895</v>
      </c>
      <c r="KE9" s="288">
        <v>35171150</v>
      </c>
      <c r="KF9" s="290">
        <v>0</v>
      </c>
      <c r="KG9" s="284">
        <v>211828879</v>
      </c>
      <c r="KH9" s="284">
        <v>326982473</v>
      </c>
      <c r="KI9" s="284">
        <v>366040199</v>
      </c>
      <c r="KJ9" s="284">
        <v>270396174</v>
      </c>
      <c r="KK9" s="284">
        <v>186110213</v>
      </c>
      <c r="KL9" s="288">
        <v>1361357938</v>
      </c>
      <c r="KM9" s="293">
        <v>1396529088</v>
      </c>
      <c r="KN9" s="281">
        <v>0</v>
      </c>
      <c r="KO9" s="282">
        <v>9264056</v>
      </c>
      <c r="KP9" s="283">
        <v>9264056</v>
      </c>
      <c r="KQ9" s="412">
        <v>0</v>
      </c>
      <c r="KR9" s="284">
        <v>697879369</v>
      </c>
      <c r="KS9" s="284">
        <v>922819507</v>
      </c>
      <c r="KT9" s="284">
        <v>1061041552</v>
      </c>
      <c r="KU9" s="284">
        <v>700605890</v>
      </c>
      <c r="KV9" s="284">
        <v>465100672</v>
      </c>
      <c r="KW9" s="288">
        <v>3847446990</v>
      </c>
      <c r="KX9" s="286">
        <v>3856711046</v>
      </c>
      <c r="KY9" s="287">
        <v>123525</v>
      </c>
      <c r="KZ9" s="284">
        <v>0</v>
      </c>
      <c r="LA9" s="288">
        <v>123525</v>
      </c>
      <c r="LB9" s="412">
        <v>0</v>
      </c>
      <c r="LC9" s="284">
        <v>6546530</v>
      </c>
      <c r="LD9" s="284">
        <v>8867829</v>
      </c>
      <c r="LE9" s="284">
        <v>14842605</v>
      </c>
      <c r="LF9" s="284">
        <v>15468288</v>
      </c>
      <c r="LG9" s="284">
        <v>13099889</v>
      </c>
      <c r="LH9" s="288">
        <v>58825141</v>
      </c>
      <c r="LI9" s="289">
        <v>58948666</v>
      </c>
      <c r="LJ9" s="287">
        <v>0</v>
      </c>
      <c r="LK9" s="284">
        <v>0</v>
      </c>
      <c r="LL9" s="288">
        <v>0</v>
      </c>
      <c r="LM9" s="412">
        <v>0</v>
      </c>
      <c r="LN9" s="284">
        <v>1441200</v>
      </c>
      <c r="LO9" s="284">
        <v>7677515</v>
      </c>
      <c r="LP9" s="284">
        <v>62172106</v>
      </c>
      <c r="LQ9" s="284">
        <v>109155774</v>
      </c>
      <c r="LR9" s="284">
        <v>68335795</v>
      </c>
      <c r="LS9" s="288">
        <v>248782390</v>
      </c>
      <c r="LT9" s="286">
        <v>248782390</v>
      </c>
      <c r="LU9" s="287">
        <v>0</v>
      </c>
      <c r="LV9" s="284">
        <v>0</v>
      </c>
      <c r="LW9" s="288">
        <v>0</v>
      </c>
      <c r="LX9" s="412">
        <v>0</v>
      </c>
      <c r="LY9" s="284">
        <v>40617433</v>
      </c>
      <c r="LZ9" s="284">
        <v>72325989</v>
      </c>
      <c r="MA9" s="284">
        <v>98268378</v>
      </c>
      <c r="MB9" s="284">
        <v>140791780</v>
      </c>
      <c r="MC9" s="284">
        <v>174163664</v>
      </c>
      <c r="MD9" s="288">
        <v>526167244</v>
      </c>
      <c r="ME9" s="289">
        <v>526167244</v>
      </c>
      <c r="MF9" s="287">
        <v>0</v>
      </c>
      <c r="MG9" s="284">
        <v>0</v>
      </c>
      <c r="MH9" s="288">
        <v>0</v>
      </c>
      <c r="MI9" s="412">
        <v>0</v>
      </c>
      <c r="MJ9" s="284">
        <v>560904792</v>
      </c>
      <c r="MK9" s="284">
        <v>1441538758</v>
      </c>
      <c r="ML9" s="284">
        <v>4437462862</v>
      </c>
      <c r="MM9" s="284">
        <v>6599652629</v>
      </c>
      <c r="MN9" s="284">
        <v>4356333512</v>
      </c>
      <c r="MO9" s="288">
        <v>17395892553</v>
      </c>
      <c r="MP9" s="293">
        <v>17395892553</v>
      </c>
      <c r="MQ9" s="287">
        <v>0</v>
      </c>
      <c r="MR9" s="284">
        <v>0</v>
      </c>
      <c r="MS9" s="288">
        <v>0</v>
      </c>
      <c r="MT9" s="412">
        <v>0</v>
      </c>
      <c r="MU9" s="284">
        <v>113824985</v>
      </c>
      <c r="MV9" s="284">
        <v>443823052</v>
      </c>
      <c r="MW9" s="284">
        <v>2880557717</v>
      </c>
      <c r="MX9" s="284">
        <v>4507317256</v>
      </c>
      <c r="MY9" s="284">
        <v>3115364980</v>
      </c>
      <c r="MZ9" s="288">
        <v>11060887990</v>
      </c>
      <c r="NA9" s="293">
        <v>11060887990</v>
      </c>
      <c r="NB9" s="287">
        <v>0</v>
      </c>
      <c r="NC9" s="284">
        <v>0</v>
      </c>
      <c r="ND9" s="288">
        <v>0</v>
      </c>
      <c r="NE9" s="412">
        <v>0</v>
      </c>
      <c r="NF9" s="284">
        <v>443087870</v>
      </c>
      <c r="NG9" s="284">
        <v>992614989</v>
      </c>
      <c r="NH9" s="284">
        <v>1535740597</v>
      </c>
      <c r="NI9" s="284">
        <v>1949515804</v>
      </c>
      <c r="NJ9" s="284">
        <v>1027912041</v>
      </c>
      <c r="NK9" s="288">
        <v>5948871301</v>
      </c>
      <c r="NL9" s="286">
        <v>5948871301</v>
      </c>
      <c r="NM9" s="287">
        <v>0</v>
      </c>
      <c r="NN9" s="284">
        <v>0</v>
      </c>
      <c r="NO9" s="288">
        <v>0</v>
      </c>
      <c r="NP9" s="412">
        <v>0</v>
      </c>
      <c r="NQ9" s="284">
        <v>0</v>
      </c>
      <c r="NR9" s="284">
        <v>0</v>
      </c>
      <c r="NS9" s="284">
        <v>0</v>
      </c>
      <c r="NT9" s="284">
        <v>0</v>
      </c>
      <c r="NU9" s="284">
        <v>0</v>
      </c>
      <c r="NV9" s="288">
        <v>0</v>
      </c>
      <c r="NW9" s="289">
        <v>0</v>
      </c>
      <c r="NX9" s="287">
        <v>0</v>
      </c>
      <c r="NY9" s="284">
        <v>0</v>
      </c>
      <c r="NZ9" s="288">
        <v>0</v>
      </c>
      <c r="OA9" s="412">
        <v>0</v>
      </c>
      <c r="OB9" s="284">
        <v>3991937</v>
      </c>
      <c r="OC9" s="284">
        <v>5100717</v>
      </c>
      <c r="OD9" s="284">
        <v>21164548</v>
      </c>
      <c r="OE9" s="284">
        <v>142819569</v>
      </c>
      <c r="OF9" s="284">
        <v>213056491</v>
      </c>
      <c r="OG9" s="288">
        <v>386133262</v>
      </c>
      <c r="OH9" s="289">
        <v>386133262</v>
      </c>
      <c r="OI9" s="287">
        <v>441660491</v>
      </c>
      <c r="OJ9" s="284">
        <v>949972484</v>
      </c>
      <c r="OK9" s="285">
        <v>1391632975</v>
      </c>
      <c r="OL9" s="290">
        <v>0</v>
      </c>
      <c r="OM9" s="284">
        <v>7774762465</v>
      </c>
      <c r="ON9" s="284">
        <v>11515044460</v>
      </c>
      <c r="OO9" s="284">
        <v>13173404921</v>
      </c>
      <c r="OP9" s="284">
        <v>14304180102</v>
      </c>
      <c r="OQ9" s="284">
        <v>10096890851</v>
      </c>
      <c r="OR9" s="288">
        <v>56864282799</v>
      </c>
      <c r="OS9" s="293">
        <v>58255915774</v>
      </c>
    </row>
    <row r="10" spans="1:409" s="407" customFormat="1" ht="21" customHeight="1" x14ac:dyDescent="0.2">
      <c r="A10" s="70"/>
      <c r="B10" s="409" t="s">
        <v>5</v>
      </c>
      <c r="C10" s="295">
        <v>164128279</v>
      </c>
      <c r="D10" s="296">
        <v>437564939</v>
      </c>
      <c r="E10" s="297">
        <v>601693218</v>
      </c>
      <c r="F10" s="298">
        <v>0</v>
      </c>
      <c r="G10" s="296">
        <v>1895668364</v>
      </c>
      <c r="H10" s="296">
        <v>3491666411</v>
      </c>
      <c r="I10" s="296">
        <v>2574469108</v>
      </c>
      <c r="J10" s="296">
        <v>2364570807</v>
      </c>
      <c r="K10" s="296">
        <v>1788171207</v>
      </c>
      <c r="L10" s="298">
        <v>12114545897</v>
      </c>
      <c r="M10" s="299">
        <v>12716239115</v>
      </c>
      <c r="N10" s="295">
        <v>44259034</v>
      </c>
      <c r="O10" s="296">
        <v>151425437</v>
      </c>
      <c r="P10" s="297">
        <v>195684471</v>
      </c>
      <c r="Q10" s="295">
        <v>0</v>
      </c>
      <c r="R10" s="296">
        <v>553993462</v>
      </c>
      <c r="S10" s="296">
        <v>1183356580</v>
      </c>
      <c r="T10" s="296">
        <v>887263270</v>
      </c>
      <c r="U10" s="296">
        <v>924414504</v>
      </c>
      <c r="V10" s="296">
        <v>933593327</v>
      </c>
      <c r="W10" s="297">
        <v>4482621143</v>
      </c>
      <c r="X10" s="299">
        <v>4678305614</v>
      </c>
      <c r="Y10" s="295">
        <v>0</v>
      </c>
      <c r="Z10" s="296">
        <v>0</v>
      </c>
      <c r="AA10" s="297">
        <v>0</v>
      </c>
      <c r="AB10" s="295">
        <v>0</v>
      </c>
      <c r="AC10" s="296">
        <v>242247678</v>
      </c>
      <c r="AD10" s="296">
        <v>532567146</v>
      </c>
      <c r="AE10" s="296">
        <v>454057619</v>
      </c>
      <c r="AF10" s="296">
        <v>509110434</v>
      </c>
      <c r="AG10" s="296">
        <v>525622719</v>
      </c>
      <c r="AH10" s="297">
        <v>2263605596</v>
      </c>
      <c r="AI10" s="299">
        <v>2263605596</v>
      </c>
      <c r="AJ10" s="295">
        <v>0</v>
      </c>
      <c r="AK10" s="296">
        <v>470359</v>
      </c>
      <c r="AL10" s="297">
        <v>470359</v>
      </c>
      <c r="AM10" s="295">
        <v>0</v>
      </c>
      <c r="AN10" s="296">
        <v>1077607</v>
      </c>
      <c r="AO10" s="296">
        <v>8083052</v>
      </c>
      <c r="AP10" s="296">
        <v>18080346</v>
      </c>
      <c r="AQ10" s="296">
        <v>51289429</v>
      </c>
      <c r="AR10" s="296">
        <v>108262599</v>
      </c>
      <c r="AS10" s="297">
        <v>186793033</v>
      </c>
      <c r="AT10" s="299">
        <v>187263392</v>
      </c>
      <c r="AU10" s="295">
        <v>26130353</v>
      </c>
      <c r="AV10" s="296">
        <v>110434425</v>
      </c>
      <c r="AW10" s="297">
        <v>136564778</v>
      </c>
      <c r="AX10" s="295">
        <v>0</v>
      </c>
      <c r="AY10" s="296">
        <v>190952541</v>
      </c>
      <c r="AZ10" s="296">
        <v>450448876</v>
      </c>
      <c r="BA10" s="296">
        <v>263837510</v>
      </c>
      <c r="BB10" s="296">
        <v>216538936</v>
      </c>
      <c r="BC10" s="296">
        <v>189764371</v>
      </c>
      <c r="BD10" s="297">
        <v>1311542234</v>
      </c>
      <c r="BE10" s="299">
        <v>1448107012</v>
      </c>
      <c r="BF10" s="295">
        <v>2409420</v>
      </c>
      <c r="BG10" s="296">
        <v>13283747</v>
      </c>
      <c r="BH10" s="300">
        <v>15693167</v>
      </c>
      <c r="BI10" s="301">
        <v>0</v>
      </c>
      <c r="BJ10" s="296">
        <v>10253791</v>
      </c>
      <c r="BK10" s="296">
        <v>29013607</v>
      </c>
      <c r="BL10" s="296">
        <v>18656537</v>
      </c>
      <c r="BM10" s="296">
        <v>14433073</v>
      </c>
      <c r="BN10" s="296">
        <v>9996194</v>
      </c>
      <c r="BO10" s="297">
        <v>82353202</v>
      </c>
      <c r="BP10" s="299">
        <v>98046369</v>
      </c>
      <c r="BQ10" s="295">
        <v>15719261</v>
      </c>
      <c r="BR10" s="296">
        <v>27236906</v>
      </c>
      <c r="BS10" s="297">
        <v>42956167</v>
      </c>
      <c r="BT10" s="295">
        <v>0</v>
      </c>
      <c r="BU10" s="296">
        <v>109461845</v>
      </c>
      <c r="BV10" s="296">
        <v>163243899</v>
      </c>
      <c r="BW10" s="296">
        <v>132631258</v>
      </c>
      <c r="BX10" s="296">
        <v>133042632</v>
      </c>
      <c r="BY10" s="296">
        <v>99947444</v>
      </c>
      <c r="BZ10" s="297">
        <v>638327078</v>
      </c>
      <c r="CA10" s="299">
        <v>681283245</v>
      </c>
      <c r="CB10" s="295">
        <v>17346160</v>
      </c>
      <c r="CC10" s="296">
        <v>56147767</v>
      </c>
      <c r="CD10" s="297">
        <v>73493927</v>
      </c>
      <c r="CE10" s="295">
        <v>0</v>
      </c>
      <c r="CF10" s="296">
        <v>469344116</v>
      </c>
      <c r="CG10" s="296">
        <v>840176416</v>
      </c>
      <c r="CH10" s="296">
        <v>526480431</v>
      </c>
      <c r="CI10" s="296">
        <v>330086358</v>
      </c>
      <c r="CJ10" s="296">
        <v>159682151</v>
      </c>
      <c r="CK10" s="297">
        <v>2325769472</v>
      </c>
      <c r="CL10" s="299">
        <v>2399263399</v>
      </c>
      <c r="CM10" s="295">
        <v>0</v>
      </c>
      <c r="CN10" s="296">
        <v>0</v>
      </c>
      <c r="CO10" s="297">
        <v>0</v>
      </c>
      <c r="CP10" s="301">
        <v>0</v>
      </c>
      <c r="CQ10" s="296">
        <v>398983291</v>
      </c>
      <c r="CR10" s="296">
        <v>649694495</v>
      </c>
      <c r="CS10" s="296">
        <v>391867656</v>
      </c>
      <c r="CT10" s="296">
        <v>234418984</v>
      </c>
      <c r="CU10" s="296">
        <v>123891747</v>
      </c>
      <c r="CV10" s="297">
        <v>1798856173</v>
      </c>
      <c r="CW10" s="299">
        <v>1798856173</v>
      </c>
      <c r="CX10" s="295">
        <v>17346160</v>
      </c>
      <c r="CY10" s="296">
        <v>56147767</v>
      </c>
      <c r="CZ10" s="297">
        <v>73493927</v>
      </c>
      <c r="DA10" s="295">
        <v>0</v>
      </c>
      <c r="DB10" s="296">
        <v>70360825</v>
      </c>
      <c r="DC10" s="296">
        <v>190481921</v>
      </c>
      <c r="DD10" s="296">
        <v>134612775</v>
      </c>
      <c r="DE10" s="296">
        <v>95667374</v>
      </c>
      <c r="DF10" s="296">
        <v>35790404</v>
      </c>
      <c r="DG10" s="297">
        <v>526913299</v>
      </c>
      <c r="DH10" s="299">
        <v>600407226</v>
      </c>
      <c r="DI10" s="295">
        <v>768932</v>
      </c>
      <c r="DJ10" s="296">
        <v>4372748</v>
      </c>
      <c r="DK10" s="300">
        <v>5141680</v>
      </c>
      <c r="DL10" s="301">
        <v>0</v>
      </c>
      <c r="DM10" s="296">
        <v>48119061</v>
      </c>
      <c r="DN10" s="296">
        <v>132459072</v>
      </c>
      <c r="DO10" s="296">
        <v>224664600</v>
      </c>
      <c r="DP10" s="296">
        <v>173579934</v>
      </c>
      <c r="DQ10" s="296">
        <v>114004935</v>
      </c>
      <c r="DR10" s="297">
        <v>692827602</v>
      </c>
      <c r="DS10" s="299">
        <v>697969282</v>
      </c>
      <c r="DT10" s="295">
        <v>659090</v>
      </c>
      <c r="DU10" s="296">
        <v>3776128</v>
      </c>
      <c r="DV10" s="297">
        <v>4435218</v>
      </c>
      <c r="DW10" s="295">
        <v>0</v>
      </c>
      <c r="DX10" s="296">
        <v>42999999</v>
      </c>
      <c r="DY10" s="296">
        <v>112560235</v>
      </c>
      <c r="DZ10" s="296">
        <v>194320599</v>
      </c>
      <c r="EA10" s="296">
        <v>143825149</v>
      </c>
      <c r="EB10" s="296">
        <v>91010505</v>
      </c>
      <c r="EC10" s="297">
        <v>584716487</v>
      </c>
      <c r="ED10" s="299">
        <v>589151705</v>
      </c>
      <c r="EE10" s="295">
        <v>109842</v>
      </c>
      <c r="EF10" s="300">
        <v>596620</v>
      </c>
      <c r="EG10" s="297">
        <v>706462</v>
      </c>
      <c r="EH10" s="295">
        <v>0</v>
      </c>
      <c r="EI10" s="296">
        <v>5119062</v>
      </c>
      <c r="EJ10" s="296">
        <v>19898837</v>
      </c>
      <c r="EK10" s="296">
        <v>30344001</v>
      </c>
      <c r="EL10" s="296">
        <v>29754785</v>
      </c>
      <c r="EM10" s="296">
        <v>22994430</v>
      </c>
      <c r="EN10" s="300">
        <v>108111115</v>
      </c>
      <c r="EO10" s="299">
        <v>108817577</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33057358</v>
      </c>
      <c r="FM10" s="296">
        <v>89487894</v>
      </c>
      <c r="FN10" s="297">
        <v>122545252</v>
      </c>
      <c r="FO10" s="295">
        <v>0</v>
      </c>
      <c r="FP10" s="296">
        <v>73807669</v>
      </c>
      <c r="FQ10" s="296">
        <v>306951268</v>
      </c>
      <c r="FR10" s="296">
        <v>194162103</v>
      </c>
      <c r="FS10" s="296">
        <v>169662197</v>
      </c>
      <c r="FT10" s="296">
        <v>126043228</v>
      </c>
      <c r="FU10" s="297">
        <v>870626465</v>
      </c>
      <c r="FV10" s="299">
        <v>993171717</v>
      </c>
      <c r="FW10" s="302">
        <v>18369898</v>
      </c>
      <c r="FX10" s="296">
        <v>69145498</v>
      </c>
      <c r="FY10" s="300">
        <v>87515396</v>
      </c>
      <c r="FZ10" s="301">
        <v>0</v>
      </c>
      <c r="GA10" s="296">
        <v>56695921</v>
      </c>
      <c r="GB10" s="296">
        <v>283463119</v>
      </c>
      <c r="GC10" s="296">
        <v>181992749</v>
      </c>
      <c r="GD10" s="296">
        <v>156887042</v>
      </c>
      <c r="GE10" s="296">
        <v>121108291</v>
      </c>
      <c r="GF10" s="297">
        <v>800147122</v>
      </c>
      <c r="GG10" s="303">
        <v>887662518</v>
      </c>
      <c r="GH10" s="302">
        <v>1803899</v>
      </c>
      <c r="GI10" s="296">
        <v>4574190</v>
      </c>
      <c r="GJ10" s="300">
        <v>6378089</v>
      </c>
      <c r="GK10" s="301">
        <v>0</v>
      </c>
      <c r="GL10" s="296">
        <v>4525175</v>
      </c>
      <c r="GM10" s="296">
        <v>9443207</v>
      </c>
      <c r="GN10" s="296">
        <v>5147579</v>
      </c>
      <c r="GO10" s="296">
        <v>5293426</v>
      </c>
      <c r="GP10" s="296">
        <v>2183236</v>
      </c>
      <c r="GQ10" s="297">
        <v>26592623</v>
      </c>
      <c r="GR10" s="299">
        <v>32970712</v>
      </c>
      <c r="GS10" s="295">
        <v>12883561</v>
      </c>
      <c r="GT10" s="296">
        <v>15768206</v>
      </c>
      <c r="GU10" s="297">
        <v>28651767</v>
      </c>
      <c r="GV10" s="295">
        <v>0</v>
      </c>
      <c r="GW10" s="296">
        <v>12586573</v>
      </c>
      <c r="GX10" s="296">
        <v>14044942</v>
      </c>
      <c r="GY10" s="296">
        <v>7021775</v>
      </c>
      <c r="GZ10" s="296">
        <v>7481729</v>
      </c>
      <c r="HA10" s="296">
        <v>2751701</v>
      </c>
      <c r="HB10" s="300">
        <v>43886720</v>
      </c>
      <c r="HC10" s="299">
        <v>72538487</v>
      </c>
      <c r="HD10" s="295">
        <v>40877574</v>
      </c>
      <c r="HE10" s="296">
        <v>65946089</v>
      </c>
      <c r="HF10" s="300">
        <v>106823663</v>
      </c>
      <c r="HG10" s="301">
        <v>0</v>
      </c>
      <c r="HH10" s="296">
        <v>444393598</v>
      </c>
      <c r="HI10" s="296">
        <v>565274614</v>
      </c>
      <c r="HJ10" s="296">
        <v>477266054</v>
      </c>
      <c r="HK10" s="296">
        <v>590871830</v>
      </c>
      <c r="HL10" s="296">
        <v>346472834</v>
      </c>
      <c r="HM10" s="297">
        <v>2424278930</v>
      </c>
      <c r="HN10" s="298">
        <v>2531102593</v>
      </c>
      <c r="HO10" s="302">
        <v>27819221</v>
      </c>
      <c r="HP10" s="296">
        <v>70185004</v>
      </c>
      <c r="HQ10" s="297">
        <v>98004225</v>
      </c>
      <c r="HR10" s="295">
        <v>0</v>
      </c>
      <c r="HS10" s="296">
        <v>306010458</v>
      </c>
      <c r="HT10" s="296">
        <v>463448461</v>
      </c>
      <c r="HU10" s="296">
        <v>264632650</v>
      </c>
      <c r="HV10" s="296">
        <v>175955984</v>
      </c>
      <c r="HW10" s="296">
        <v>108374732</v>
      </c>
      <c r="HX10" s="300">
        <v>1318422285</v>
      </c>
      <c r="HY10" s="299">
        <v>1416426510</v>
      </c>
      <c r="HZ10" s="304">
        <v>3288663</v>
      </c>
      <c r="IA10" s="305">
        <v>14968087</v>
      </c>
      <c r="IB10" s="306">
        <v>18256750</v>
      </c>
      <c r="IC10" s="307">
        <v>0</v>
      </c>
      <c r="ID10" s="308">
        <v>672822062</v>
      </c>
      <c r="IE10" s="309">
        <v>1048405638</v>
      </c>
      <c r="IF10" s="310">
        <v>1028760844</v>
      </c>
      <c r="IG10" s="308">
        <v>756150291</v>
      </c>
      <c r="IH10" s="310">
        <v>577549909</v>
      </c>
      <c r="II10" s="311">
        <v>4083688744</v>
      </c>
      <c r="IJ10" s="312">
        <v>4101945494</v>
      </c>
      <c r="IK10" s="313">
        <v>0</v>
      </c>
      <c r="IL10" s="314">
        <v>0</v>
      </c>
      <c r="IM10" s="315">
        <v>0</v>
      </c>
      <c r="IN10" s="403">
        <v>0</v>
      </c>
      <c r="IO10" s="316">
        <v>10738979</v>
      </c>
      <c r="IP10" s="316">
        <v>24857964</v>
      </c>
      <c r="IQ10" s="316">
        <v>34953941</v>
      </c>
      <c r="IR10" s="316">
        <v>52757502</v>
      </c>
      <c r="IS10" s="316">
        <v>50612153</v>
      </c>
      <c r="IT10" s="317">
        <v>173920539</v>
      </c>
      <c r="IU10" s="318">
        <v>173920539</v>
      </c>
      <c r="IV10" s="319">
        <v>0</v>
      </c>
      <c r="IW10" s="316">
        <v>0</v>
      </c>
      <c r="IX10" s="320">
        <v>0</v>
      </c>
      <c r="IY10" s="413">
        <v>0</v>
      </c>
      <c r="IZ10" s="316">
        <v>2010164</v>
      </c>
      <c r="JA10" s="316">
        <v>7658504</v>
      </c>
      <c r="JB10" s="316">
        <v>8391572</v>
      </c>
      <c r="JC10" s="316">
        <v>8893569</v>
      </c>
      <c r="JD10" s="316">
        <v>14036102</v>
      </c>
      <c r="JE10" s="320">
        <v>40989911</v>
      </c>
      <c r="JF10" s="321">
        <v>40989911</v>
      </c>
      <c r="JG10" s="319">
        <v>0</v>
      </c>
      <c r="JH10" s="316">
        <v>0</v>
      </c>
      <c r="JI10" s="317">
        <v>0</v>
      </c>
      <c r="JJ10" s="322">
        <v>0</v>
      </c>
      <c r="JK10" s="316">
        <v>230879843</v>
      </c>
      <c r="JL10" s="316">
        <v>379519390</v>
      </c>
      <c r="JM10" s="316">
        <v>280128615</v>
      </c>
      <c r="JN10" s="316">
        <v>159854092</v>
      </c>
      <c r="JO10" s="316">
        <v>92208852</v>
      </c>
      <c r="JP10" s="320">
        <v>1142590792</v>
      </c>
      <c r="JQ10" s="318">
        <v>1142590792</v>
      </c>
      <c r="JR10" s="319">
        <v>155583</v>
      </c>
      <c r="JS10" s="316">
        <v>78736</v>
      </c>
      <c r="JT10" s="317">
        <v>234319</v>
      </c>
      <c r="JU10" s="322">
        <v>0</v>
      </c>
      <c r="JV10" s="316">
        <v>37001961</v>
      </c>
      <c r="JW10" s="316">
        <v>60367392</v>
      </c>
      <c r="JX10" s="316">
        <v>82077730</v>
      </c>
      <c r="JY10" s="316">
        <v>51125958</v>
      </c>
      <c r="JZ10" s="316">
        <v>39822041</v>
      </c>
      <c r="KA10" s="320">
        <v>270395082</v>
      </c>
      <c r="KB10" s="318">
        <v>270629401</v>
      </c>
      <c r="KC10" s="323">
        <v>3133080</v>
      </c>
      <c r="KD10" s="324">
        <v>10501821</v>
      </c>
      <c r="KE10" s="320">
        <v>13634901</v>
      </c>
      <c r="KF10" s="322">
        <v>0</v>
      </c>
      <c r="KG10" s="316">
        <v>80760013</v>
      </c>
      <c r="KH10" s="316">
        <v>155158453</v>
      </c>
      <c r="KI10" s="316">
        <v>142966537</v>
      </c>
      <c r="KJ10" s="316">
        <v>124240229</v>
      </c>
      <c r="KK10" s="316">
        <v>90328219</v>
      </c>
      <c r="KL10" s="320">
        <v>593453451</v>
      </c>
      <c r="KM10" s="325">
        <v>607088352</v>
      </c>
      <c r="KN10" s="313">
        <v>0</v>
      </c>
      <c r="KO10" s="314">
        <v>4387530</v>
      </c>
      <c r="KP10" s="315">
        <v>4387530</v>
      </c>
      <c r="KQ10" s="413">
        <v>0</v>
      </c>
      <c r="KR10" s="316">
        <v>305281753</v>
      </c>
      <c r="KS10" s="316">
        <v>401938799</v>
      </c>
      <c r="KT10" s="316">
        <v>456150143</v>
      </c>
      <c r="KU10" s="316">
        <v>305555534</v>
      </c>
      <c r="KV10" s="316">
        <v>215661972</v>
      </c>
      <c r="KW10" s="320">
        <v>1684588201</v>
      </c>
      <c r="KX10" s="318">
        <v>1688975731</v>
      </c>
      <c r="KY10" s="319">
        <v>0</v>
      </c>
      <c r="KZ10" s="316">
        <v>0</v>
      </c>
      <c r="LA10" s="320">
        <v>0</v>
      </c>
      <c r="LB10" s="413">
        <v>0</v>
      </c>
      <c r="LC10" s="316">
        <v>177310</v>
      </c>
      <c r="LD10" s="316">
        <v>598185</v>
      </c>
      <c r="LE10" s="316">
        <v>889812</v>
      </c>
      <c r="LF10" s="316">
        <v>243563</v>
      </c>
      <c r="LG10" s="316">
        <v>798879</v>
      </c>
      <c r="LH10" s="320">
        <v>2707749</v>
      </c>
      <c r="LI10" s="321">
        <v>2707749</v>
      </c>
      <c r="LJ10" s="319">
        <v>0</v>
      </c>
      <c r="LK10" s="316">
        <v>0</v>
      </c>
      <c r="LL10" s="320">
        <v>0</v>
      </c>
      <c r="LM10" s="413">
        <v>0</v>
      </c>
      <c r="LN10" s="316">
        <v>764042</v>
      </c>
      <c r="LO10" s="316">
        <v>3478197</v>
      </c>
      <c r="LP10" s="316">
        <v>6155896</v>
      </c>
      <c r="LQ10" s="316">
        <v>15028450</v>
      </c>
      <c r="LR10" s="316">
        <v>11798521</v>
      </c>
      <c r="LS10" s="320">
        <v>37225106</v>
      </c>
      <c r="LT10" s="318">
        <v>37225106</v>
      </c>
      <c r="LU10" s="319">
        <v>0</v>
      </c>
      <c r="LV10" s="316">
        <v>0</v>
      </c>
      <c r="LW10" s="320">
        <v>0</v>
      </c>
      <c r="LX10" s="413">
        <v>0</v>
      </c>
      <c r="LY10" s="316">
        <v>5207997</v>
      </c>
      <c r="LZ10" s="316">
        <v>14828754</v>
      </c>
      <c r="MA10" s="316">
        <v>17046598</v>
      </c>
      <c r="MB10" s="316">
        <v>38451394</v>
      </c>
      <c r="MC10" s="316">
        <v>62283170</v>
      </c>
      <c r="MD10" s="320">
        <v>137817913</v>
      </c>
      <c r="ME10" s="321">
        <v>137817913</v>
      </c>
      <c r="MF10" s="319">
        <v>0</v>
      </c>
      <c r="MG10" s="316">
        <v>0</v>
      </c>
      <c r="MH10" s="320">
        <v>0</v>
      </c>
      <c r="MI10" s="413">
        <v>0</v>
      </c>
      <c r="MJ10" s="316">
        <v>228208445</v>
      </c>
      <c r="MK10" s="316">
        <v>761341472</v>
      </c>
      <c r="ML10" s="316">
        <v>1971928145</v>
      </c>
      <c r="MM10" s="316">
        <v>2844357384</v>
      </c>
      <c r="MN10" s="316">
        <v>1878382180</v>
      </c>
      <c r="MO10" s="320">
        <v>7684217626</v>
      </c>
      <c r="MP10" s="325">
        <v>7684217626</v>
      </c>
      <c r="MQ10" s="319">
        <v>0</v>
      </c>
      <c r="MR10" s="316">
        <v>0</v>
      </c>
      <c r="MS10" s="320">
        <v>0</v>
      </c>
      <c r="MT10" s="413">
        <v>0</v>
      </c>
      <c r="MU10" s="316">
        <v>64581100</v>
      </c>
      <c r="MV10" s="316">
        <v>299701532</v>
      </c>
      <c r="MW10" s="316">
        <v>1282772012</v>
      </c>
      <c r="MX10" s="316">
        <v>1913328212</v>
      </c>
      <c r="MY10" s="316">
        <v>1318370320</v>
      </c>
      <c r="MZ10" s="320">
        <v>4878753176</v>
      </c>
      <c r="NA10" s="325">
        <v>4878753176</v>
      </c>
      <c r="NB10" s="319">
        <v>0</v>
      </c>
      <c r="NC10" s="316">
        <v>0</v>
      </c>
      <c r="ND10" s="320">
        <v>0</v>
      </c>
      <c r="NE10" s="413">
        <v>0</v>
      </c>
      <c r="NF10" s="316">
        <v>163128836</v>
      </c>
      <c r="NG10" s="316">
        <v>461020856</v>
      </c>
      <c r="NH10" s="316">
        <v>685005156</v>
      </c>
      <c r="NI10" s="316">
        <v>890915227</v>
      </c>
      <c r="NJ10" s="316">
        <v>502844573</v>
      </c>
      <c r="NK10" s="320">
        <v>2702914648</v>
      </c>
      <c r="NL10" s="318">
        <v>2702914648</v>
      </c>
      <c r="NM10" s="319">
        <v>0</v>
      </c>
      <c r="NN10" s="316">
        <v>0</v>
      </c>
      <c r="NO10" s="320">
        <v>0</v>
      </c>
      <c r="NP10" s="413">
        <v>0</v>
      </c>
      <c r="NQ10" s="316">
        <v>0</v>
      </c>
      <c r="NR10" s="316">
        <v>0</v>
      </c>
      <c r="NS10" s="316">
        <v>0</v>
      </c>
      <c r="NT10" s="316">
        <v>0</v>
      </c>
      <c r="NU10" s="316">
        <v>0</v>
      </c>
      <c r="NV10" s="320">
        <v>0</v>
      </c>
      <c r="NW10" s="321">
        <v>0</v>
      </c>
      <c r="NX10" s="319">
        <v>0</v>
      </c>
      <c r="NY10" s="316">
        <v>0</v>
      </c>
      <c r="NZ10" s="320">
        <v>0</v>
      </c>
      <c r="OA10" s="413">
        <v>0</v>
      </c>
      <c r="OB10" s="316">
        <v>498509</v>
      </c>
      <c r="OC10" s="316">
        <v>619084</v>
      </c>
      <c r="OD10" s="316">
        <v>4150977</v>
      </c>
      <c r="OE10" s="316">
        <v>40113945</v>
      </c>
      <c r="OF10" s="316">
        <v>57167287</v>
      </c>
      <c r="OG10" s="320">
        <v>102549802</v>
      </c>
      <c r="OH10" s="321">
        <v>102549802</v>
      </c>
      <c r="OI10" s="319">
        <v>167416942</v>
      </c>
      <c r="OJ10" s="316">
        <v>452533026</v>
      </c>
      <c r="OK10" s="317">
        <v>619949968</v>
      </c>
      <c r="OL10" s="322">
        <v>0</v>
      </c>
      <c r="OM10" s="316">
        <v>2796698871</v>
      </c>
      <c r="ON10" s="316">
        <v>5301413521</v>
      </c>
      <c r="OO10" s="316">
        <v>5575158097</v>
      </c>
      <c r="OP10" s="316">
        <v>5965078482</v>
      </c>
      <c r="OQ10" s="316">
        <v>4244103296</v>
      </c>
      <c r="OR10" s="320">
        <v>23882452267</v>
      </c>
      <c r="OS10" s="325">
        <v>24502402235</v>
      </c>
    </row>
    <row r="11" spans="1:409" s="70" customFormat="1" ht="21" customHeight="1" x14ac:dyDescent="0.2">
      <c r="B11" s="410" t="s">
        <v>6</v>
      </c>
      <c r="C11" s="326">
        <v>58953393</v>
      </c>
      <c r="D11" s="327">
        <v>101301081</v>
      </c>
      <c r="E11" s="328">
        <v>160254474</v>
      </c>
      <c r="F11" s="329">
        <v>0</v>
      </c>
      <c r="G11" s="327">
        <v>914205525</v>
      </c>
      <c r="H11" s="327">
        <v>1064742856</v>
      </c>
      <c r="I11" s="327">
        <v>881570612</v>
      </c>
      <c r="J11" s="327">
        <v>857030498</v>
      </c>
      <c r="K11" s="327">
        <v>691473747</v>
      </c>
      <c r="L11" s="329">
        <v>4409023238</v>
      </c>
      <c r="M11" s="330">
        <v>4569277712</v>
      </c>
      <c r="N11" s="326">
        <v>17904789</v>
      </c>
      <c r="O11" s="327">
        <v>32987154</v>
      </c>
      <c r="P11" s="328">
        <v>50891943</v>
      </c>
      <c r="Q11" s="326">
        <v>0</v>
      </c>
      <c r="R11" s="327">
        <v>296155990</v>
      </c>
      <c r="S11" s="327">
        <v>379065352</v>
      </c>
      <c r="T11" s="327">
        <v>321758873</v>
      </c>
      <c r="U11" s="327">
        <v>362666833</v>
      </c>
      <c r="V11" s="327">
        <v>369606578</v>
      </c>
      <c r="W11" s="328">
        <v>1729253626</v>
      </c>
      <c r="X11" s="330">
        <v>1780145569</v>
      </c>
      <c r="Y11" s="326">
        <v>0</v>
      </c>
      <c r="Z11" s="327">
        <v>0</v>
      </c>
      <c r="AA11" s="328">
        <v>0</v>
      </c>
      <c r="AB11" s="326">
        <v>0</v>
      </c>
      <c r="AC11" s="327">
        <v>134175840</v>
      </c>
      <c r="AD11" s="327">
        <v>188599170</v>
      </c>
      <c r="AE11" s="327">
        <v>187335690</v>
      </c>
      <c r="AF11" s="327">
        <v>227240626</v>
      </c>
      <c r="AG11" s="327">
        <v>229146084</v>
      </c>
      <c r="AH11" s="328">
        <v>966497410</v>
      </c>
      <c r="AI11" s="330">
        <v>966497410</v>
      </c>
      <c r="AJ11" s="326">
        <v>86536</v>
      </c>
      <c r="AK11" s="327">
        <v>37489</v>
      </c>
      <c r="AL11" s="328">
        <v>124025</v>
      </c>
      <c r="AM11" s="326">
        <v>0</v>
      </c>
      <c r="AN11" s="327">
        <v>747869</v>
      </c>
      <c r="AO11" s="327">
        <v>2480588</v>
      </c>
      <c r="AP11" s="327">
        <v>6739693</v>
      </c>
      <c r="AQ11" s="327">
        <v>18510126</v>
      </c>
      <c r="AR11" s="327">
        <v>33561703</v>
      </c>
      <c r="AS11" s="328">
        <v>62039979</v>
      </c>
      <c r="AT11" s="330">
        <v>62164004</v>
      </c>
      <c r="AU11" s="326">
        <v>10048692</v>
      </c>
      <c r="AV11" s="327">
        <v>23640988</v>
      </c>
      <c r="AW11" s="328">
        <v>33689680</v>
      </c>
      <c r="AX11" s="326">
        <v>0</v>
      </c>
      <c r="AY11" s="327">
        <v>100611795</v>
      </c>
      <c r="AZ11" s="327">
        <v>118280690</v>
      </c>
      <c r="BA11" s="327">
        <v>70203841</v>
      </c>
      <c r="BB11" s="327">
        <v>61680907</v>
      </c>
      <c r="BC11" s="327">
        <v>62486038</v>
      </c>
      <c r="BD11" s="328">
        <v>413263271</v>
      </c>
      <c r="BE11" s="330">
        <v>446952951</v>
      </c>
      <c r="BF11" s="326">
        <v>756779</v>
      </c>
      <c r="BG11" s="327">
        <v>2018938</v>
      </c>
      <c r="BH11" s="331">
        <v>2775717</v>
      </c>
      <c r="BI11" s="332">
        <v>0</v>
      </c>
      <c r="BJ11" s="327">
        <v>7621467</v>
      </c>
      <c r="BK11" s="327">
        <v>8400146</v>
      </c>
      <c r="BL11" s="327">
        <v>5262386</v>
      </c>
      <c r="BM11" s="327">
        <v>4863907</v>
      </c>
      <c r="BN11" s="327">
        <v>2823594</v>
      </c>
      <c r="BO11" s="328">
        <v>28971500</v>
      </c>
      <c r="BP11" s="330">
        <v>31747217</v>
      </c>
      <c r="BQ11" s="326">
        <v>7012782</v>
      </c>
      <c r="BR11" s="327">
        <v>7289739</v>
      </c>
      <c r="BS11" s="328">
        <v>14302521</v>
      </c>
      <c r="BT11" s="326">
        <v>0</v>
      </c>
      <c r="BU11" s="327">
        <v>52999019</v>
      </c>
      <c r="BV11" s="327">
        <v>61304758</v>
      </c>
      <c r="BW11" s="327">
        <v>52217263</v>
      </c>
      <c r="BX11" s="327">
        <v>50371267</v>
      </c>
      <c r="BY11" s="327">
        <v>41589159</v>
      </c>
      <c r="BZ11" s="328">
        <v>258481466</v>
      </c>
      <c r="CA11" s="330">
        <v>272783987</v>
      </c>
      <c r="CB11" s="326">
        <v>2850305</v>
      </c>
      <c r="CC11" s="327">
        <v>9638405</v>
      </c>
      <c r="CD11" s="328">
        <v>12488710</v>
      </c>
      <c r="CE11" s="326">
        <v>0</v>
      </c>
      <c r="CF11" s="327">
        <v>239839979</v>
      </c>
      <c r="CG11" s="327">
        <v>269738421</v>
      </c>
      <c r="CH11" s="327">
        <v>190485665</v>
      </c>
      <c r="CI11" s="327">
        <v>129496850</v>
      </c>
      <c r="CJ11" s="327">
        <v>65165629</v>
      </c>
      <c r="CK11" s="328">
        <v>894726544</v>
      </c>
      <c r="CL11" s="330">
        <v>907215254</v>
      </c>
      <c r="CM11" s="326">
        <v>0</v>
      </c>
      <c r="CN11" s="327">
        <v>0</v>
      </c>
      <c r="CO11" s="328">
        <v>0</v>
      </c>
      <c r="CP11" s="332">
        <v>0</v>
      </c>
      <c r="CQ11" s="327">
        <v>203126582</v>
      </c>
      <c r="CR11" s="327">
        <v>221059057</v>
      </c>
      <c r="CS11" s="327">
        <v>152403078</v>
      </c>
      <c r="CT11" s="327">
        <v>102353329</v>
      </c>
      <c r="CU11" s="327">
        <v>52794418</v>
      </c>
      <c r="CV11" s="328">
        <v>731736464</v>
      </c>
      <c r="CW11" s="330">
        <v>731736464</v>
      </c>
      <c r="CX11" s="326">
        <v>2850305</v>
      </c>
      <c r="CY11" s="327">
        <v>9638405</v>
      </c>
      <c r="CZ11" s="328">
        <v>12488710</v>
      </c>
      <c r="DA11" s="326">
        <v>0</v>
      </c>
      <c r="DB11" s="327">
        <v>36713397</v>
      </c>
      <c r="DC11" s="327">
        <v>48679364</v>
      </c>
      <c r="DD11" s="327">
        <v>38082587</v>
      </c>
      <c r="DE11" s="327">
        <v>27143521</v>
      </c>
      <c r="DF11" s="327">
        <v>12371211</v>
      </c>
      <c r="DG11" s="328">
        <v>162990080</v>
      </c>
      <c r="DH11" s="330">
        <v>175478790</v>
      </c>
      <c r="DI11" s="326">
        <v>71245</v>
      </c>
      <c r="DJ11" s="327">
        <v>655807</v>
      </c>
      <c r="DK11" s="331">
        <v>727052</v>
      </c>
      <c r="DL11" s="332">
        <v>0</v>
      </c>
      <c r="DM11" s="327">
        <v>15694833</v>
      </c>
      <c r="DN11" s="327">
        <v>37849616</v>
      </c>
      <c r="DO11" s="327">
        <v>61149096</v>
      </c>
      <c r="DP11" s="327">
        <v>51643548</v>
      </c>
      <c r="DQ11" s="327">
        <v>32746804</v>
      </c>
      <c r="DR11" s="328">
        <v>199083897</v>
      </c>
      <c r="DS11" s="330">
        <v>199810949</v>
      </c>
      <c r="DT11" s="326">
        <v>71245</v>
      </c>
      <c r="DU11" s="327">
        <v>612536</v>
      </c>
      <c r="DV11" s="328">
        <v>683781</v>
      </c>
      <c r="DW11" s="326">
        <v>0</v>
      </c>
      <c r="DX11" s="327">
        <v>13818300</v>
      </c>
      <c r="DY11" s="327">
        <v>32182559</v>
      </c>
      <c r="DZ11" s="327">
        <v>54941324</v>
      </c>
      <c r="EA11" s="327">
        <v>45412637</v>
      </c>
      <c r="EB11" s="327">
        <v>27193514</v>
      </c>
      <c r="EC11" s="328">
        <v>173548334</v>
      </c>
      <c r="ED11" s="330">
        <v>174232115</v>
      </c>
      <c r="EE11" s="326">
        <v>0</v>
      </c>
      <c r="EF11" s="331">
        <v>43271</v>
      </c>
      <c r="EG11" s="328">
        <v>43271</v>
      </c>
      <c r="EH11" s="326">
        <v>0</v>
      </c>
      <c r="EI11" s="327">
        <v>1876533</v>
      </c>
      <c r="EJ11" s="327">
        <v>5667057</v>
      </c>
      <c r="EK11" s="327">
        <v>6207772</v>
      </c>
      <c r="EL11" s="327">
        <v>6230911</v>
      </c>
      <c r="EM11" s="327">
        <v>5553290</v>
      </c>
      <c r="EN11" s="331">
        <v>25535563</v>
      </c>
      <c r="EO11" s="330">
        <v>25578834</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12905949</v>
      </c>
      <c r="FM11" s="327">
        <v>23537452</v>
      </c>
      <c r="FN11" s="328">
        <v>36443401</v>
      </c>
      <c r="FO11" s="326">
        <v>0</v>
      </c>
      <c r="FP11" s="327">
        <v>49596367</v>
      </c>
      <c r="FQ11" s="327">
        <v>95426049</v>
      </c>
      <c r="FR11" s="327">
        <v>67579212</v>
      </c>
      <c r="FS11" s="327">
        <v>64692627</v>
      </c>
      <c r="FT11" s="327">
        <v>48003197</v>
      </c>
      <c r="FU11" s="328">
        <v>325297452</v>
      </c>
      <c r="FV11" s="330">
        <v>361740853</v>
      </c>
      <c r="FW11" s="333">
        <v>8924246</v>
      </c>
      <c r="FX11" s="327">
        <v>19940877</v>
      </c>
      <c r="FY11" s="331">
        <v>28865123</v>
      </c>
      <c r="FZ11" s="332">
        <v>0</v>
      </c>
      <c r="GA11" s="327">
        <v>42706771</v>
      </c>
      <c r="GB11" s="327">
        <v>89676199</v>
      </c>
      <c r="GC11" s="327">
        <v>64077452</v>
      </c>
      <c r="GD11" s="327">
        <v>61182256</v>
      </c>
      <c r="GE11" s="327">
        <v>46938058</v>
      </c>
      <c r="GF11" s="328">
        <v>304580736</v>
      </c>
      <c r="GG11" s="334">
        <v>333445859</v>
      </c>
      <c r="GH11" s="333">
        <v>908412</v>
      </c>
      <c r="GI11" s="327">
        <v>815430</v>
      </c>
      <c r="GJ11" s="331">
        <v>1723842</v>
      </c>
      <c r="GK11" s="332">
        <v>0</v>
      </c>
      <c r="GL11" s="327">
        <v>2301283</v>
      </c>
      <c r="GM11" s="327">
        <v>1966187</v>
      </c>
      <c r="GN11" s="327">
        <v>1797066</v>
      </c>
      <c r="GO11" s="327">
        <v>1731616</v>
      </c>
      <c r="GP11" s="327">
        <v>858139</v>
      </c>
      <c r="GQ11" s="328">
        <v>8654291</v>
      </c>
      <c r="GR11" s="330">
        <v>10378133</v>
      </c>
      <c r="GS11" s="326">
        <v>3073291</v>
      </c>
      <c r="GT11" s="327">
        <v>2781145</v>
      </c>
      <c r="GU11" s="328">
        <v>5854436</v>
      </c>
      <c r="GV11" s="326">
        <v>0</v>
      </c>
      <c r="GW11" s="327">
        <v>4588313</v>
      </c>
      <c r="GX11" s="327">
        <v>3783663</v>
      </c>
      <c r="GY11" s="327">
        <v>1704694</v>
      </c>
      <c r="GZ11" s="327">
        <v>1778755</v>
      </c>
      <c r="HA11" s="327">
        <v>207000</v>
      </c>
      <c r="HB11" s="331">
        <v>12062425</v>
      </c>
      <c r="HC11" s="330">
        <v>17916861</v>
      </c>
      <c r="HD11" s="326">
        <v>14117098</v>
      </c>
      <c r="HE11" s="327">
        <v>15851057</v>
      </c>
      <c r="HF11" s="331">
        <v>29968155</v>
      </c>
      <c r="HG11" s="332">
        <v>0</v>
      </c>
      <c r="HH11" s="327">
        <v>166232476</v>
      </c>
      <c r="HI11" s="327">
        <v>156946203</v>
      </c>
      <c r="HJ11" s="327">
        <v>158247489</v>
      </c>
      <c r="HK11" s="327">
        <v>188564894</v>
      </c>
      <c r="HL11" s="327">
        <v>137336780</v>
      </c>
      <c r="HM11" s="328">
        <v>807327842</v>
      </c>
      <c r="HN11" s="329">
        <v>837295997</v>
      </c>
      <c r="HO11" s="333">
        <v>11104007</v>
      </c>
      <c r="HP11" s="327">
        <v>18631206</v>
      </c>
      <c r="HQ11" s="328">
        <v>29735213</v>
      </c>
      <c r="HR11" s="326">
        <v>0</v>
      </c>
      <c r="HS11" s="327">
        <v>146685880</v>
      </c>
      <c r="HT11" s="327">
        <v>125717215</v>
      </c>
      <c r="HU11" s="327">
        <v>82350277</v>
      </c>
      <c r="HV11" s="327">
        <v>59965746</v>
      </c>
      <c r="HW11" s="327">
        <v>38614759</v>
      </c>
      <c r="HX11" s="331">
        <v>453333877</v>
      </c>
      <c r="HY11" s="330">
        <v>483069090</v>
      </c>
      <c r="HZ11" s="335">
        <v>1633686</v>
      </c>
      <c r="IA11" s="336">
        <v>5230344</v>
      </c>
      <c r="IB11" s="337">
        <v>6864030</v>
      </c>
      <c r="IC11" s="338">
        <v>0</v>
      </c>
      <c r="ID11" s="336">
        <v>288771870</v>
      </c>
      <c r="IE11" s="339">
        <v>367253481</v>
      </c>
      <c r="IF11" s="337">
        <v>387318485</v>
      </c>
      <c r="IG11" s="336">
        <v>299345302</v>
      </c>
      <c r="IH11" s="337">
        <v>229946451</v>
      </c>
      <c r="II11" s="340">
        <v>1572635589</v>
      </c>
      <c r="IJ11" s="341">
        <v>1579499619</v>
      </c>
      <c r="IK11" s="342">
        <v>0</v>
      </c>
      <c r="IL11" s="343">
        <v>0</v>
      </c>
      <c r="IM11" s="344">
        <v>0</v>
      </c>
      <c r="IN11" s="404">
        <v>0</v>
      </c>
      <c r="IO11" s="345">
        <v>5149463</v>
      </c>
      <c r="IP11" s="345">
        <v>9207849</v>
      </c>
      <c r="IQ11" s="345">
        <v>12521468</v>
      </c>
      <c r="IR11" s="345">
        <v>29559662</v>
      </c>
      <c r="IS11" s="345">
        <v>30540736</v>
      </c>
      <c r="IT11" s="346">
        <v>86979178</v>
      </c>
      <c r="IU11" s="347">
        <v>86979178</v>
      </c>
      <c r="IV11" s="348">
        <v>0</v>
      </c>
      <c r="IW11" s="345">
        <v>0</v>
      </c>
      <c r="IX11" s="349">
        <v>0</v>
      </c>
      <c r="IY11" s="413">
        <v>0</v>
      </c>
      <c r="IZ11" s="345">
        <v>1449914</v>
      </c>
      <c r="JA11" s="345">
        <v>2157161</v>
      </c>
      <c r="JB11" s="345">
        <v>3038983</v>
      </c>
      <c r="JC11" s="345">
        <v>2934617</v>
      </c>
      <c r="JD11" s="345">
        <v>3251219</v>
      </c>
      <c r="JE11" s="349">
        <v>12831894</v>
      </c>
      <c r="JF11" s="350">
        <v>12831894</v>
      </c>
      <c r="JG11" s="348">
        <v>0</v>
      </c>
      <c r="JH11" s="345">
        <v>0</v>
      </c>
      <c r="JI11" s="346">
        <v>0</v>
      </c>
      <c r="JJ11" s="351">
        <v>0</v>
      </c>
      <c r="JK11" s="345">
        <v>88189572</v>
      </c>
      <c r="JL11" s="345">
        <v>96071877</v>
      </c>
      <c r="JM11" s="345">
        <v>67876139</v>
      </c>
      <c r="JN11" s="345">
        <v>46518564</v>
      </c>
      <c r="JO11" s="345">
        <v>22985078</v>
      </c>
      <c r="JP11" s="349">
        <v>321641230</v>
      </c>
      <c r="JQ11" s="347">
        <v>321641230</v>
      </c>
      <c r="JR11" s="348">
        <v>10663</v>
      </c>
      <c r="JS11" s="345">
        <v>0</v>
      </c>
      <c r="JT11" s="346">
        <v>10663</v>
      </c>
      <c r="JU11" s="351">
        <v>0</v>
      </c>
      <c r="JV11" s="345">
        <v>14476573</v>
      </c>
      <c r="JW11" s="345">
        <v>27516092</v>
      </c>
      <c r="JX11" s="345">
        <v>33523580</v>
      </c>
      <c r="JY11" s="345">
        <v>19331371</v>
      </c>
      <c r="JZ11" s="345">
        <v>17289910</v>
      </c>
      <c r="KA11" s="349">
        <v>112137526</v>
      </c>
      <c r="KB11" s="347">
        <v>112148189</v>
      </c>
      <c r="KC11" s="352">
        <v>1623023</v>
      </c>
      <c r="KD11" s="353">
        <v>3949161</v>
      </c>
      <c r="KE11" s="349">
        <v>5572184</v>
      </c>
      <c r="KF11" s="351">
        <v>0</v>
      </c>
      <c r="KG11" s="345">
        <v>35948743</v>
      </c>
      <c r="KH11" s="345">
        <v>41527713</v>
      </c>
      <c r="KI11" s="345">
        <v>57129254</v>
      </c>
      <c r="KJ11" s="345">
        <v>33553502</v>
      </c>
      <c r="KK11" s="345">
        <v>19361074</v>
      </c>
      <c r="KL11" s="349">
        <v>187520286</v>
      </c>
      <c r="KM11" s="354">
        <v>193092470</v>
      </c>
      <c r="KN11" s="342">
        <v>0</v>
      </c>
      <c r="KO11" s="343">
        <v>1281183</v>
      </c>
      <c r="KP11" s="344">
        <v>1281183</v>
      </c>
      <c r="KQ11" s="413">
        <v>0</v>
      </c>
      <c r="KR11" s="345">
        <v>128935086</v>
      </c>
      <c r="KS11" s="345">
        <v>166472580</v>
      </c>
      <c r="KT11" s="345">
        <v>164446092</v>
      </c>
      <c r="KU11" s="345">
        <v>106659585</v>
      </c>
      <c r="KV11" s="345">
        <v>77744173</v>
      </c>
      <c r="KW11" s="349">
        <v>644257516</v>
      </c>
      <c r="KX11" s="347">
        <v>645538699</v>
      </c>
      <c r="KY11" s="348">
        <v>0</v>
      </c>
      <c r="KZ11" s="345">
        <v>0</v>
      </c>
      <c r="LA11" s="349">
        <v>0</v>
      </c>
      <c r="LB11" s="413">
        <v>0</v>
      </c>
      <c r="LC11" s="345">
        <v>0</v>
      </c>
      <c r="LD11" s="345">
        <v>0</v>
      </c>
      <c r="LE11" s="345">
        <v>0</v>
      </c>
      <c r="LF11" s="345">
        <v>0</v>
      </c>
      <c r="LG11" s="345">
        <v>0</v>
      </c>
      <c r="LH11" s="349">
        <v>0</v>
      </c>
      <c r="LI11" s="350">
        <v>0</v>
      </c>
      <c r="LJ11" s="348">
        <v>0</v>
      </c>
      <c r="LK11" s="345">
        <v>0</v>
      </c>
      <c r="LL11" s="349">
        <v>0</v>
      </c>
      <c r="LM11" s="413">
        <v>0</v>
      </c>
      <c r="LN11" s="345">
        <v>487609</v>
      </c>
      <c r="LO11" s="345">
        <v>2433708</v>
      </c>
      <c r="LP11" s="345">
        <v>20590351</v>
      </c>
      <c r="LQ11" s="345">
        <v>30526391</v>
      </c>
      <c r="LR11" s="345">
        <v>19821080</v>
      </c>
      <c r="LS11" s="349">
        <v>73859139</v>
      </c>
      <c r="LT11" s="347">
        <v>73859139</v>
      </c>
      <c r="LU11" s="348">
        <v>0</v>
      </c>
      <c r="LV11" s="345">
        <v>0</v>
      </c>
      <c r="LW11" s="349">
        <v>0</v>
      </c>
      <c r="LX11" s="413">
        <v>0</v>
      </c>
      <c r="LY11" s="345">
        <v>14134910</v>
      </c>
      <c r="LZ11" s="345">
        <v>21866501</v>
      </c>
      <c r="MA11" s="345">
        <v>28192618</v>
      </c>
      <c r="MB11" s="345">
        <v>30261610</v>
      </c>
      <c r="MC11" s="345">
        <v>38953181</v>
      </c>
      <c r="MD11" s="349">
        <v>133408820</v>
      </c>
      <c r="ME11" s="350">
        <v>133408820</v>
      </c>
      <c r="MF11" s="348">
        <v>0</v>
      </c>
      <c r="MG11" s="345">
        <v>0</v>
      </c>
      <c r="MH11" s="349">
        <v>0</v>
      </c>
      <c r="MI11" s="413">
        <v>0</v>
      </c>
      <c r="MJ11" s="345">
        <v>83896876</v>
      </c>
      <c r="MK11" s="345">
        <v>154675856</v>
      </c>
      <c r="ML11" s="345">
        <v>526937479</v>
      </c>
      <c r="MM11" s="345">
        <v>764838954</v>
      </c>
      <c r="MN11" s="345">
        <v>552240287</v>
      </c>
      <c r="MO11" s="349">
        <v>2082589452</v>
      </c>
      <c r="MP11" s="354">
        <v>2082589452</v>
      </c>
      <c r="MQ11" s="348">
        <v>0</v>
      </c>
      <c r="MR11" s="345">
        <v>0</v>
      </c>
      <c r="MS11" s="349">
        <v>0</v>
      </c>
      <c r="MT11" s="413">
        <v>0</v>
      </c>
      <c r="MU11" s="345">
        <v>21282586</v>
      </c>
      <c r="MV11" s="345">
        <v>54612214</v>
      </c>
      <c r="MW11" s="345">
        <v>352746347</v>
      </c>
      <c r="MX11" s="345">
        <v>527970387</v>
      </c>
      <c r="MY11" s="345">
        <v>407225189</v>
      </c>
      <c r="MZ11" s="349">
        <v>1363836723</v>
      </c>
      <c r="NA11" s="354">
        <v>1363836723</v>
      </c>
      <c r="NB11" s="348">
        <v>0</v>
      </c>
      <c r="NC11" s="345">
        <v>0</v>
      </c>
      <c r="ND11" s="349">
        <v>0</v>
      </c>
      <c r="NE11" s="413">
        <v>0</v>
      </c>
      <c r="NF11" s="345">
        <v>62614290</v>
      </c>
      <c r="NG11" s="345">
        <v>99651842</v>
      </c>
      <c r="NH11" s="345">
        <v>173785122</v>
      </c>
      <c r="NI11" s="345">
        <v>223403260</v>
      </c>
      <c r="NJ11" s="345">
        <v>119356131</v>
      </c>
      <c r="NK11" s="349">
        <v>678810645</v>
      </c>
      <c r="NL11" s="347">
        <v>678810645</v>
      </c>
      <c r="NM11" s="348">
        <v>0</v>
      </c>
      <c r="NN11" s="345">
        <v>0</v>
      </c>
      <c r="NO11" s="349">
        <v>0</v>
      </c>
      <c r="NP11" s="413">
        <v>0</v>
      </c>
      <c r="NQ11" s="345">
        <v>0</v>
      </c>
      <c r="NR11" s="345">
        <v>0</v>
      </c>
      <c r="NS11" s="345">
        <v>0</v>
      </c>
      <c r="NT11" s="345">
        <v>0</v>
      </c>
      <c r="NU11" s="345">
        <v>0</v>
      </c>
      <c r="NV11" s="349">
        <v>0</v>
      </c>
      <c r="NW11" s="350">
        <v>0</v>
      </c>
      <c r="NX11" s="348">
        <v>0</v>
      </c>
      <c r="NY11" s="345">
        <v>0</v>
      </c>
      <c r="NZ11" s="349">
        <v>0</v>
      </c>
      <c r="OA11" s="413">
        <v>0</v>
      </c>
      <c r="OB11" s="345">
        <v>0</v>
      </c>
      <c r="OC11" s="345">
        <v>411800</v>
      </c>
      <c r="OD11" s="345">
        <v>406010</v>
      </c>
      <c r="OE11" s="345">
        <v>13465307</v>
      </c>
      <c r="OF11" s="345">
        <v>25658967</v>
      </c>
      <c r="OG11" s="349">
        <v>39942084</v>
      </c>
      <c r="OH11" s="350">
        <v>39942084</v>
      </c>
      <c r="OI11" s="348">
        <v>60587079</v>
      </c>
      <c r="OJ11" s="345">
        <v>106531425</v>
      </c>
      <c r="OK11" s="346">
        <v>167118504</v>
      </c>
      <c r="OL11" s="351">
        <v>0</v>
      </c>
      <c r="OM11" s="345">
        <v>1286874271</v>
      </c>
      <c r="ON11" s="345">
        <v>1586672193</v>
      </c>
      <c r="OO11" s="345">
        <v>1795826576</v>
      </c>
      <c r="OP11" s="345">
        <v>1921214754</v>
      </c>
      <c r="OQ11" s="345">
        <v>1473660485</v>
      </c>
      <c r="OR11" s="349">
        <v>8064248279</v>
      </c>
      <c r="OS11" s="354">
        <v>8231366783</v>
      </c>
    </row>
    <row r="12" spans="1:409" s="70" customFormat="1" ht="21" customHeight="1" x14ac:dyDescent="0.2">
      <c r="B12" s="410" t="s">
        <v>14</v>
      </c>
      <c r="C12" s="326">
        <v>30944018</v>
      </c>
      <c r="D12" s="327">
        <v>76548334</v>
      </c>
      <c r="E12" s="328">
        <v>107492352</v>
      </c>
      <c r="F12" s="329">
        <v>0</v>
      </c>
      <c r="G12" s="327">
        <v>349658302</v>
      </c>
      <c r="H12" s="327">
        <v>586254345</v>
      </c>
      <c r="I12" s="327">
        <v>538445077</v>
      </c>
      <c r="J12" s="327">
        <v>447345512</v>
      </c>
      <c r="K12" s="327">
        <v>321293008</v>
      </c>
      <c r="L12" s="331">
        <v>2242996244</v>
      </c>
      <c r="M12" s="330">
        <v>2350488596</v>
      </c>
      <c r="N12" s="326">
        <v>5730956</v>
      </c>
      <c r="O12" s="327">
        <v>19520864</v>
      </c>
      <c r="P12" s="328">
        <v>25251820</v>
      </c>
      <c r="Q12" s="326">
        <v>0</v>
      </c>
      <c r="R12" s="327">
        <v>98827648</v>
      </c>
      <c r="S12" s="327">
        <v>189384221</v>
      </c>
      <c r="T12" s="327">
        <v>186991051</v>
      </c>
      <c r="U12" s="327">
        <v>187216899</v>
      </c>
      <c r="V12" s="327">
        <v>167379152</v>
      </c>
      <c r="W12" s="328">
        <v>829798971</v>
      </c>
      <c r="X12" s="330">
        <v>855050791</v>
      </c>
      <c r="Y12" s="326">
        <v>0</v>
      </c>
      <c r="Z12" s="327">
        <v>0</v>
      </c>
      <c r="AA12" s="328">
        <v>0</v>
      </c>
      <c r="AB12" s="326">
        <v>0</v>
      </c>
      <c r="AC12" s="327">
        <v>48623321</v>
      </c>
      <c r="AD12" s="327">
        <v>98381943</v>
      </c>
      <c r="AE12" s="327">
        <v>108712162</v>
      </c>
      <c r="AF12" s="327">
        <v>115905380</v>
      </c>
      <c r="AG12" s="327">
        <v>102763298</v>
      </c>
      <c r="AH12" s="328">
        <v>474386104</v>
      </c>
      <c r="AI12" s="330">
        <v>474386104</v>
      </c>
      <c r="AJ12" s="326">
        <v>0</v>
      </c>
      <c r="AK12" s="327">
        <v>36545</v>
      </c>
      <c r="AL12" s="328">
        <v>36545</v>
      </c>
      <c r="AM12" s="326">
        <v>0</v>
      </c>
      <c r="AN12" s="327">
        <v>0</v>
      </c>
      <c r="AO12" s="327">
        <v>1139980</v>
      </c>
      <c r="AP12" s="327">
        <v>3043692</v>
      </c>
      <c r="AQ12" s="327">
        <v>9180022</v>
      </c>
      <c r="AR12" s="327">
        <v>14941650</v>
      </c>
      <c r="AS12" s="328">
        <v>28305344</v>
      </c>
      <c r="AT12" s="330">
        <v>28341889</v>
      </c>
      <c r="AU12" s="326">
        <v>2705655</v>
      </c>
      <c r="AV12" s="327">
        <v>14115814</v>
      </c>
      <c r="AW12" s="328">
        <v>16821469</v>
      </c>
      <c r="AX12" s="326">
        <v>0</v>
      </c>
      <c r="AY12" s="327">
        <v>29742406</v>
      </c>
      <c r="AZ12" s="327">
        <v>57692919</v>
      </c>
      <c r="BA12" s="327">
        <v>43262328</v>
      </c>
      <c r="BB12" s="327">
        <v>35155027</v>
      </c>
      <c r="BC12" s="327">
        <v>30955443</v>
      </c>
      <c r="BD12" s="328">
        <v>196808123</v>
      </c>
      <c r="BE12" s="330">
        <v>213629592</v>
      </c>
      <c r="BF12" s="326">
        <v>219215</v>
      </c>
      <c r="BG12" s="327">
        <v>1132646</v>
      </c>
      <c r="BH12" s="331">
        <v>1351861</v>
      </c>
      <c r="BI12" s="332">
        <v>0</v>
      </c>
      <c r="BJ12" s="327">
        <v>660340</v>
      </c>
      <c r="BK12" s="327">
        <v>2599039</v>
      </c>
      <c r="BL12" s="327">
        <v>1503113</v>
      </c>
      <c r="BM12" s="327">
        <v>1716548</v>
      </c>
      <c r="BN12" s="327">
        <v>580124</v>
      </c>
      <c r="BO12" s="328">
        <v>7059164</v>
      </c>
      <c r="BP12" s="330">
        <v>8411025</v>
      </c>
      <c r="BQ12" s="326">
        <v>2806086</v>
      </c>
      <c r="BR12" s="327">
        <v>4235859</v>
      </c>
      <c r="BS12" s="328">
        <v>7041945</v>
      </c>
      <c r="BT12" s="326">
        <v>0</v>
      </c>
      <c r="BU12" s="327">
        <v>19801581</v>
      </c>
      <c r="BV12" s="327">
        <v>29570340</v>
      </c>
      <c r="BW12" s="327">
        <v>30469756</v>
      </c>
      <c r="BX12" s="327">
        <v>25259922</v>
      </c>
      <c r="BY12" s="327">
        <v>18138637</v>
      </c>
      <c r="BZ12" s="328">
        <v>123240236</v>
      </c>
      <c r="CA12" s="330">
        <v>130282181</v>
      </c>
      <c r="CB12" s="326">
        <v>2139778</v>
      </c>
      <c r="CC12" s="327">
        <v>7343912</v>
      </c>
      <c r="CD12" s="328">
        <v>9483690</v>
      </c>
      <c r="CE12" s="326">
        <v>0</v>
      </c>
      <c r="CF12" s="327">
        <v>103144797</v>
      </c>
      <c r="CG12" s="327">
        <v>167178690</v>
      </c>
      <c r="CH12" s="327">
        <v>131636888</v>
      </c>
      <c r="CI12" s="327">
        <v>78743749</v>
      </c>
      <c r="CJ12" s="327">
        <v>43373686</v>
      </c>
      <c r="CK12" s="328">
        <v>524077810</v>
      </c>
      <c r="CL12" s="330">
        <v>533561500</v>
      </c>
      <c r="CM12" s="326">
        <v>0</v>
      </c>
      <c r="CN12" s="327">
        <v>0</v>
      </c>
      <c r="CO12" s="328">
        <v>0</v>
      </c>
      <c r="CP12" s="332">
        <v>0</v>
      </c>
      <c r="CQ12" s="327">
        <v>96308730</v>
      </c>
      <c r="CR12" s="327">
        <v>142205163</v>
      </c>
      <c r="CS12" s="327">
        <v>112191390</v>
      </c>
      <c r="CT12" s="327">
        <v>66447394</v>
      </c>
      <c r="CU12" s="327">
        <v>37104850</v>
      </c>
      <c r="CV12" s="328">
        <v>454257527</v>
      </c>
      <c r="CW12" s="330">
        <v>454257527</v>
      </c>
      <c r="CX12" s="326">
        <v>2139778</v>
      </c>
      <c r="CY12" s="327">
        <v>7343912</v>
      </c>
      <c r="CZ12" s="328">
        <v>9483690</v>
      </c>
      <c r="DA12" s="326">
        <v>0</v>
      </c>
      <c r="DB12" s="327">
        <v>6836067</v>
      </c>
      <c r="DC12" s="327">
        <v>24973527</v>
      </c>
      <c r="DD12" s="327">
        <v>19445498</v>
      </c>
      <c r="DE12" s="327">
        <v>12296355</v>
      </c>
      <c r="DF12" s="327">
        <v>6268836</v>
      </c>
      <c r="DG12" s="328">
        <v>69820283</v>
      </c>
      <c r="DH12" s="330">
        <v>79303973</v>
      </c>
      <c r="DI12" s="326">
        <v>84382</v>
      </c>
      <c r="DJ12" s="327">
        <v>587957</v>
      </c>
      <c r="DK12" s="331">
        <v>672339</v>
      </c>
      <c r="DL12" s="332">
        <v>0</v>
      </c>
      <c r="DM12" s="327">
        <v>7318263</v>
      </c>
      <c r="DN12" s="327">
        <v>22819382</v>
      </c>
      <c r="DO12" s="327">
        <v>53925516</v>
      </c>
      <c r="DP12" s="327">
        <v>41713456</v>
      </c>
      <c r="DQ12" s="327">
        <v>20471081</v>
      </c>
      <c r="DR12" s="328">
        <v>146247698</v>
      </c>
      <c r="DS12" s="330">
        <v>146920037</v>
      </c>
      <c r="DT12" s="326">
        <v>84382</v>
      </c>
      <c r="DU12" s="327">
        <v>587957</v>
      </c>
      <c r="DV12" s="328">
        <v>672339</v>
      </c>
      <c r="DW12" s="326">
        <v>0</v>
      </c>
      <c r="DX12" s="327">
        <v>7149103</v>
      </c>
      <c r="DY12" s="327">
        <v>22428959</v>
      </c>
      <c r="DZ12" s="327">
        <v>53120264</v>
      </c>
      <c r="EA12" s="327">
        <v>41631400</v>
      </c>
      <c r="EB12" s="327">
        <v>19597144</v>
      </c>
      <c r="EC12" s="328">
        <v>143926870</v>
      </c>
      <c r="ED12" s="330">
        <v>144599209</v>
      </c>
      <c r="EE12" s="326">
        <v>0</v>
      </c>
      <c r="EF12" s="331">
        <v>0</v>
      </c>
      <c r="EG12" s="328">
        <v>0</v>
      </c>
      <c r="EH12" s="326">
        <v>0</v>
      </c>
      <c r="EI12" s="327">
        <v>169160</v>
      </c>
      <c r="EJ12" s="327">
        <v>390423</v>
      </c>
      <c r="EK12" s="327">
        <v>805252</v>
      </c>
      <c r="EL12" s="327">
        <v>82056</v>
      </c>
      <c r="EM12" s="327">
        <v>873937</v>
      </c>
      <c r="EN12" s="331">
        <v>2320828</v>
      </c>
      <c r="EO12" s="330">
        <v>2320828</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10278288</v>
      </c>
      <c r="FM12" s="327">
        <v>24224544</v>
      </c>
      <c r="FN12" s="328">
        <v>34502832</v>
      </c>
      <c r="FO12" s="326">
        <v>0</v>
      </c>
      <c r="FP12" s="327">
        <v>19424677</v>
      </c>
      <c r="FQ12" s="327">
        <v>62363659</v>
      </c>
      <c r="FR12" s="327">
        <v>45636235</v>
      </c>
      <c r="FS12" s="327">
        <v>37285142</v>
      </c>
      <c r="FT12" s="327">
        <v>25496224</v>
      </c>
      <c r="FU12" s="328">
        <v>190205937</v>
      </c>
      <c r="FV12" s="330">
        <v>224708769</v>
      </c>
      <c r="FW12" s="333">
        <v>5365986</v>
      </c>
      <c r="FX12" s="327">
        <v>18990297</v>
      </c>
      <c r="FY12" s="331">
        <v>24356283</v>
      </c>
      <c r="FZ12" s="332">
        <v>0</v>
      </c>
      <c r="GA12" s="327">
        <v>16669763</v>
      </c>
      <c r="GB12" s="327">
        <v>57716603</v>
      </c>
      <c r="GC12" s="327">
        <v>42112147</v>
      </c>
      <c r="GD12" s="327">
        <v>34598599</v>
      </c>
      <c r="GE12" s="327">
        <v>24193074</v>
      </c>
      <c r="GF12" s="328">
        <v>175290186</v>
      </c>
      <c r="GG12" s="334">
        <v>199646469</v>
      </c>
      <c r="GH12" s="333">
        <v>438801</v>
      </c>
      <c r="GI12" s="327">
        <v>780006</v>
      </c>
      <c r="GJ12" s="331">
        <v>1218807</v>
      </c>
      <c r="GK12" s="332">
        <v>0</v>
      </c>
      <c r="GL12" s="327">
        <v>684087</v>
      </c>
      <c r="GM12" s="327">
        <v>1719320</v>
      </c>
      <c r="GN12" s="327">
        <v>1549459</v>
      </c>
      <c r="GO12" s="327">
        <v>1108026</v>
      </c>
      <c r="GP12" s="327">
        <v>358856</v>
      </c>
      <c r="GQ12" s="328">
        <v>5419748</v>
      </c>
      <c r="GR12" s="330">
        <v>6638555</v>
      </c>
      <c r="GS12" s="326">
        <v>4473501</v>
      </c>
      <c r="GT12" s="327">
        <v>4454241</v>
      </c>
      <c r="GU12" s="328">
        <v>8927742</v>
      </c>
      <c r="GV12" s="326">
        <v>0</v>
      </c>
      <c r="GW12" s="327">
        <v>2070827</v>
      </c>
      <c r="GX12" s="327">
        <v>2927736</v>
      </c>
      <c r="GY12" s="327">
        <v>1974629</v>
      </c>
      <c r="GZ12" s="327">
        <v>1578517</v>
      </c>
      <c r="HA12" s="327">
        <v>944294</v>
      </c>
      <c r="HB12" s="331">
        <v>9496003</v>
      </c>
      <c r="HC12" s="330">
        <v>18423745</v>
      </c>
      <c r="HD12" s="326">
        <v>7316862</v>
      </c>
      <c r="HE12" s="327">
        <v>10910380</v>
      </c>
      <c r="HF12" s="331">
        <v>18227242</v>
      </c>
      <c r="HG12" s="332">
        <v>0</v>
      </c>
      <c r="HH12" s="327">
        <v>57458116</v>
      </c>
      <c r="HI12" s="327">
        <v>61052099</v>
      </c>
      <c r="HJ12" s="327">
        <v>63939812</v>
      </c>
      <c r="HK12" s="327">
        <v>67170599</v>
      </c>
      <c r="HL12" s="327">
        <v>44546055</v>
      </c>
      <c r="HM12" s="328">
        <v>294166681</v>
      </c>
      <c r="HN12" s="329">
        <v>312393923</v>
      </c>
      <c r="HO12" s="333">
        <v>5393752</v>
      </c>
      <c r="HP12" s="327">
        <v>13960677</v>
      </c>
      <c r="HQ12" s="328">
        <v>19354429</v>
      </c>
      <c r="HR12" s="326">
        <v>0</v>
      </c>
      <c r="HS12" s="327">
        <v>63484801</v>
      </c>
      <c r="HT12" s="327">
        <v>83456294</v>
      </c>
      <c r="HU12" s="327">
        <v>56315575</v>
      </c>
      <c r="HV12" s="327">
        <v>35215667</v>
      </c>
      <c r="HW12" s="327">
        <v>20026810</v>
      </c>
      <c r="HX12" s="331">
        <v>258499147</v>
      </c>
      <c r="HY12" s="330">
        <v>277853576</v>
      </c>
      <c r="HZ12" s="335">
        <v>950669</v>
      </c>
      <c r="IA12" s="336">
        <v>2533077</v>
      </c>
      <c r="IB12" s="337">
        <v>3483746</v>
      </c>
      <c r="IC12" s="355">
        <v>0</v>
      </c>
      <c r="ID12" s="356">
        <v>128002010</v>
      </c>
      <c r="IE12" s="357">
        <v>197453943</v>
      </c>
      <c r="IF12" s="358">
        <v>231494286</v>
      </c>
      <c r="IG12" s="356">
        <v>153597024</v>
      </c>
      <c r="IH12" s="358">
        <v>98388269</v>
      </c>
      <c r="II12" s="359">
        <v>808935532</v>
      </c>
      <c r="IJ12" s="341">
        <v>812419278</v>
      </c>
      <c r="IK12" s="342">
        <v>0</v>
      </c>
      <c r="IL12" s="343">
        <v>0</v>
      </c>
      <c r="IM12" s="344">
        <v>0</v>
      </c>
      <c r="IN12" s="404">
        <v>0</v>
      </c>
      <c r="IO12" s="345">
        <v>2594134</v>
      </c>
      <c r="IP12" s="345">
        <v>6392849</v>
      </c>
      <c r="IQ12" s="345">
        <v>4994284</v>
      </c>
      <c r="IR12" s="345">
        <v>8251423</v>
      </c>
      <c r="IS12" s="345">
        <v>12512910</v>
      </c>
      <c r="IT12" s="346">
        <v>34745600</v>
      </c>
      <c r="IU12" s="347">
        <v>34745600</v>
      </c>
      <c r="IV12" s="348">
        <v>0</v>
      </c>
      <c r="IW12" s="345">
        <v>0</v>
      </c>
      <c r="IX12" s="349">
        <v>0</v>
      </c>
      <c r="IY12" s="413">
        <v>0</v>
      </c>
      <c r="IZ12" s="345">
        <v>0</v>
      </c>
      <c r="JA12" s="345">
        <v>0</v>
      </c>
      <c r="JB12" s="345">
        <v>0</v>
      </c>
      <c r="JC12" s="345">
        <v>0</v>
      </c>
      <c r="JD12" s="345">
        <v>0</v>
      </c>
      <c r="JE12" s="349">
        <v>0</v>
      </c>
      <c r="JF12" s="350">
        <v>0</v>
      </c>
      <c r="JG12" s="348">
        <v>0</v>
      </c>
      <c r="JH12" s="345">
        <v>0</v>
      </c>
      <c r="JI12" s="346">
        <v>0</v>
      </c>
      <c r="JJ12" s="351">
        <v>0</v>
      </c>
      <c r="JK12" s="345">
        <v>50748326</v>
      </c>
      <c r="JL12" s="345">
        <v>70514891</v>
      </c>
      <c r="JM12" s="345">
        <v>53796256</v>
      </c>
      <c r="JN12" s="345">
        <v>32877704</v>
      </c>
      <c r="JO12" s="345">
        <v>16917803</v>
      </c>
      <c r="JP12" s="349">
        <v>224854980</v>
      </c>
      <c r="JQ12" s="347">
        <v>224854980</v>
      </c>
      <c r="JR12" s="348">
        <v>0</v>
      </c>
      <c r="JS12" s="345">
        <v>0</v>
      </c>
      <c r="JT12" s="346">
        <v>0</v>
      </c>
      <c r="JU12" s="351">
        <v>0</v>
      </c>
      <c r="JV12" s="345">
        <v>1375112</v>
      </c>
      <c r="JW12" s="345">
        <v>1706954</v>
      </c>
      <c r="JX12" s="345">
        <v>4727110</v>
      </c>
      <c r="JY12" s="345">
        <v>1928861</v>
      </c>
      <c r="JZ12" s="345">
        <v>3454897</v>
      </c>
      <c r="KA12" s="349">
        <v>13192934</v>
      </c>
      <c r="KB12" s="347">
        <v>13192934</v>
      </c>
      <c r="KC12" s="352">
        <v>950669</v>
      </c>
      <c r="KD12" s="353">
        <v>2041086</v>
      </c>
      <c r="KE12" s="349">
        <v>2991755</v>
      </c>
      <c r="KF12" s="351">
        <v>0</v>
      </c>
      <c r="KG12" s="345">
        <v>15406853</v>
      </c>
      <c r="KH12" s="345">
        <v>30461172</v>
      </c>
      <c r="KI12" s="345">
        <v>36394845</v>
      </c>
      <c r="KJ12" s="345">
        <v>23553260</v>
      </c>
      <c r="KK12" s="345">
        <v>13445818</v>
      </c>
      <c r="KL12" s="349">
        <v>119261948</v>
      </c>
      <c r="KM12" s="354">
        <v>122253703</v>
      </c>
      <c r="KN12" s="342">
        <v>0</v>
      </c>
      <c r="KO12" s="343">
        <v>491991</v>
      </c>
      <c r="KP12" s="344">
        <v>491991</v>
      </c>
      <c r="KQ12" s="413">
        <v>0</v>
      </c>
      <c r="KR12" s="345">
        <v>54768583</v>
      </c>
      <c r="KS12" s="345">
        <v>82319783</v>
      </c>
      <c r="KT12" s="345">
        <v>117361710</v>
      </c>
      <c r="KU12" s="345">
        <v>60908193</v>
      </c>
      <c r="KV12" s="345">
        <v>36111606</v>
      </c>
      <c r="KW12" s="349">
        <v>351469875</v>
      </c>
      <c r="KX12" s="347">
        <v>351961866</v>
      </c>
      <c r="KY12" s="348">
        <v>0</v>
      </c>
      <c r="KZ12" s="345">
        <v>0</v>
      </c>
      <c r="LA12" s="349">
        <v>0</v>
      </c>
      <c r="LB12" s="413">
        <v>0</v>
      </c>
      <c r="LC12" s="345">
        <v>0</v>
      </c>
      <c r="LD12" s="345">
        <v>0</v>
      </c>
      <c r="LE12" s="345">
        <v>0</v>
      </c>
      <c r="LF12" s="345">
        <v>0</v>
      </c>
      <c r="LG12" s="345">
        <v>0</v>
      </c>
      <c r="LH12" s="349">
        <v>0</v>
      </c>
      <c r="LI12" s="350">
        <v>0</v>
      </c>
      <c r="LJ12" s="348">
        <v>0</v>
      </c>
      <c r="LK12" s="345">
        <v>0</v>
      </c>
      <c r="LL12" s="349">
        <v>0</v>
      </c>
      <c r="LM12" s="413">
        <v>0</v>
      </c>
      <c r="LN12" s="345">
        <v>0</v>
      </c>
      <c r="LO12" s="345">
        <v>0</v>
      </c>
      <c r="LP12" s="345">
        <v>3606318</v>
      </c>
      <c r="LQ12" s="345">
        <v>9210983</v>
      </c>
      <c r="LR12" s="345">
        <v>3548214</v>
      </c>
      <c r="LS12" s="349">
        <v>16365515</v>
      </c>
      <c r="LT12" s="347">
        <v>16365515</v>
      </c>
      <c r="LU12" s="348">
        <v>0</v>
      </c>
      <c r="LV12" s="345">
        <v>0</v>
      </c>
      <c r="LW12" s="349">
        <v>0</v>
      </c>
      <c r="LX12" s="413">
        <v>0</v>
      </c>
      <c r="LY12" s="345">
        <v>3109002</v>
      </c>
      <c r="LZ12" s="345">
        <v>6058294</v>
      </c>
      <c r="MA12" s="345">
        <v>10613763</v>
      </c>
      <c r="MB12" s="345">
        <v>16866600</v>
      </c>
      <c r="MC12" s="345">
        <v>12397021</v>
      </c>
      <c r="MD12" s="349">
        <v>49044680</v>
      </c>
      <c r="ME12" s="350">
        <v>49044680</v>
      </c>
      <c r="MF12" s="348">
        <v>0</v>
      </c>
      <c r="MG12" s="345">
        <v>0</v>
      </c>
      <c r="MH12" s="349">
        <v>0</v>
      </c>
      <c r="MI12" s="413">
        <v>0</v>
      </c>
      <c r="MJ12" s="345">
        <v>20652453</v>
      </c>
      <c r="MK12" s="345">
        <v>67085793</v>
      </c>
      <c r="ML12" s="345">
        <v>344160840</v>
      </c>
      <c r="MM12" s="345">
        <v>556685278</v>
      </c>
      <c r="MN12" s="345">
        <v>355113257</v>
      </c>
      <c r="MO12" s="349">
        <v>1343697621</v>
      </c>
      <c r="MP12" s="354">
        <v>1343697621</v>
      </c>
      <c r="MQ12" s="348">
        <v>0</v>
      </c>
      <c r="MR12" s="345">
        <v>0</v>
      </c>
      <c r="MS12" s="349">
        <v>0</v>
      </c>
      <c r="MT12" s="413">
        <v>0</v>
      </c>
      <c r="MU12" s="345">
        <v>1915215</v>
      </c>
      <c r="MV12" s="345">
        <v>9156074</v>
      </c>
      <c r="MW12" s="345">
        <v>240071311</v>
      </c>
      <c r="MX12" s="345">
        <v>384061502</v>
      </c>
      <c r="MY12" s="345">
        <v>251485935</v>
      </c>
      <c r="MZ12" s="349">
        <v>886690037</v>
      </c>
      <c r="NA12" s="354">
        <v>886690037</v>
      </c>
      <c r="NB12" s="348">
        <v>0</v>
      </c>
      <c r="NC12" s="345">
        <v>0</v>
      </c>
      <c r="ND12" s="349">
        <v>0</v>
      </c>
      <c r="NE12" s="413">
        <v>0</v>
      </c>
      <c r="NF12" s="345">
        <v>18498612</v>
      </c>
      <c r="NG12" s="345">
        <v>57929719</v>
      </c>
      <c r="NH12" s="345">
        <v>99768128</v>
      </c>
      <c r="NI12" s="345">
        <v>135356178</v>
      </c>
      <c r="NJ12" s="345">
        <v>64139269</v>
      </c>
      <c r="NK12" s="349">
        <v>375691906</v>
      </c>
      <c r="NL12" s="347">
        <v>375691906</v>
      </c>
      <c r="NM12" s="348">
        <v>0</v>
      </c>
      <c r="NN12" s="345">
        <v>0</v>
      </c>
      <c r="NO12" s="349">
        <v>0</v>
      </c>
      <c r="NP12" s="413">
        <v>0</v>
      </c>
      <c r="NQ12" s="345">
        <v>0</v>
      </c>
      <c r="NR12" s="345">
        <v>0</v>
      </c>
      <c r="NS12" s="345">
        <v>0</v>
      </c>
      <c r="NT12" s="345">
        <v>0</v>
      </c>
      <c r="NU12" s="345">
        <v>0</v>
      </c>
      <c r="NV12" s="349">
        <v>0</v>
      </c>
      <c r="NW12" s="350">
        <v>0</v>
      </c>
      <c r="NX12" s="348">
        <v>0</v>
      </c>
      <c r="NY12" s="345">
        <v>0</v>
      </c>
      <c r="NZ12" s="349">
        <v>0</v>
      </c>
      <c r="OA12" s="413">
        <v>0</v>
      </c>
      <c r="OB12" s="345">
        <v>238626</v>
      </c>
      <c r="OC12" s="345">
        <v>0</v>
      </c>
      <c r="OD12" s="345">
        <v>4321401</v>
      </c>
      <c r="OE12" s="345">
        <v>37267598</v>
      </c>
      <c r="OF12" s="345">
        <v>39488053</v>
      </c>
      <c r="OG12" s="349">
        <v>81315678</v>
      </c>
      <c r="OH12" s="350">
        <v>81315678</v>
      </c>
      <c r="OI12" s="348">
        <v>31894687</v>
      </c>
      <c r="OJ12" s="345">
        <v>79081411</v>
      </c>
      <c r="OK12" s="346">
        <v>110976098</v>
      </c>
      <c r="OL12" s="351">
        <v>0</v>
      </c>
      <c r="OM12" s="345">
        <v>498312765</v>
      </c>
      <c r="ON12" s="345">
        <v>850794081</v>
      </c>
      <c r="OO12" s="345">
        <v>1114100203</v>
      </c>
      <c r="OP12" s="345">
        <v>1157627814</v>
      </c>
      <c r="OQ12" s="345">
        <v>774794534</v>
      </c>
      <c r="OR12" s="349">
        <v>4395629397</v>
      </c>
      <c r="OS12" s="354">
        <v>4506605495</v>
      </c>
    </row>
    <row r="13" spans="1:409" s="70" customFormat="1" ht="21" customHeight="1" x14ac:dyDescent="0.2">
      <c r="B13" s="410" t="s">
        <v>7</v>
      </c>
      <c r="C13" s="326">
        <v>17019764</v>
      </c>
      <c r="D13" s="327">
        <v>22621189</v>
      </c>
      <c r="E13" s="328">
        <v>39640953</v>
      </c>
      <c r="F13" s="329">
        <v>0</v>
      </c>
      <c r="G13" s="327">
        <v>382672424</v>
      </c>
      <c r="H13" s="327">
        <v>344315322</v>
      </c>
      <c r="I13" s="327">
        <v>288374005</v>
      </c>
      <c r="J13" s="327">
        <v>305364211</v>
      </c>
      <c r="K13" s="327">
        <v>216097328</v>
      </c>
      <c r="L13" s="329">
        <v>1536823290</v>
      </c>
      <c r="M13" s="330">
        <v>1576464243</v>
      </c>
      <c r="N13" s="326">
        <v>2830513</v>
      </c>
      <c r="O13" s="327">
        <v>2909796</v>
      </c>
      <c r="P13" s="328">
        <v>5740309</v>
      </c>
      <c r="Q13" s="326">
        <v>0</v>
      </c>
      <c r="R13" s="327">
        <v>94716428</v>
      </c>
      <c r="S13" s="327">
        <v>99263244</v>
      </c>
      <c r="T13" s="327">
        <v>96523464</v>
      </c>
      <c r="U13" s="327">
        <v>131394121</v>
      </c>
      <c r="V13" s="327">
        <v>114018716</v>
      </c>
      <c r="W13" s="328">
        <v>535915973</v>
      </c>
      <c r="X13" s="330">
        <v>541656282</v>
      </c>
      <c r="Y13" s="326">
        <v>0</v>
      </c>
      <c r="Z13" s="327">
        <v>0</v>
      </c>
      <c r="AA13" s="328">
        <v>0</v>
      </c>
      <c r="AB13" s="326">
        <v>0</v>
      </c>
      <c r="AC13" s="327">
        <v>49610405</v>
      </c>
      <c r="AD13" s="327">
        <v>55575982</v>
      </c>
      <c r="AE13" s="327">
        <v>63692641</v>
      </c>
      <c r="AF13" s="327">
        <v>86711328</v>
      </c>
      <c r="AG13" s="327">
        <v>70536772</v>
      </c>
      <c r="AH13" s="328">
        <v>326127128</v>
      </c>
      <c r="AI13" s="330">
        <v>326127128</v>
      </c>
      <c r="AJ13" s="326">
        <v>0</v>
      </c>
      <c r="AK13" s="327">
        <v>11268</v>
      </c>
      <c r="AL13" s="328">
        <v>11268</v>
      </c>
      <c r="AM13" s="326">
        <v>0</v>
      </c>
      <c r="AN13" s="327">
        <v>636889</v>
      </c>
      <c r="AO13" s="327">
        <v>2102239</v>
      </c>
      <c r="AP13" s="327">
        <v>2432793</v>
      </c>
      <c r="AQ13" s="327">
        <v>9632950</v>
      </c>
      <c r="AR13" s="327">
        <v>13576608</v>
      </c>
      <c r="AS13" s="328">
        <v>28381479</v>
      </c>
      <c r="AT13" s="330">
        <v>28392747</v>
      </c>
      <c r="AU13" s="326">
        <v>574800</v>
      </c>
      <c r="AV13" s="327">
        <v>1223097</v>
      </c>
      <c r="AW13" s="328">
        <v>1797897</v>
      </c>
      <c r="AX13" s="326">
        <v>0</v>
      </c>
      <c r="AY13" s="327">
        <v>24158392</v>
      </c>
      <c r="AZ13" s="327">
        <v>23054340</v>
      </c>
      <c r="BA13" s="327">
        <v>14847853</v>
      </c>
      <c r="BB13" s="327">
        <v>17652279</v>
      </c>
      <c r="BC13" s="327">
        <v>18826610</v>
      </c>
      <c r="BD13" s="328">
        <v>98539474</v>
      </c>
      <c r="BE13" s="330">
        <v>100337371</v>
      </c>
      <c r="BF13" s="326">
        <v>93976</v>
      </c>
      <c r="BG13" s="327">
        <v>345647</v>
      </c>
      <c r="BH13" s="331">
        <v>439623</v>
      </c>
      <c r="BI13" s="332">
        <v>0</v>
      </c>
      <c r="BJ13" s="327">
        <v>2409025</v>
      </c>
      <c r="BK13" s="327">
        <v>2890588</v>
      </c>
      <c r="BL13" s="327">
        <v>1557475</v>
      </c>
      <c r="BM13" s="327">
        <v>1345415</v>
      </c>
      <c r="BN13" s="327">
        <v>1085301</v>
      </c>
      <c r="BO13" s="328">
        <v>9287804</v>
      </c>
      <c r="BP13" s="330">
        <v>9727427</v>
      </c>
      <c r="BQ13" s="326">
        <v>2161737</v>
      </c>
      <c r="BR13" s="327">
        <v>1329784</v>
      </c>
      <c r="BS13" s="328">
        <v>3491521</v>
      </c>
      <c r="BT13" s="326">
        <v>0</v>
      </c>
      <c r="BU13" s="327">
        <v>17901717</v>
      </c>
      <c r="BV13" s="327">
        <v>15640095</v>
      </c>
      <c r="BW13" s="327">
        <v>13992702</v>
      </c>
      <c r="BX13" s="327">
        <v>16052149</v>
      </c>
      <c r="BY13" s="327">
        <v>9993425</v>
      </c>
      <c r="BZ13" s="328">
        <v>73580088</v>
      </c>
      <c r="CA13" s="330">
        <v>77071609</v>
      </c>
      <c r="CB13" s="326">
        <v>1455650</v>
      </c>
      <c r="CC13" s="327">
        <v>3300812</v>
      </c>
      <c r="CD13" s="328">
        <v>4756462</v>
      </c>
      <c r="CE13" s="326">
        <v>0</v>
      </c>
      <c r="CF13" s="327">
        <v>106055930</v>
      </c>
      <c r="CG13" s="327">
        <v>87123004</v>
      </c>
      <c r="CH13" s="327">
        <v>56402842</v>
      </c>
      <c r="CI13" s="327">
        <v>36219965</v>
      </c>
      <c r="CJ13" s="327">
        <v>19195327</v>
      </c>
      <c r="CK13" s="328">
        <v>304997068</v>
      </c>
      <c r="CL13" s="330">
        <v>309753530</v>
      </c>
      <c r="CM13" s="326">
        <v>0</v>
      </c>
      <c r="CN13" s="327">
        <v>0</v>
      </c>
      <c r="CO13" s="328">
        <v>0</v>
      </c>
      <c r="CP13" s="332">
        <v>0</v>
      </c>
      <c r="CQ13" s="327">
        <v>89532797</v>
      </c>
      <c r="CR13" s="327">
        <v>72338989</v>
      </c>
      <c r="CS13" s="327">
        <v>46115607</v>
      </c>
      <c r="CT13" s="327">
        <v>28370759</v>
      </c>
      <c r="CU13" s="327">
        <v>15710322</v>
      </c>
      <c r="CV13" s="328">
        <v>252068474</v>
      </c>
      <c r="CW13" s="330">
        <v>252068474</v>
      </c>
      <c r="CX13" s="326">
        <v>1455650</v>
      </c>
      <c r="CY13" s="327">
        <v>3300812</v>
      </c>
      <c r="CZ13" s="328">
        <v>4756462</v>
      </c>
      <c r="DA13" s="326">
        <v>0</v>
      </c>
      <c r="DB13" s="327">
        <v>16523133</v>
      </c>
      <c r="DC13" s="327">
        <v>14784015</v>
      </c>
      <c r="DD13" s="327">
        <v>10287235</v>
      </c>
      <c r="DE13" s="327">
        <v>7849206</v>
      </c>
      <c r="DF13" s="327">
        <v>3485005</v>
      </c>
      <c r="DG13" s="328">
        <v>52928594</v>
      </c>
      <c r="DH13" s="330">
        <v>57685056</v>
      </c>
      <c r="DI13" s="326">
        <v>96173</v>
      </c>
      <c r="DJ13" s="327">
        <v>245626</v>
      </c>
      <c r="DK13" s="331">
        <v>341799</v>
      </c>
      <c r="DL13" s="332">
        <v>0</v>
      </c>
      <c r="DM13" s="327">
        <v>15926890</v>
      </c>
      <c r="DN13" s="327">
        <v>20045984</v>
      </c>
      <c r="DO13" s="327">
        <v>28841130</v>
      </c>
      <c r="DP13" s="327">
        <v>24565455</v>
      </c>
      <c r="DQ13" s="327">
        <v>15583785</v>
      </c>
      <c r="DR13" s="328">
        <v>104963244</v>
      </c>
      <c r="DS13" s="330">
        <v>105305043</v>
      </c>
      <c r="DT13" s="326">
        <v>96173</v>
      </c>
      <c r="DU13" s="327">
        <v>245626</v>
      </c>
      <c r="DV13" s="328">
        <v>341799</v>
      </c>
      <c r="DW13" s="326">
        <v>0</v>
      </c>
      <c r="DX13" s="327">
        <v>15309828</v>
      </c>
      <c r="DY13" s="327">
        <v>18891989</v>
      </c>
      <c r="DZ13" s="327">
        <v>27872485</v>
      </c>
      <c r="EA13" s="327">
        <v>23299879</v>
      </c>
      <c r="EB13" s="327">
        <v>14270379</v>
      </c>
      <c r="EC13" s="328">
        <v>99644560</v>
      </c>
      <c r="ED13" s="330">
        <v>99986359</v>
      </c>
      <c r="EE13" s="326">
        <v>0</v>
      </c>
      <c r="EF13" s="331">
        <v>0</v>
      </c>
      <c r="EG13" s="328">
        <v>0</v>
      </c>
      <c r="EH13" s="326">
        <v>0</v>
      </c>
      <c r="EI13" s="327">
        <v>617062</v>
      </c>
      <c r="EJ13" s="327">
        <v>1153995</v>
      </c>
      <c r="EK13" s="327">
        <v>968645</v>
      </c>
      <c r="EL13" s="327">
        <v>1265576</v>
      </c>
      <c r="EM13" s="327">
        <v>1313406</v>
      </c>
      <c r="EN13" s="331">
        <v>5318684</v>
      </c>
      <c r="EO13" s="330">
        <v>5318684</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4126727</v>
      </c>
      <c r="FM13" s="327">
        <v>6293744</v>
      </c>
      <c r="FN13" s="328">
        <v>10420471</v>
      </c>
      <c r="FO13" s="326">
        <v>0</v>
      </c>
      <c r="FP13" s="327">
        <v>17690114</v>
      </c>
      <c r="FQ13" s="327">
        <v>32055289</v>
      </c>
      <c r="FR13" s="327">
        <v>21213335</v>
      </c>
      <c r="FS13" s="327">
        <v>20512205</v>
      </c>
      <c r="FT13" s="327">
        <v>14466588</v>
      </c>
      <c r="FU13" s="328">
        <v>105937531</v>
      </c>
      <c r="FV13" s="330">
        <v>116358002</v>
      </c>
      <c r="FW13" s="333">
        <v>2083703</v>
      </c>
      <c r="FX13" s="327">
        <v>4203036</v>
      </c>
      <c r="FY13" s="331">
        <v>6286739</v>
      </c>
      <c r="FZ13" s="332">
        <v>0</v>
      </c>
      <c r="GA13" s="327">
        <v>13829334</v>
      </c>
      <c r="GB13" s="327">
        <v>28791877</v>
      </c>
      <c r="GC13" s="327">
        <v>19094285</v>
      </c>
      <c r="GD13" s="327">
        <v>18852973</v>
      </c>
      <c r="GE13" s="327">
        <v>13694826</v>
      </c>
      <c r="GF13" s="328">
        <v>94263295</v>
      </c>
      <c r="GG13" s="334">
        <v>100550034</v>
      </c>
      <c r="GH13" s="333">
        <v>460414</v>
      </c>
      <c r="GI13" s="327">
        <v>387634</v>
      </c>
      <c r="GJ13" s="331">
        <v>848048</v>
      </c>
      <c r="GK13" s="332">
        <v>0</v>
      </c>
      <c r="GL13" s="327">
        <v>1224025</v>
      </c>
      <c r="GM13" s="327">
        <v>1002292</v>
      </c>
      <c r="GN13" s="327">
        <v>759044</v>
      </c>
      <c r="GO13" s="327">
        <v>625790</v>
      </c>
      <c r="GP13" s="327">
        <v>236358</v>
      </c>
      <c r="GQ13" s="328">
        <v>3847509</v>
      </c>
      <c r="GR13" s="330">
        <v>4695557</v>
      </c>
      <c r="GS13" s="326">
        <v>1582610</v>
      </c>
      <c r="GT13" s="327">
        <v>1703074</v>
      </c>
      <c r="GU13" s="328">
        <v>3285684</v>
      </c>
      <c r="GV13" s="326">
        <v>0</v>
      </c>
      <c r="GW13" s="327">
        <v>2636755</v>
      </c>
      <c r="GX13" s="327">
        <v>2261120</v>
      </c>
      <c r="GY13" s="327">
        <v>1360006</v>
      </c>
      <c r="GZ13" s="327">
        <v>1033442</v>
      </c>
      <c r="HA13" s="327">
        <v>535404</v>
      </c>
      <c r="HB13" s="331">
        <v>7826727</v>
      </c>
      <c r="HC13" s="330">
        <v>11112411</v>
      </c>
      <c r="HD13" s="326">
        <v>5829399</v>
      </c>
      <c r="HE13" s="327">
        <v>5171032</v>
      </c>
      <c r="HF13" s="331">
        <v>11000431</v>
      </c>
      <c r="HG13" s="332">
        <v>0</v>
      </c>
      <c r="HH13" s="327">
        <v>75970737</v>
      </c>
      <c r="HI13" s="327">
        <v>58109859</v>
      </c>
      <c r="HJ13" s="327">
        <v>56643143</v>
      </c>
      <c r="HK13" s="327">
        <v>70988884</v>
      </c>
      <c r="HL13" s="327">
        <v>39520368</v>
      </c>
      <c r="HM13" s="328">
        <v>301232991</v>
      </c>
      <c r="HN13" s="329">
        <v>312233422</v>
      </c>
      <c r="HO13" s="333">
        <v>2681302</v>
      </c>
      <c r="HP13" s="327">
        <v>4700179</v>
      </c>
      <c r="HQ13" s="328">
        <v>7381481</v>
      </c>
      <c r="HR13" s="326">
        <v>0</v>
      </c>
      <c r="HS13" s="327">
        <v>72312325</v>
      </c>
      <c r="HT13" s="327">
        <v>47717942</v>
      </c>
      <c r="HU13" s="327">
        <v>28750091</v>
      </c>
      <c r="HV13" s="327">
        <v>21683581</v>
      </c>
      <c r="HW13" s="327">
        <v>13312544</v>
      </c>
      <c r="HX13" s="331">
        <v>183776483</v>
      </c>
      <c r="HY13" s="330">
        <v>191157964</v>
      </c>
      <c r="HZ13" s="335">
        <v>174683</v>
      </c>
      <c r="IA13" s="336">
        <v>435869</v>
      </c>
      <c r="IB13" s="337">
        <v>610552</v>
      </c>
      <c r="IC13" s="338">
        <v>0</v>
      </c>
      <c r="ID13" s="336">
        <v>112560078</v>
      </c>
      <c r="IE13" s="339">
        <v>108915335</v>
      </c>
      <c r="IF13" s="337">
        <v>99005013</v>
      </c>
      <c r="IG13" s="336">
        <v>64246863</v>
      </c>
      <c r="IH13" s="337">
        <v>40982226</v>
      </c>
      <c r="II13" s="340">
        <v>425709515</v>
      </c>
      <c r="IJ13" s="341">
        <v>426320067</v>
      </c>
      <c r="IK13" s="342">
        <v>0</v>
      </c>
      <c r="IL13" s="343">
        <v>0</v>
      </c>
      <c r="IM13" s="344">
        <v>0</v>
      </c>
      <c r="IN13" s="404">
        <v>0</v>
      </c>
      <c r="IO13" s="345">
        <v>834038</v>
      </c>
      <c r="IP13" s="345">
        <v>1773247</v>
      </c>
      <c r="IQ13" s="345">
        <v>1230012</v>
      </c>
      <c r="IR13" s="345">
        <v>2052031</v>
      </c>
      <c r="IS13" s="345">
        <v>1365648</v>
      </c>
      <c r="IT13" s="346">
        <v>7254976</v>
      </c>
      <c r="IU13" s="347">
        <v>7254976</v>
      </c>
      <c r="IV13" s="348">
        <v>0</v>
      </c>
      <c r="IW13" s="345">
        <v>0</v>
      </c>
      <c r="IX13" s="349">
        <v>0</v>
      </c>
      <c r="IY13" s="413">
        <v>0</v>
      </c>
      <c r="IZ13" s="345">
        <v>0</v>
      </c>
      <c r="JA13" s="345">
        <v>0</v>
      </c>
      <c r="JB13" s="345">
        <v>0</v>
      </c>
      <c r="JC13" s="345">
        <v>0</v>
      </c>
      <c r="JD13" s="345">
        <v>0</v>
      </c>
      <c r="JE13" s="349">
        <v>0</v>
      </c>
      <c r="JF13" s="350">
        <v>0</v>
      </c>
      <c r="JG13" s="348">
        <v>0</v>
      </c>
      <c r="JH13" s="345">
        <v>0</v>
      </c>
      <c r="JI13" s="346">
        <v>0</v>
      </c>
      <c r="JJ13" s="351">
        <v>0</v>
      </c>
      <c r="JK13" s="345">
        <v>56947481</v>
      </c>
      <c r="JL13" s="345">
        <v>45133716</v>
      </c>
      <c r="JM13" s="345">
        <v>25254316</v>
      </c>
      <c r="JN13" s="345">
        <v>11948527</v>
      </c>
      <c r="JO13" s="345">
        <v>6829877</v>
      </c>
      <c r="JP13" s="349">
        <v>146113917</v>
      </c>
      <c r="JQ13" s="347">
        <v>146113917</v>
      </c>
      <c r="JR13" s="348">
        <v>48497</v>
      </c>
      <c r="JS13" s="345">
        <v>186850</v>
      </c>
      <c r="JT13" s="346">
        <v>235347</v>
      </c>
      <c r="JU13" s="351">
        <v>0</v>
      </c>
      <c r="JV13" s="345">
        <v>8210651</v>
      </c>
      <c r="JW13" s="345">
        <v>9392566</v>
      </c>
      <c r="JX13" s="345">
        <v>12484856</v>
      </c>
      <c r="JY13" s="345">
        <v>4945253</v>
      </c>
      <c r="JZ13" s="345">
        <v>4108310</v>
      </c>
      <c r="KA13" s="349">
        <v>39141636</v>
      </c>
      <c r="KB13" s="347">
        <v>39376983</v>
      </c>
      <c r="KC13" s="352">
        <v>126186</v>
      </c>
      <c r="KD13" s="353">
        <v>249019</v>
      </c>
      <c r="KE13" s="349">
        <v>375205</v>
      </c>
      <c r="KF13" s="351">
        <v>0</v>
      </c>
      <c r="KG13" s="345">
        <v>5814485</v>
      </c>
      <c r="KH13" s="345">
        <v>5985831</v>
      </c>
      <c r="KI13" s="345">
        <v>8246226</v>
      </c>
      <c r="KJ13" s="345">
        <v>5462642</v>
      </c>
      <c r="KK13" s="345">
        <v>3374373</v>
      </c>
      <c r="KL13" s="349">
        <v>28883557</v>
      </c>
      <c r="KM13" s="354">
        <v>29258762</v>
      </c>
      <c r="KN13" s="342">
        <v>0</v>
      </c>
      <c r="KO13" s="343">
        <v>0</v>
      </c>
      <c r="KP13" s="344">
        <v>0</v>
      </c>
      <c r="KQ13" s="413">
        <v>0</v>
      </c>
      <c r="KR13" s="345">
        <v>38108360</v>
      </c>
      <c r="KS13" s="345">
        <v>43391986</v>
      </c>
      <c r="KT13" s="345">
        <v>48000600</v>
      </c>
      <c r="KU13" s="345">
        <v>35876609</v>
      </c>
      <c r="KV13" s="345">
        <v>19217765</v>
      </c>
      <c r="KW13" s="349">
        <v>184595320</v>
      </c>
      <c r="KX13" s="347">
        <v>184595320</v>
      </c>
      <c r="KY13" s="348">
        <v>0</v>
      </c>
      <c r="KZ13" s="345">
        <v>0</v>
      </c>
      <c r="LA13" s="349">
        <v>0</v>
      </c>
      <c r="LB13" s="413">
        <v>0</v>
      </c>
      <c r="LC13" s="345">
        <v>0</v>
      </c>
      <c r="LD13" s="345">
        <v>0</v>
      </c>
      <c r="LE13" s="345">
        <v>0</v>
      </c>
      <c r="LF13" s="345">
        <v>0</v>
      </c>
      <c r="LG13" s="345">
        <v>0</v>
      </c>
      <c r="LH13" s="349">
        <v>0</v>
      </c>
      <c r="LI13" s="350">
        <v>0</v>
      </c>
      <c r="LJ13" s="348">
        <v>0</v>
      </c>
      <c r="LK13" s="345">
        <v>0</v>
      </c>
      <c r="LL13" s="349">
        <v>0</v>
      </c>
      <c r="LM13" s="413">
        <v>0</v>
      </c>
      <c r="LN13" s="345">
        <v>0</v>
      </c>
      <c r="LO13" s="345">
        <v>0</v>
      </c>
      <c r="LP13" s="345">
        <v>0</v>
      </c>
      <c r="LQ13" s="345">
        <v>0</v>
      </c>
      <c r="LR13" s="345">
        <v>0</v>
      </c>
      <c r="LS13" s="349">
        <v>0</v>
      </c>
      <c r="LT13" s="347">
        <v>0</v>
      </c>
      <c r="LU13" s="348">
        <v>0</v>
      </c>
      <c r="LV13" s="345">
        <v>0</v>
      </c>
      <c r="LW13" s="349">
        <v>0</v>
      </c>
      <c r="LX13" s="413">
        <v>0</v>
      </c>
      <c r="LY13" s="345">
        <v>2645063</v>
      </c>
      <c r="LZ13" s="345">
        <v>3237989</v>
      </c>
      <c r="MA13" s="345">
        <v>3789003</v>
      </c>
      <c r="MB13" s="345">
        <v>3961801</v>
      </c>
      <c r="MC13" s="345">
        <v>6086253</v>
      </c>
      <c r="MD13" s="349">
        <v>19720109</v>
      </c>
      <c r="ME13" s="350">
        <v>19720109</v>
      </c>
      <c r="MF13" s="348">
        <v>0</v>
      </c>
      <c r="MG13" s="345">
        <v>0</v>
      </c>
      <c r="MH13" s="349">
        <v>0</v>
      </c>
      <c r="MI13" s="413">
        <v>0</v>
      </c>
      <c r="MJ13" s="345">
        <v>50945534</v>
      </c>
      <c r="MK13" s="345">
        <v>68747256</v>
      </c>
      <c r="ML13" s="345">
        <v>250456985</v>
      </c>
      <c r="MM13" s="345">
        <v>368267053</v>
      </c>
      <c r="MN13" s="345">
        <v>209153169</v>
      </c>
      <c r="MO13" s="349">
        <v>947569997</v>
      </c>
      <c r="MP13" s="354">
        <v>947569997</v>
      </c>
      <c r="MQ13" s="348">
        <v>0</v>
      </c>
      <c r="MR13" s="345">
        <v>0</v>
      </c>
      <c r="MS13" s="349">
        <v>0</v>
      </c>
      <c r="MT13" s="413">
        <v>0</v>
      </c>
      <c r="MU13" s="345">
        <v>6227063</v>
      </c>
      <c r="MV13" s="345">
        <v>11208309</v>
      </c>
      <c r="MW13" s="345">
        <v>165612749</v>
      </c>
      <c r="MX13" s="345">
        <v>262389471</v>
      </c>
      <c r="MY13" s="345">
        <v>171589143</v>
      </c>
      <c r="MZ13" s="349">
        <v>617026735</v>
      </c>
      <c r="NA13" s="354">
        <v>617026735</v>
      </c>
      <c r="NB13" s="348">
        <v>0</v>
      </c>
      <c r="NC13" s="345">
        <v>0</v>
      </c>
      <c r="ND13" s="349">
        <v>0</v>
      </c>
      <c r="NE13" s="413">
        <v>0</v>
      </c>
      <c r="NF13" s="345">
        <v>44718471</v>
      </c>
      <c r="NG13" s="345">
        <v>57538947</v>
      </c>
      <c r="NH13" s="345">
        <v>84498952</v>
      </c>
      <c r="NI13" s="345">
        <v>102895852</v>
      </c>
      <c r="NJ13" s="345">
        <v>36382562</v>
      </c>
      <c r="NK13" s="349">
        <v>326034784</v>
      </c>
      <c r="NL13" s="347">
        <v>326034784</v>
      </c>
      <c r="NM13" s="348">
        <v>0</v>
      </c>
      <c r="NN13" s="345">
        <v>0</v>
      </c>
      <c r="NO13" s="349">
        <v>0</v>
      </c>
      <c r="NP13" s="413">
        <v>0</v>
      </c>
      <c r="NQ13" s="345">
        <v>0</v>
      </c>
      <c r="NR13" s="345">
        <v>0</v>
      </c>
      <c r="NS13" s="345">
        <v>0</v>
      </c>
      <c r="NT13" s="345">
        <v>0</v>
      </c>
      <c r="NU13" s="345">
        <v>0</v>
      </c>
      <c r="NV13" s="349">
        <v>0</v>
      </c>
      <c r="NW13" s="350">
        <v>0</v>
      </c>
      <c r="NX13" s="348">
        <v>0</v>
      </c>
      <c r="NY13" s="345">
        <v>0</v>
      </c>
      <c r="NZ13" s="349">
        <v>0</v>
      </c>
      <c r="OA13" s="413">
        <v>0</v>
      </c>
      <c r="OB13" s="345">
        <v>0</v>
      </c>
      <c r="OC13" s="345">
        <v>0</v>
      </c>
      <c r="OD13" s="345">
        <v>345284</v>
      </c>
      <c r="OE13" s="345">
        <v>2981730</v>
      </c>
      <c r="OF13" s="345">
        <v>1181464</v>
      </c>
      <c r="OG13" s="349">
        <v>4508478</v>
      </c>
      <c r="OH13" s="350">
        <v>4508478</v>
      </c>
      <c r="OI13" s="348">
        <v>17194447</v>
      </c>
      <c r="OJ13" s="345">
        <v>23057058</v>
      </c>
      <c r="OK13" s="346">
        <v>40251505</v>
      </c>
      <c r="OL13" s="351">
        <v>0</v>
      </c>
      <c r="OM13" s="345">
        <v>546178036</v>
      </c>
      <c r="ON13" s="345">
        <v>521977913</v>
      </c>
      <c r="OO13" s="345">
        <v>637836003</v>
      </c>
      <c r="OP13" s="345">
        <v>737878127</v>
      </c>
      <c r="OQ13" s="345">
        <v>466232723</v>
      </c>
      <c r="OR13" s="349">
        <v>2910102802</v>
      </c>
      <c r="OS13" s="354">
        <v>2950354307</v>
      </c>
    </row>
    <row r="14" spans="1:409" s="70" customFormat="1" ht="21" customHeight="1" x14ac:dyDescent="0.2">
      <c r="B14" s="410" t="s">
        <v>8</v>
      </c>
      <c r="C14" s="326">
        <v>15223178</v>
      </c>
      <c r="D14" s="327">
        <v>18286755</v>
      </c>
      <c r="E14" s="328">
        <v>33509933</v>
      </c>
      <c r="F14" s="329">
        <v>0</v>
      </c>
      <c r="G14" s="327">
        <v>163593811</v>
      </c>
      <c r="H14" s="327">
        <v>218719452</v>
      </c>
      <c r="I14" s="327">
        <v>198219292</v>
      </c>
      <c r="J14" s="327">
        <v>181058840</v>
      </c>
      <c r="K14" s="327">
        <v>141065362</v>
      </c>
      <c r="L14" s="329">
        <v>902656757</v>
      </c>
      <c r="M14" s="330">
        <v>936166690</v>
      </c>
      <c r="N14" s="326">
        <v>2721932</v>
      </c>
      <c r="O14" s="327">
        <v>4092804</v>
      </c>
      <c r="P14" s="328">
        <v>6814736</v>
      </c>
      <c r="Q14" s="326">
        <v>0</v>
      </c>
      <c r="R14" s="327">
        <v>43905088</v>
      </c>
      <c r="S14" s="327">
        <v>69629891</v>
      </c>
      <c r="T14" s="327">
        <v>68212214</v>
      </c>
      <c r="U14" s="327">
        <v>70745762</v>
      </c>
      <c r="V14" s="327">
        <v>79072977</v>
      </c>
      <c r="W14" s="328">
        <v>331565932</v>
      </c>
      <c r="X14" s="330">
        <v>338380668</v>
      </c>
      <c r="Y14" s="326">
        <v>0</v>
      </c>
      <c r="Z14" s="327">
        <v>0</v>
      </c>
      <c r="AA14" s="328">
        <v>0</v>
      </c>
      <c r="AB14" s="326">
        <v>0</v>
      </c>
      <c r="AC14" s="327">
        <v>21059265</v>
      </c>
      <c r="AD14" s="327">
        <v>37423335</v>
      </c>
      <c r="AE14" s="327">
        <v>43460436</v>
      </c>
      <c r="AF14" s="327">
        <v>43271803</v>
      </c>
      <c r="AG14" s="327">
        <v>52629070</v>
      </c>
      <c r="AH14" s="328">
        <v>197843909</v>
      </c>
      <c r="AI14" s="330">
        <v>197843909</v>
      </c>
      <c r="AJ14" s="326">
        <v>0</v>
      </c>
      <c r="AK14" s="327">
        <v>0</v>
      </c>
      <c r="AL14" s="328">
        <v>0</v>
      </c>
      <c r="AM14" s="326">
        <v>0</v>
      </c>
      <c r="AN14" s="327">
        <v>281153</v>
      </c>
      <c r="AO14" s="327">
        <v>939322</v>
      </c>
      <c r="AP14" s="327">
        <v>1803308</v>
      </c>
      <c r="AQ14" s="327">
        <v>3250823</v>
      </c>
      <c r="AR14" s="327">
        <v>6480335</v>
      </c>
      <c r="AS14" s="328">
        <v>12754941</v>
      </c>
      <c r="AT14" s="330">
        <v>12754941</v>
      </c>
      <c r="AU14" s="326">
        <v>1376386</v>
      </c>
      <c r="AV14" s="327">
        <v>2704352</v>
      </c>
      <c r="AW14" s="328">
        <v>4080738</v>
      </c>
      <c r="AX14" s="326">
        <v>0</v>
      </c>
      <c r="AY14" s="327">
        <v>11778713</v>
      </c>
      <c r="AZ14" s="327">
        <v>18645471</v>
      </c>
      <c r="BA14" s="327">
        <v>12632097</v>
      </c>
      <c r="BB14" s="327">
        <v>13802513</v>
      </c>
      <c r="BC14" s="327">
        <v>12462527</v>
      </c>
      <c r="BD14" s="328">
        <v>69321321</v>
      </c>
      <c r="BE14" s="330">
        <v>73402059</v>
      </c>
      <c r="BF14" s="326">
        <v>342401</v>
      </c>
      <c r="BG14" s="327">
        <v>707770</v>
      </c>
      <c r="BH14" s="331">
        <v>1050171</v>
      </c>
      <c r="BI14" s="332">
        <v>0</v>
      </c>
      <c r="BJ14" s="327">
        <v>3398844</v>
      </c>
      <c r="BK14" s="327">
        <v>3876284</v>
      </c>
      <c r="BL14" s="327">
        <v>1797377</v>
      </c>
      <c r="BM14" s="327">
        <v>2097587</v>
      </c>
      <c r="BN14" s="327">
        <v>919356</v>
      </c>
      <c r="BO14" s="328">
        <v>12089448</v>
      </c>
      <c r="BP14" s="330">
        <v>13139619</v>
      </c>
      <c r="BQ14" s="326">
        <v>1003145</v>
      </c>
      <c r="BR14" s="327">
        <v>680682</v>
      </c>
      <c r="BS14" s="328">
        <v>1683827</v>
      </c>
      <c r="BT14" s="326">
        <v>0</v>
      </c>
      <c r="BU14" s="327">
        <v>7387113</v>
      </c>
      <c r="BV14" s="327">
        <v>8745479</v>
      </c>
      <c r="BW14" s="327">
        <v>8518996</v>
      </c>
      <c r="BX14" s="327">
        <v>8323036</v>
      </c>
      <c r="BY14" s="327">
        <v>6581689</v>
      </c>
      <c r="BZ14" s="328">
        <v>39556313</v>
      </c>
      <c r="CA14" s="330">
        <v>41240140</v>
      </c>
      <c r="CB14" s="326">
        <v>1603110</v>
      </c>
      <c r="CC14" s="327">
        <v>2675507</v>
      </c>
      <c r="CD14" s="328">
        <v>4278617</v>
      </c>
      <c r="CE14" s="326">
        <v>0</v>
      </c>
      <c r="CF14" s="327">
        <v>46241618</v>
      </c>
      <c r="CG14" s="327">
        <v>57909679</v>
      </c>
      <c r="CH14" s="327">
        <v>44543430</v>
      </c>
      <c r="CI14" s="327">
        <v>33082806</v>
      </c>
      <c r="CJ14" s="327">
        <v>16345238</v>
      </c>
      <c r="CK14" s="328">
        <v>198122771</v>
      </c>
      <c r="CL14" s="330">
        <v>202401388</v>
      </c>
      <c r="CM14" s="326">
        <v>0</v>
      </c>
      <c r="CN14" s="327">
        <v>0</v>
      </c>
      <c r="CO14" s="328">
        <v>0</v>
      </c>
      <c r="CP14" s="332">
        <v>0</v>
      </c>
      <c r="CQ14" s="327">
        <v>38390456</v>
      </c>
      <c r="CR14" s="327">
        <v>47538781</v>
      </c>
      <c r="CS14" s="327">
        <v>35645147</v>
      </c>
      <c r="CT14" s="327">
        <v>27126396</v>
      </c>
      <c r="CU14" s="327">
        <v>14449258</v>
      </c>
      <c r="CV14" s="328">
        <v>163150038</v>
      </c>
      <c r="CW14" s="330">
        <v>163150038</v>
      </c>
      <c r="CX14" s="326">
        <v>1603110</v>
      </c>
      <c r="CY14" s="327">
        <v>2675507</v>
      </c>
      <c r="CZ14" s="328">
        <v>4278617</v>
      </c>
      <c r="DA14" s="326">
        <v>0</v>
      </c>
      <c r="DB14" s="327">
        <v>7851162</v>
      </c>
      <c r="DC14" s="327">
        <v>10370898</v>
      </c>
      <c r="DD14" s="327">
        <v>8898283</v>
      </c>
      <c r="DE14" s="327">
        <v>5956410</v>
      </c>
      <c r="DF14" s="327">
        <v>1895980</v>
      </c>
      <c r="DG14" s="328">
        <v>34972733</v>
      </c>
      <c r="DH14" s="330">
        <v>39251350</v>
      </c>
      <c r="DI14" s="326">
        <v>133107</v>
      </c>
      <c r="DJ14" s="327">
        <v>378940</v>
      </c>
      <c r="DK14" s="331">
        <v>512047</v>
      </c>
      <c r="DL14" s="332">
        <v>0</v>
      </c>
      <c r="DM14" s="327">
        <v>5085929</v>
      </c>
      <c r="DN14" s="327">
        <v>12284710</v>
      </c>
      <c r="DO14" s="327">
        <v>26160355</v>
      </c>
      <c r="DP14" s="327">
        <v>20564838</v>
      </c>
      <c r="DQ14" s="327">
        <v>8983286</v>
      </c>
      <c r="DR14" s="328">
        <v>73079118</v>
      </c>
      <c r="DS14" s="330">
        <v>73591165</v>
      </c>
      <c r="DT14" s="326">
        <v>99842</v>
      </c>
      <c r="DU14" s="327">
        <v>378940</v>
      </c>
      <c r="DV14" s="328">
        <v>478782</v>
      </c>
      <c r="DW14" s="326">
        <v>0</v>
      </c>
      <c r="DX14" s="327">
        <v>4729417</v>
      </c>
      <c r="DY14" s="327">
        <v>11939545</v>
      </c>
      <c r="DZ14" s="327">
        <v>25802794</v>
      </c>
      <c r="EA14" s="327">
        <v>19771300</v>
      </c>
      <c r="EB14" s="327">
        <v>8521772</v>
      </c>
      <c r="EC14" s="328">
        <v>70764828</v>
      </c>
      <c r="ED14" s="330">
        <v>71243610</v>
      </c>
      <c r="EE14" s="326">
        <v>33265</v>
      </c>
      <c r="EF14" s="331">
        <v>0</v>
      </c>
      <c r="EG14" s="328">
        <v>33265</v>
      </c>
      <c r="EH14" s="326">
        <v>0</v>
      </c>
      <c r="EI14" s="327">
        <v>356512</v>
      </c>
      <c r="EJ14" s="327">
        <v>345165</v>
      </c>
      <c r="EK14" s="327">
        <v>357561</v>
      </c>
      <c r="EL14" s="327">
        <v>793538</v>
      </c>
      <c r="EM14" s="327">
        <v>461514</v>
      </c>
      <c r="EN14" s="331">
        <v>2314290</v>
      </c>
      <c r="EO14" s="330">
        <v>2347555</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4691168</v>
      </c>
      <c r="FM14" s="327">
        <v>5314140</v>
      </c>
      <c r="FN14" s="328">
        <v>10005308</v>
      </c>
      <c r="FO14" s="326">
        <v>0</v>
      </c>
      <c r="FP14" s="327">
        <v>10378735</v>
      </c>
      <c r="FQ14" s="327">
        <v>23366366</v>
      </c>
      <c r="FR14" s="327">
        <v>15866662</v>
      </c>
      <c r="FS14" s="327">
        <v>13761929</v>
      </c>
      <c r="FT14" s="327">
        <v>9880017</v>
      </c>
      <c r="FU14" s="328">
        <v>73253709</v>
      </c>
      <c r="FV14" s="330">
        <v>83259017</v>
      </c>
      <c r="FW14" s="333">
        <v>2597490</v>
      </c>
      <c r="FX14" s="327">
        <v>4174247</v>
      </c>
      <c r="FY14" s="331">
        <v>6771737</v>
      </c>
      <c r="FZ14" s="332">
        <v>0</v>
      </c>
      <c r="GA14" s="327">
        <v>8260502</v>
      </c>
      <c r="GB14" s="327">
        <v>21809987</v>
      </c>
      <c r="GC14" s="327">
        <v>14957027</v>
      </c>
      <c r="GD14" s="327">
        <v>12695996</v>
      </c>
      <c r="GE14" s="327">
        <v>9522897</v>
      </c>
      <c r="GF14" s="328">
        <v>67246409</v>
      </c>
      <c r="GG14" s="334">
        <v>74018146</v>
      </c>
      <c r="GH14" s="333">
        <v>396577</v>
      </c>
      <c r="GI14" s="327">
        <v>91278</v>
      </c>
      <c r="GJ14" s="331">
        <v>487855</v>
      </c>
      <c r="GK14" s="332">
        <v>0</v>
      </c>
      <c r="GL14" s="327">
        <v>732806</v>
      </c>
      <c r="GM14" s="327">
        <v>497003</v>
      </c>
      <c r="GN14" s="327">
        <v>237840</v>
      </c>
      <c r="GO14" s="327">
        <v>275193</v>
      </c>
      <c r="GP14" s="327">
        <v>177120</v>
      </c>
      <c r="GQ14" s="328">
        <v>1919962</v>
      </c>
      <c r="GR14" s="330">
        <v>2407817</v>
      </c>
      <c r="GS14" s="326">
        <v>1697101</v>
      </c>
      <c r="GT14" s="327">
        <v>1048615</v>
      </c>
      <c r="GU14" s="328">
        <v>2745716</v>
      </c>
      <c r="GV14" s="326">
        <v>0</v>
      </c>
      <c r="GW14" s="327">
        <v>1385427</v>
      </c>
      <c r="GX14" s="327">
        <v>1059376</v>
      </c>
      <c r="GY14" s="327">
        <v>671795</v>
      </c>
      <c r="GZ14" s="327">
        <v>790740</v>
      </c>
      <c r="HA14" s="327">
        <v>180000</v>
      </c>
      <c r="HB14" s="331">
        <v>4087338</v>
      </c>
      <c r="HC14" s="330">
        <v>6833054</v>
      </c>
      <c r="HD14" s="326">
        <v>2735325</v>
      </c>
      <c r="HE14" s="327">
        <v>1953391</v>
      </c>
      <c r="HF14" s="331">
        <v>4688716</v>
      </c>
      <c r="HG14" s="332">
        <v>0</v>
      </c>
      <c r="HH14" s="327">
        <v>27743594</v>
      </c>
      <c r="HI14" s="327">
        <v>25732551</v>
      </c>
      <c r="HJ14" s="327">
        <v>23898965</v>
      </c>
      <c r="HK14" s="327">
        <v>29171506</v>
      </c>
      <c r="HL14" s="327">
        <v>18435792</v>
      </c>
      <c r="HM14" s="328">
        <v>124982408</v>
      </c>
      <c r="HN14" s="329">
        <v>129671124</v>
      </c>
      <c r="HO14" s="333">
        <v>3338536</v>
      </c>
      <c r="HP14" s="327">
        <v>3871973</v>
      </c>
      <c r="HQ14" s="328">
        <v>7210509</v>
      </c>
      <c r="HR14" s="326">
        <v>0</v>
      </c>
      <c r="HS14" s="327">
        <v>30238847</v>
      </c>
      <c r="HT14" s="327">
        <v>29796255</v>
      </c>
      <c r="HU14" s="327">
        <v>19537666</v>
      </c>
      <c r="HV14" s="327">
        <v>13731999</v>
      </c>
      <c r="HW14" s="327">
        <v>8348052</v>
      </c>
      <c r="HX14" s="331">
        <v>101652819</v>
      </c>
      <c r="HY14" s="330">
        <v>108863328</v>
      </c>
      <c r="HZ14" s="335">
        <v>773820</v>
      </c>
      <c r="IA14" s="336">
        <v>1022795</v>
      </c>
      <c r="IB14" s="337">
        <v>1796615</v>
      </c>
      <c r="IC14" s="355">
        <v>0</v>
      </c>
      <c r="ID14" s="356">
        <v>58488123</v>
      </c>
      <c r="IE14" s="357">
        <v>72452635</v>
      </c>
      <c r="IF14" s="358">
        <v>75778635</v>
      </c>
      <c r="IG14" s="356">
        <v>53493929</v>
      </c>
      <c r="IH14" s="358">
        <v>31650388</v>
      </c>
      <c r="II14" s="359">
        <v>291863710</v>
      </c>
      <c r="IJ14" s="341">
        <v>293660325</v>
      </c>
      <c r="IK14" s="342">
        <v>0</v>
      </c>
      <c r="IL14" s="343">
        <v>0</v>
      </c>
      <c r="IM14" s="344">
        <v>0</v>
      </c>
      <c r="IN14" s="404">
        <v>0</v>
      </c>
      <c r="IO14" s="345">
        <v>653028</v>
      </c>
      <c r="IP14" s="345">
        <v>581538</v>
      </c>
      <c r="IQ14" s="345">
        <v>674548</v>
      </c>
      <c r="IR14" s="345">
        <v>1050812</v>
      </c>
      <c r="IS14" s="345">
        <v>718280</v>
      </c>
      <c r="IT14" s="346">
        <v>3678206</v>
      </c>
      <c r="IU14" s="347">
        <v>3678206</v>
      </c>
      <c r="IV14" s="348">
        <v>0</v>
      </c>
      <c r="IW14" s="345">
        <v>0</v>
      </c>
      <c r="IX14" s="349">
        <v>0</v>
      </c>
      <c r="IY14" s="413">
        <v>0</v>
      </c>
      <c r="IZ14" s="345">
        <v>45403</v>
      </c>
      <c r="JA14" s="345">
        <v>38344</v>
      </c>
      <c r="JB14" s="345">
        <v>66589</v>
      </c>
      <c r="JC14" s="345">
        <v>45403</v>
      </c>
      <c r="JD14" s="345">
        <v>24054</v>
      </c>
      <c r="JE14" s="349">
        <v>219793</v>
      </c>
      <c r="JF14" s="350">
        <v>219793</v>
      </c>
      <c r="JG14" s="348">
        <v>0</v>
      </c>
      <c r="JH14" s="345">
        <v>0</v>
      </c>
      <c r="JI14" s="346">
        <v>0</v>
      </c>
      <c r="JJ14" s="351">
        <v>0</v>
      </c>
      <c r="JK14" s="345">
        <v>28645494</v>
      </c>
      <c r="JL14" s="345">
        <v>37563108</v>
      </c>
      <c r="JM14" s="345">
        <v>23095788</v>
      </c>
      <c r="JN14" s="345">
        <v>13477094</v>
      </c>
      <c r="JO14" s="345">
        <v>6968702</v>
      </c>
      <c r="JP14" s="349">
        <v>109750186</v>
      </c>
      <c r="JQ14" s="347">
        <v>109750186</v>
      </c>
      <c r="JR14" s="348">
        <v>0</v>
      </c>
      <c r="JS14" s="345">
        <v>0</v>
      </c>
      <c r="JT14" s="346">
        <v>0</v>
      </c>
      <c r="JU14" s="351">
        <v>0</v>
      </c>
      <c r="JV14" s="345">
        <v>631857</v>
      </c>
      <c r="JW14" s="345">
        <v>539215</v>
      </c>
      <c r="JX14" s="345">
        <v>1302514</v>
      </c>
      <c r="JY14" s="345">
        <v>1737814</v>
      </c>
      <c r="JZ14" s="345">
        <v>1073473</v>
      </c>
      <c r="KA14" s="349">
        <v>5284873</v>
      </c>
      <c r="KB14" s="347">
        <v>5284873</v>
      </c>
      <c r="KC14" s="352">
        <v>773820</v>
      </c>
      <c r="KD14" s="353">
        <v>1022795</v>
      </c>
      <c r="KE14" s="349">
        <v>1796615</v>
      </c>
      <c r="KF14" s="351">
        <v>0</v>
      </c>
      <c r="KG14" s="345">
        <v>8255507</v>
      </c>
      <c r="KH14" s="345">
        <v>10169992</v>
      </c>
      <c r="KI14" s="345">
        <v>12210846</v>
      </c>
      <c r="KJ14" s="345">
        <v>7603744</v>
      </c>
      <c r="KK14" s="345">
        <v>3990527</v>
      </c>
      <c r="KL14" s="349">
        <v>42230616</v>
      </c>
      <c r="KM14" s="354">
        <v>44027231</v>
      </c>
      <c r="KN14" s="342">
        <v>0</v>
      </c>
      <c r="KO14" s="343">
        <v>0</v>
      </c>
      <c r="KP14" s="344">
        <v>0</v>
      </c>
      <c r="KQ14" s="413">
        <v>0</v>
      </c>
      <c r="KR14" s="345">
        <v>17749404</v>
      </c>
      <c r="KS14" s="345">
        <v>17150615</v>
      </c>
      <c r="KT14" s="345">
        <v>26639653</v>
      </c>
      <c r="KU14" s="345">
        <v>15883289</v>
      </c>
      <c r="KV14" s="345">
        <v>12378753</v>
      </c>
      <c r="KW14" s="349">
        <v>89801714</v>
      </c>
      <c r="KX14" s="347">
        <v>89801714</v>
      </c>
      <c r="KY14" s="348">
        <v>0</v>
      </c>
      <c r="KZ14" s="345">
        <v>0</v>
      </c>
      <c r="LA14" s="349">
        <v>0</v>
      </c>
      <c r="LB14" s="413">
        <v>0</v>
      </c>
      <c r="LC14" s="345">
        <v>168565</v>
      </c>
      <c r="LD14" s="345">
        <v>1880009</v>
      </c>
      <c r="LE14" s="345">
        <v>3395977</v>
      </c>
      <c r="LF14" s="345">
        <v>2352965</v>
      </c>
      <c r="LG14" s="345">
        <v>2207689</v>
      </c>
      <c r="LH14" s="349">
        <v>10005205</v>
      </c>
      <c r="LI14" s="350">
        <v>10005205</v>
      </c>
      <c r="LJ14" s="348">
        <v>0</v>
      </c>
      <c r="LK14" s="345">
        <v>0</v>
      </c>
      <c r="LL14" s="349">
        <v>0</v>
      </c>
      <c r="LM14" s="413">
        <v>0</v>
      </c>
      <c r="LN14" s="345">
        <v>0</v>
      </c>
      <c r="LO14" s="345">
        <v>241350</v>
      </c>
      <c r="LP14" s="345">
        <v>3457998</v>
      </c>
      <c r="LQ14" s="345">
        <v>6849934</v>
      </c>
      <c r="LR14" s="345">
        <v>1317222</v>
      </c>
      <c r="LS14" s="349">
        <v>11866504</v>
      </c>
      <c r="LT14" s="347">
        <v>11866504</v>
      </c>
      <c r="LU14" s="348">
        <v>0</v>
      </c>
      <c r="LV14" s="345">
        <v>0</v>
      </c>
      <c r="LW14" s="349">
        <v>0</v>
      </c>
      <c r="LX14" s="413">
        <v>0</v>
      </c>
      <c r="LY14" s="345">
        <v>2338865</v>
      </c>
      <c r="LZ14" s="345">
        <v>4288464</v>
      </c>
      <c r="MA14" s="345">
        <v>4934722</v>
      </c>
      <c r="MB14" s="345">
        <v>4492874</v>
      </c>
      <c r="MC14" s="345">
        <v>2971688</v>
      </c>
      <c r="MD14" s="349">
        <v>19026613</v>
      </c>
      <c r="ME14" s="350">
        <v>19026613</v>
      </c>
      <c r="MF14" s="348">
        <v>0</v>
      </c>
      <c r="MG14" s="345">
        <v>0</v>
      </c>
      <c r="MH14" s="349">
        <v>0</v>
      </c>
      <c r="MI14" s="413">
        <v>0</v>
      </c>
      <c r="MJ14" s="345">
        <v>15899476</v>
      </c>
      <c r="MK14" s="345">
        <v>41212775</v>
      </c>
      <c r="ML14" s="345">
        <v>146838969</v>
      </c>
      <c r="MM14" s="345">
        <v>183537103</v>
      </c>
      <c r="MN14" s="345">
        <v>110798751</v>
      </c>
      <c r="MO14" s="349">
        <v>498287074</v>
      </c>
      <c r="MP14" s="354">
        <v>498287074</v>
      </c>
      <c r="MQ14" s="348">
        <v>0</v>
      </c>
      <c r="MR14" s="345">
        <v>0</v>
      </c>
      <c r="MS14" s="349">
        <v>0</v>
      </c>
      <c r="MT14" s="413">
        <v>0</v>
      </c>
      <c r="MU14" s="345">
        <v>2391921</v>
      </c>
      <c r="MV14" s="345">
        <v>15300599</v>
      </c>
      <c r="MW14" s="345">
        <v>104929023</v>
      </c>
      <c r="MX14" s="345">
        <v>130613816</v>
      </c>
      <c r="MY14" s="345">
        <v>79343433</v>
      </c>
      <c r="MZ14" s="349">
        <v>332578792</v>
      </c>
      <c r="NA14" s="354">
        <v>332578792</v>
      </c>
      <c r="NB14" s="348">
        <v>0</v>
      </c>
      <c r="NC14" s="345">
        <v>0</v>
      </c>
      <c r="ND14" s="349">
        <v>0</v>
      </c>
      <c r="NE14" s="413">
        <v>0</v>
      </c>
      <c r="NF14" s="345">
        <v>13476343</v>
      </c>
      <c r="NG14" s="345">
        <v>25912176</v>
      </c>
      <c r="NH14" s="345">
        <v>41515881</v>
      </c>
      <c r="NI14" s="345">
        <v>50075130</v>
      </c>
      <c r="NJ14" s="345">
        <v>26985699</v>
      </c>
      <c r="NK14" s="349">
        <v>157965229</v>
      </c>
      <c r="NL14" s="347">
        <v>157965229</v>
      </c>
      <c r="NM14" s="348">
        <v>0</v>
      </c>
      <c r="NN14" s="345">
        <v>0</v>
      </c>
      <c r="NO14" s="349">
        <v>0</v>
      </c>
      <c r="NP14" s="413">
        <v>0</v>
      </c>
      <c r="NQ14" s="345">
        <v>0</v>
      </c>
      <c r="NR14" s="345">
        <v>0</v>
      </c>
      <c r="NS14" s="345">
        <v>0</v>
      </c>
      <c r="NT14" s="345">
        <v>0</v>
      </c>
      <c r="NU14" s="345">
        <v>0</v>
      </c>
      <c r="NV14" s="349">
        <v>0</v>
      </c>
      <c r="NW14" s="350">
        <v>0</v>
      </c>
      <c r="NX14" s="348">
        <v>0</v>
      </c>
      <c r="NY14" s="345">
        <v>0</v>
      </c>
      <c r="NZ14" s="349">
        <v>0</v>
      </c>
      <c r="OA14" s="413">
        <v>0</v>
      </c>
      <c r="OB14" s="345">
        <v>31212</v>
      </c>
      <c r="OC14" s="345">
        <v>0</v>
      </c>
      <c r="OD14" s="345">
        <v>394065</v>
      </c>
      <c r="OE14" s="345">
        <v>2848157</v>
      </c>
      <c r="OF14" s="345">
        <v>4469619</v>
      </c>
      <c r="OG14" s="349">
        <v>7743053</v>
      </c>
      <c r="OH14" s="350">
        <v>7743053</v>
      </c>
      <c r="OI14" s="348">
        <v>15996998</v>
      </c>
      <c r="OJ14" s="345">
        <v>19309550</v>
      </c>
      <c r="OK14" s="346">
        <v>35306548</v>
      </c>
      <c r="OL14" s="351">
        <v>0</v>
      </c>
      <c r="OM14" s="345">
        <v>237981410</v>
      </c>
      <c r="ON14" s="345">
        <v>332384862</v>
      </c>
      <c r="OO14" s="345">
        <v>420836896</v>
      </c>
      <c r="OP14" s="345">
        <v>418089872</v>
      </c>
      <c r="OQ14" s="345">
        <v>283514501</v>
      </c>
      <c r="OR14" s="349">
        <v>1692807541</v>
      </c>
      <c r="OS14" s="354">
        <v>1728114089</v>
      </c>
    </row>
    <row r="15" spans="1:409" s="70" customFormat="1" ht="21" customHeight="1" x14ac:dyDescent="0.2">
      <c r="B15" s="410" t="s">
        <v>9</v>
      </c>
      <c r="C15" s="326">
        <v>12107892</v>
      </c>
      <c r="D15" s="327">
        <v>15561215</v>
      </c>
      <c r="E15" s="328">
        <v>27669107</v>
      </c>
      <c r="F15" s="332">
        <v>0</v>
      </c>
      <c r="G15" s="327">
        <v>161092714</v>
      </c>
      <c r="H15" s="327">
        <v>160975221</v>
      </c>
      <c r="I15" s="327">
        <v>164133984</v>
      </c>
      <c r="J15" s="327">
        <v>171972105</v>
      </c>
      <c r="K15" s="327">
        <v>130951813</v>
      </c>
      <c r="L15" s="329">
        <v>789125837</v>
      </c>
      <c r="M15" s="330">
        <v>816794944</v>
      </c>
      <c r="N15" s="326">
        <v>2517275</v>
      </c>
      <c r="O15" s="327">
        <v>3741725</v>
      </c>
      <c r="P15" s="328">
        <v>6259000</v>
      </c>
      <c r="Q15" s="326">
        <v>0</v>
      </c>
      <c r="R15" s="327">
        <v>44322895</v>
      </c>
      <c r="S15" s="327">
        <v>53868523</v>
      </c>
      <c r="T15" s="327">
        <v>57701398</v>
      </c>
      <c r="U15" s="327">
        <v>72621616</v>
      </c>
      <c r="V15" s="327">
        <v>67909850</v>
      </c>
      <c r="W15" s="328">
        <v>296424282</v>
      </c>
      <c r="X15" s="330">
        <v>302683282</v>
      </c>
      <c r="Y15" s="326">
        <v>0</v>
      </c>
      <c r="Z15" s="327">
        <v>0</v>
      </c>
      <c r="AA15" s="328">
        <v>0</v>
      </c>
      <c r="AB15" s="326">
        <v>0</v>
      </c>
      <c r="AC15" s="327">
        <v>20867545</v>
      </c>
      <c r="AD15" s="327">
        <v>27776591</v>
      </c>
      <c r="AE15" s="327">
        <v>34941937</v>
      </c>
      <c r="AF15" s="327">
        <v>46752759</v>
      </c>
      <c r="AG15" s="327">
        <v>41033748</v>
      </c>
      <c r="AH15" s="328">
        <v>171372580</v>
      </c>
      <c r="AI15" s="330">
        <v>171372580</v>
      </c>
      <c r="AJ15" s="326">
        <v>0</v>
      </c>
      <c r="AK15" s="327">
        <v>0</v>
      </c>
      <c r="AL15" s="328">
        <v>0</v>
      </c>
      <c r="AM15" s="326">
        <v>0</v>
      </c>
      <c r="AN15" s="327">
        <v>64276</v>
      </c>
      <c r="AO15" s="327">
        <v>320180</v>
      </c>
      <c r="AP15" s="327">
        <v>1062107</v>
      </c>
      <c r="AQ15" s="327">
        <v>2722145</v>
      </c>
      <c r="AR15" s="327">
        <v>6216600</v>
      </c>
      <c r="AS15" s="328">
        <v>10385308</v>
      </c>
      <c r="AT15" s="330">
        <v>10385308</v>
      </c>
      <c r="AU15" s="326">
        <v>1473676</v>
      </c>
      <c r="AV15" s="327">
        <v>2742825</v>
      </c>
      <c r="AW15" s="328">
        <v>4216501</v>
      </c>
      <c r="AX15" s="326">
        <v>0</v>
      </c>
      <c r="AY15" s="327">
        <v>14499117</v>
      </c>
      <c r="AZ15" s="327">
        <v>16053365</v>
      </c>
      <c r="BA15" s="327">
        <v>11548882</v>
      </c>
      <c r="BB15" s="327">
        <v>12855047</v>
      </c>
      <c r="BC15" s="327">
        <v>12747999</v>
      </c>
      <c r="BD15" s="328">
        <v>67704410</v>
      </c>
      <c r="BE15" s="330">
        <v>71920911</v>
      </c>
      <c r="BF15" s="326">
        <v>11665</v>
      </c>
      <c r="BG15" s="327">
        <v>249411</v>
      </c>
      <c r="BH15" s="331">
        <v>261076</v>
      </c>
      <c r="BI15" s="332">
        <v>0</v>
      </c>
      <c r="BJ15" s="327">
        <v>1154748</v>
      </c>
      <c r="BK15" s="327">
        <v>1532127</v>
      </c>
      <c r="BL15" s="327">
        <v>987983</v>
      </c>
      <c r="BM15" s="327">
        <v>827603</v>
      </c>
      <c r="BN15" s="327">
        <v>894654</v>
      </c>
      <c r="BO15" s="328">
        <v>5397115</v>
      </c>
      <c r="BP15" s="330">
        <v>5658191</v>
      </c>
      <c r="BQ15" s="326">
        <v>1031934</v>
      </c>
      <c r="BR15" s="327">
        <v>749489</v>
      </c>
      <c r="BS15" s="328">
        <v>1781423</v>
      </c>
      <c r="BT15" s="326">
        <v>0</v>
      </c>
      <c r="BU15" s="327">
        <v>7737209</v>
      </c>
      <c r="BV15" s="327">
        <v>8186260</v>
      </c>
      <c r="BW15" s="327">
        <v>9160489</v>
      </c>
      <c r="BX15" s="327">
        <v>9464062</v>
      </c>
      <c r="BY15" s="327">
        <v>7016849</v>
      </c>
      <c r="BZ15" s="328">
        <v>41564869</v>
      </c>
      <c r="CA15" s="330">
        <v>43346292</v>
      </c>
      <c r="CB15" s="326">
        <v>1210189</v>
      </c>
      <c r="CC15" s="327">
        <v>2932267</v>
      </c>
      <c r="CD15" s="328">
        <v>4142456</v>
      </c>
      <c r="CE15" s="326">
        <v>0</v>
      </c>
      <c r="CF15" s="327">
        <v>33100466</v>
      </c>
      <c r="CG15" s="327">
        <v>33776095</v>
      </c>
      <c r="CH15" s="327">
        <v>31299396</v>
      </c>
      <c r="CI15" s="327">
        <v>21173548</v>
      </c>
      <c r="CJ15" s="327">
        <v>8130832</v>
      </c>
      <c r="CK15" s="328">
        <v>127480337</v>
      </c>
      <c r="CL15" s="330">
        <v>131622793</v>
      </c>
      <c r="CM15" s="326">
        <v>0</v>
      </c>
      <c r="CN15" s="327">
        <v>0</v>
      </c>
      <c r="CO15" s="328">
        <v>0</v>
      </c>
      <c r="CP15" s="332">
        <v>0</v>
      </c>
      <c r="CQ15" s="327">
        <v>26999018</v>
      </c>
      <c r="CR15" s="327">
        <v>26038657</v>
      </c>
      <c r="CS15" s="327">
        <v>24960220</v>
      </c>
      <c r="CT15" s="327">
        <v>14948041</v>
      </c>
      <c r="CU15" s="327">
        <v>6115379</v>
      </c>
      <c r="CV15" s="328">
        <v>99061315</v>
      </c>
      <c r="CW15" s="330">
        <v>99061315</v>
      </c>
      <c r="CX15" s="326">
        <v>1210189</v>
      </c>
      <c r="CY15" s="327">
        <v>2932267</v>
      </c>
      <c r="CZ15" s="328">
        <v>4142456</v>
      </c>
      <c r="DA15" s="326">
        <v>0</v>
      </c>
      <c r="DB15" s="327">
        <v>6101448</v>
      </c>
      <c r="DC15" s="327">
        <v>7737438</v>
      </c>
      <c r="DD15" s="327">
        <v>6339176</v>
      </c>
      <c r="DE15" s="327">
        <v>6225507</v>
      </c>
      <c r="DF15" s="327">
        <v>2015453</v>
      </c>
      <c r="DG15" s="328">
        <v>28419022</v>
      </c>
      <c r="DH15" s="330">
        <v>32561478</v>
      </c>
      <c r="DI15" s="326">
        <v>27556</v>
      </c>
      <c r="DJ15" s="327">
        <v>86378</v>
      </c>
      <c r="DK15" s="331">
        <v>113934</v>
      </c>
      <c r="DL15" s="332">
        <v>0</v>
      </c>
      <c r="DM15" s="327">
        <v>4249731</v>
      </c>
      <c r="DN15" s="327">
        <v>8510280</v>
      </c>
      <c r="DO15" s="327">
        <v>14956184</v>
      </c>
      <c r="DP15" s="327">
        <v>14078769</v>
      </c>
      <c r="DQ15" s="327">
        <v>7464174</v>
      </c>
      <c r="DR15" s="328">
        <v>49259138</v>
      </c>
      <c r="DS15" s="330">
        <v>49373072</v>
      </c>
      <c r="DT15" s="326">
        <v>27556</v>
      </c>
      <c r="DU15" s="327">
        <v>86378</v>
      </c>
      <c r="DV15" s="328">
        <v>113934</v>
      </c>
      <c r="DW15" s="326">
        <v>0</v>
      </c>
      <c r="DX15" s="327">
        <v>3502176</v>
      </c>
      <c r="DY15" s="327">
        <v>7724724</v>
      </c>
      <c r="DZ15" s="327">
        <v>12983966</v>
      </c>
      <c r="EA15" s="327">
        <v>12519491</v>
      </c>
      <c r="EB15" s="327">
        <v>5460295</v>
      </c>
      <c r="EC15" s="328">
        <v>42190652</v>
      </c>
      <c r="ED15" s="330">
        <v>42304586</v>
      </c>
      <c r="EE15" s="326">
        <v>0</v>
      </c>
      <c r="EF15" s="331">
        <v>0</v>
      </c>
      <c r="EG15" s="328">
        <v>0</v>
      </c>
      <c r="EH15" s="326">
        <v>0</v>
      </c>
      <c r="EI15" s="327">
        <v>747555</v>
      </c>
      <c r="EJ15" s="327">
        <v>785556</v>
      </c>
      <c r="EK15" s="327">
        <v>1972218</v>
      </c>
      <c r="EL15" s="327">
        <v>1559278</v>
      </c>
      <c r="EM15" s="327">
        <v>2003879</v>
      </c>
      <c r="EN15" s="331">
        <v>7068486</v>
      </c>
      <c r="EO15" s="330">
        <v>7068486</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2972092</v>
      </c>
      <c r="FM15" s="327">
        <v>3965500</v>
      </c>
      <c r="FN15" s="328">
        <v>6937592</v>
      </c>
      <c r="FO15" s="326">
        <v>0</v>
      </c>
      <c r="FP15" s="327">
        <v>10401694</v>
      </c>
      <c r="FQ15" s="327">
        <v>14552073</v>
      </c>
      <c r="FR15" s="327">
        <v>11722347</v>
      </c>
      <c r="FS15" s="327">
        <v>12003492</v>
      </c>
      <c r="FT15" s="327">
        <v>9296050</v>
      </c>
      <c r="FU15" s="328">
        <v>57975656</v>
      </c>
      <c r="FV15" s="330">
        <v>64913248</v>
      </c>
      <c r="FW15" s="333">
        <v>1739513</v>
      </c>
      <c r="FX15" s="327">
        <v>2531570</v>
      </c>
      <c r="FY15" s="331">
        <v>4271083</v>
      </c>
      <c r="FZ15" s="332">
        <v>0</v>
      </c>
      <c r="GA15" s="327">
        <v>7871128</v>
      </c>
      <c r="GB15" s="327">
        <v>13598035</v>
      </c>
      <c r="GC15" s="327">
        <v>10914498</v>
      </c>
      <c r="GD15" s="327">
        <v>11474949</v>
      </c>
      <c r="GE15" s="327">
        <v>8960884</v>
      </c>
      <c r="GF15" s="328">
        <v>52819494</v>
      </c>
      <c r="GG15" s="334">
        <v>57090577</v>
      </c>
      <c r="GH15" s="333">
        <v>258915</v>
      </c>
      <c r="GI15" s="327">
        <v>240640</v>
      </c>
      <c r="GJ15" s="331">
        <v>499555</v>
      </c>
      <c r="GK15" s="332">
        <v>0</v>
      </c>
      <c r="GL15" s="327">
        <v>638863</v>
      </c>
      <c r="GM15" s="327">
        <v>525288</v>
      </c>
      <c r="GN15" s="327">
        <v>236049</v>
      </c>
      <c r="GO15" s="327">
        <v>444523</v>
      </c>
      <c r="GP15" s="327">
        <v>107316</v>
      </c>
      <c r="GQ15" s="328">
        <v>1952039</v>
      </c>
      <c r="GR15" s="330">
        <v>2451594</v>
      </c>
      <c r="GS15" s="326">
        <v>973664</v>
      </c>
      <c r="GT15" s="327">
        <v>1193290</v>
      </c>
      <c r="GU15" s="328">
        <v>2166954</v>
      </c>
      <c r="GV15" s="326">
        <v>0</v>
      </c>
      <c r="GW15" s="327">
        <v>1891703</v>
      </c>
      <c r="GX15" s="327">
        <v>428750</v>
      </c>
      <c r="GY15" s="327">
        <v>571800</v>
      </c>
      <c r="GZ15" s="327">
        <v>84020</v>
      </c>
      <c r="HA15" s="327">
        <v>227850</v>
      </c>
      <c r="HB15" s="331">
        <v>3204123</v>
      </c>
      <c r="HC15" s="330">
        <v>5371077</v>
      </c>
      <c r="HD15" s="326">
        <v>3215830</v>
      </c>
      <c r="HE15" s="327">
        <v>2180972</v>
      </c>
      <c r="HF15" s="331">
        <v>5396802</v>
      </c>
      <c r="HG15" s="332">
        <v>0</v>
      </c>
      <c r="HH15" s="327">
        <v>41790247</v>
      </c>
      <c r="HI15" s="327">
        <v>29859275</v>
      </c>
      <c r="HJ15" s="327">
        <v>34005820</v>
      </c>
      <c r="HK15" s="327">
        <v>40522667</v>
      </c>
      <c r="HL15" s="327">
        <v>31164450</v>
      </c>
      <c r="HM15" s="328">
        <v>177342459</v>
      </c>
      <c r="HN15" s="329">
        <v>182739261</v>
      </c>
      <c r="HO15" s="333">
        <v>2164950</v>
      </c>
      <c r="HP15" s="327">
        <v>2654373</v>
      </c>
      <c r="HQ15" s="328">
        <v>4819323</v>
      </c>
      <c r="HR15" s="326">
        <v>0</v>
      </c>
      <c r="HS15" s="327">
        <v>27227681</v>
      </c>
      <c r="HT15" s="327">
        <v>20408975</v>
      </c>
      <c r="HU15" s="327">
        <v>14448839</v>
      </c>
      <c r="HV15" s="327">
        <v>11572013</v>
      </c>
      <c r="HW15" s="327">
        <v>6986457</v>
      </c>
      <c r="HX15" s="331">
        <v>80643965</v>
      </c>
      <c r="HY15" s="330">
        <v>85463288</v>
      </c>
      <c r="HZ15" s="360">
        <v>297670</v>
      </c>
      <c r="IA15" s="361">
        <v>456971</v>
      </c>
      <c r="IB15" s="362">
        <v>754641</v>
      </c>
      <c r="IC15" s="338">
        <v>0</v>
      </c>
      <c r="ID15" s="336">
        <v>35101102</v>
      </c>
      <c r="IE15" s="339">
        <v>43537961</v>
      </c>
      <c r="IF15" s="337">
        <v>46040802</v>
      </c>
      <c r="IG15" s="336">
        <v>44414863</v>
      </c>
      <c r="IH15" s="337">
        <v>26992089</v>
      </c>
      <c r="II15" s="340">
        <v>196086817</v>
      </c>
      <c r="IJ15" s="363">
        <v>196841458</v>
      </c>
      <c r="IK15" s="342">
        <v>0</v>
      </c>
      <c r="IL15" s="343">
        <v>0</v>
      </c>
      <c r="IM15" s="344">
        <v>0</v>
      </c>
      <c r="IN15" s="404">
        <v>0</v>
      </c>
      <c r="IO15" s="345">
        <v>0</v>
      </c>
      <c r="IP15" s="345">
        <v>355360</v>
      </c>
      <c r="IQ15" s="345">
        <v>398931</v>
      </c>
      <c r="IR15" s="345">
        <v>1710744</v>
      </c>
      <c r="IS15" s="345">
        <v>1839752</v>
      </c>
      <c r="IT15" s="346">
        <v>4304787</v>
      </c>
      <c r="IU15" s="347">
        <v>4304787</v>
      </c>
      <c r="IV15" s="348">
        <v>0</v>
      </c>
      <c r="IW15" s="345">
        <v>0</v>
      </c>
      <c r="IX15" s="349">
        <v>0</v>
      </c>
      <c r="IY15" s="413">
        <v>0</v>
      </c>
      <c r="IZ15" s="345">
        <v>0</v>
      </c>
      <c r="JA15" s="345">
        <v>0</v>
      </c>
      <c r="JB15" s="345">
        <v>0</v>
      </c>
      <c r="JC15" s="345">
        <v>0</v>
      </c>
      <c r="JD15" s="345">
        <v>0</v>
      </c>
      <c r="JE15" s="349">
        <v>0</v>
      </c>
      <c r="JF15" s="350">
        <v>0</v>
      </c>
      <c r="JG15" s="348">
        <v>0</v>
      </c>
      <c r="JH15" s="345">
        <v>0</v>
      </c>
      <c r="JI15" s="346">
        <v>0</v>
      </c>
      <c r="JJ15" s="351">
        <v>0</v>
      </c>
      <c r="JK15" s="345">
        <v>17840396</v>
      </c>
      <c r="JL15" s="345">
        <v>16094352</v>
      </c>
      <c r="JM15" s="345">
        <v>11583753</v>
      </c>
      <c r="JN15" s="345">
        <v>10395523</v>
      </c>
      <c r="JO15" s="345">
        <v>5589178</v>
      </c>
      <c r="JP15" s="349">
        <v>61503202</v>
      </c>
      <c r="JQ15" s="347">
        <v>61503202</v>
      </c>
      <c r="JR15" s="348">
        <v>0</v>
      </c>
      <c r="JS15" s="345">
        <v>0</v>
      </c>
      <c r="JT15" s="346">
        <v>0</v>
      </c>
      <c r="JU15" s="351">
        <v>0</v>
      </c>
      <c r="JV15" s="345">
        <v>829703</v>
      </c>
      <c r="JW15" s="345">
        <v>669493</v>
      </c>
      <c r="JX15" s="345">
        <v>1748838</v>
      </c>
      <c r="JY15" s="345">
        <v>0</v>
      </c>
      <c r="JZ15" s="345">
        <v>598723</v>
      </c>
      <c r="KA15" s="349">
        <v>3846757</v>
      </c>
      <c r="KB15" s="347">
        <v>3846757</v>
      </c>
      <c r="KC15" s="352">
        <v>297670</v>
      </c>
      <c r="KD15" s="353">
        <v>456971</v>
      </c>
      <c r="KE15" s="349">
        <v>754641</v>
      </c>
      <c r="KF15" s="351">
        <v>0</v>
      </c>
      <c r="KG15" s="345">
        <v>5255933</v>
      </c>
      <c r="KH15" s="345">
        <v>7957298</v>
      </c>
      <c r="KI15" s="345">
        <v>6425703</v>
      </c>
      <c r="KJ15" s="345">
        <v>6741495</v>
      </c>
      <c r="KK15" s="345">
        <v>4590693</v>
      </c>
      <c r="KL15" s="349">
        <v>30971122</v>
      </c>
      <c r="KM15" s="354">
        <v>31725763</v>
      </c>
      <c r="KN15" s="342">
        <v>0</v>
      </c>
      <c r="KO15" s="343">
        <v>0</v>
      </c>
      <c r="KP15" s="344">
        <v>0</v>
      </c>
      <c r="KQ15" s="413">
        <v>0</v>
      </c>
      <c r="KR15" s="345">
        <v>9891029</v>
      </c>
      <c r="KS15" s="345">
        <v>16195409</v>
      </c>
      <c r="KT15" s="345">
        <v>22295015</v>
      </c>
      <c r="KU15" s="345">
        <v>19749033</v>
      </c>
      <c r="KV15" s="345">
        <v>8590760</v>
      </c>
      <c r="KW15" s="349">
        <v>76721246</v>
      </c>
      <c r="KX15" s="347">
        <v>76721246</v>
      </c>
      <c r="KY15" s="348">
        <v>0</v>
      </c>
      <c r="KZ15" s="345">
        <v>0</v>
      </c>
      <c r="LA15" s="349">
        <v>0</v>
      </c>
      <c r="LB15" s="413">
        <v>0</v>
      </c>
      <c r="LC15" s="345">
        <v>211856</v>
      </c>
      <c r="LD15" s="345">
        <v>741036</v>
      </c>
      <c r="LE15" s="345">
        <v>1300422</v>
      </c>
      <c r="LF15" s="345">
        <v>1968840</v>
      </c>
      <c r="LG15" s="345">
        <v>1015278</v>
      </c>
      <c r="LH15" s="349">
        <v>5237432</v>
      </c>
      <c r="LI15" s="350">
        <v>5237432</v>
      </c>
      <c r="LJ15" s="348">
        <v>0</v>
      </c>
      <c r="LK15" s="345">
        <v>0</v>
      </c>
      <c r="LL15" s="349">
        <v>0</v>
      </c>
      <c r="LM15" s="413">
        <v>0</v>
      </c>
      <c r="LN15" s="345">
        <v>0</v>
      </c>
      <c r="LO15" s="345">
        <v>0</v>
      </c>
      <c r="LP15" s="345">
        <v>0</v>
      </c>
      <c r="LQ15" s="345">
        <v>0</v>
      </c>
      <c r="LR15" s="345">
        <v>359008</v>
      </c>
      <c r="LS15" s="349">
        <v>359008</v>
      </c>
      <c r="LT15" s="347">
        <v>359008</v>
      </c>
      <c r="LU15" s="348">
        <v>0</v>
      </c>
      <c r="LV15" s="345">
        <v>0</v>
      </c>
      <c r="LW15" s="349">
        <v>0</v>
      </c>
      <c r="LX15" s="413">
        <v>0</v>
      </c>
      <c r="LY15" s="345">
        <v>1072185</v>
      </c>
      <c r="LZ15" s="345">
        <v>1525013</v>
      </c>
      <c r="MA15" s="345">
        <v>2288140</v>
      </c>
      <c r="MB15" s="345">
        <v>3849228</v>
      </c>
      <c r="MC15" s="345">
        <v>4408697</v>
      </c>
      <c r="MD15" s="349">
        <v>13143263</v>
      </c>
      <c r="ME15" s="350">
        <v>13143263</v>
      </c>
      <c r="MF15" s="348">
        <v>0</v>
      </c>
      <c r="MG15" s="345">
        <v>0</v>
      </c>
      <c r="MH15" s="349">
        <v>0</v>
      </c>
      <c r="MI15" s="413">
        <v>0</v>
      </c>
      <c r="MJ15" s="345">
        <v>10695141</v>
      </c>
      <c r="MK15" s="345">
        <v>16922645</v>
      </c>
      <c r="ML15" s="345">
        <v>99055481</v>
      </c>
      <c r="MM15" s="345">
        <v>139333096</v>
      </c>
      <c r="MN15" s="345">
        <v>114657944</v>
      </c>
      <c r="MO15" s="349">
        <v>380664307</v>
      </c>
      <c r="MP15" s="354">
        <v>380664307</v>
      </c>
      <c r="MQ15" s="348">
        <v>0</v>
      </c>
      <c r="MR15" s="345">
        <v>0</v>
      </c>
      <c r="MS15" s="349">
        <v>0</v>
      </c>
      <c r="MT15" s="413">
        <v>0</v>
      </c>
      <c r="MU15" s="345">
        <v>499238</v>
      </c>
      <c r="MV15" s="345">
        <v>2044560</v>
      </c>
      <c r="MW15" s="345">
        <v>62736762</v>
      </c>
      <c r="MX15" s="345">
        <v>98721228</v>
      </c>
      <c r="MY15" s="345">
        <v>85980580</v>
      </c>
      <c r="MZ15" s="349">
        <v>249982368</v>
      </c>
      <c r="NA15" s="354">
        <v>249982368</v>
      </c>
      <c r="NB15" s="348">
        <v>0</v>
      </c>
      <c r="NC15" s="345">
        <v>0</v>
      </c>
      <c r="ND15" s="349">
        <v>0</v>
      </c>
      <c r="NE15" s="413">
        <v>0</v>
      </c>
      <c r="NF15" s="345">
        <v>10195903</v>
      </c>
      <c r="NG15" s="345">
        <v>14878085</v>
      </c>
      <c r="NH15" s="345">
        <v>36318719</v>
      </c>
      <c r="NI15" s="345">
        <v>39057033</v>
      </c>
      <c r="NJ15" s="345">
        <v>24900926</v>
      </c>
      <c r="NK15" s="349">
        <v>125350666</v>
      </c>
      <c r="NL15" s="347">
        <v>125350666</v>
      </c>
      <c r="NM15" s="348">
        <v>0</v>
      </c>
      <c r="NN15" s="345">
        <v>0</v>
      </c>
      <c r="NO15" s="349">
        <v>0</v>
      </c>
      <c r="NP15" s="413">
        <v>0</v>
      </c>
      <c r="NQ15" s="345">
        <v>0</v>
      </c>
      <c r="NR15" s="345">
        <v>0</v>
      </c>
      <c r="NS15" s="345">
        <v>0</v>
      </c>
      <c r="NT15" s="345">
        <v>0</v>
      </c>
      <c r="NU15" s="345">
        <v>0</v>
      </c>
      <c r="NV15" s="349">
        <v>0</v>
      </c>
      <c r="NW15" s="350">
        <v>0</v>
      </c>
      <c r="NX15" s="348">
        <v>0</v>
      </c>
      <c r="NY15" s="345">
        <v>0</v>
      </c>
      <c r="NZ15" s="349">
        <v>0</v>
      </c>
      <c r="OA15" s="413">
        <v>0</v>
      </c>
      <c r="OB15" s="345">
        <v>0</v>
      </c>
      <c r="OC15" s="345">
        <v>0</v>
      </c>
      <c r="OD15" s="345">
        <v>0</v>
      </c>
      <c r="OE15" s="345">
        <v>1554835</v>
      </c>
      <c r="OF15" s="345">
        <v>3776438</v>
      </c>
      <c r="OG15" s="349">
        <v>5331273</v>
      </c>
      <c r="OH15" s="350">
        <v>5331273</v>
      </c>
      <c r="OI15" s="348">
        <v>12405562</v>
      </c>
      <c r="OJ15" s="345">
        <v>16018186</v>
      </c>
      <c r="OK15" s="346">
        <v>28423748</v>
      </c>
      <c r="OL15" s="351">
        <v>0</v>
      </c>
      <c r="OM15" s="345">
        <v>206888957</v>
      </c>
      <c r="ON15" s="345">
        <v>221435827</v>
      </c>
      <c r="OO15" s="345">
        <v>309230267</v>
      </c>
      <c r="OP15" s="345">
        <v>355720064</v>
      </c>
      <c r="OQ15" s="345">
        <v>272601846</v>
      </c>
      <c r="OR15" s="349">
        <v>1365876961</v>
      </c>
      <c r="OS15" s="354">
        <v>1394300709</v>
      </c>
    </row>
    <row r="16" spans="1:409" s="70" customFormat="1" ht="21" customHeight="1" x14ac:dyDescent="0.2">
      <c r="B16" s="410" t="s">
        <v>10</v>
      </c>
      <c r="C16" s="326">
        <v>27460346</v>
      </c>
      <c r="D16" s="327">
        <v>41421817</v>
      </c>
      <c r="E16" s="328">
        <v>68882163</v>
      </c>
      <c r="F16" s="364">
        <v>0</v>
      </c>
      <c r="G16" s="327">
        <v>362468610</v>
      </c>
      <c r="H16" s="327">
        <v>296472431</v>
      </c>
      <c r="I16" s="327">
        <v>267908115</v>
      </c>
      <c r="J16" s="327">
        <v>270306206</v>
      </c>
      <c r="K16" s="327">
        <v>201703892</v>
      </c>
      <c r="L16" s="329">
        <v>1398859254</v>
      </c>
      <c r="M16" s="330">
        <v>1467741417</v>
      </c>
      <c r="N16" s="326">
        <v>7286162</v>
      </c>
      <c r="O16" s="327">
        <v>12787605</v>
      </c>
      <c r="P16" s="328">
        <v>20073767</v>
      </c>
      <c r="Q16" s="326">
        <v>0</v>
      </c>
      <c r="R16" s="327">
        <v>112946168</v>
      </c>
      <c r="S16" s="327">
        <v>97334538</v>
      </c>
      <c r="T16" s="327">
        <v>102599794</v>
      </c>
      <c r="U16" s="327">
        <v>121177809</v>
      </c>
      <c r="V16" s="327">
        <v>109443107</v>
      </c>
      <c r="W16" s="328">
        <v>543501416</v>
      </c>
      <c r="X16" s="330">
        <v>563575183</v>
      </c>
      <c r="Y16" s="326">
        <v>0</v>
      </c>
      <c r="Z16" s="327">
        <v>0</v>
      </c>
      <c r="AA16" s="328">
        <v>0</v>
      </c>
      <c r="AB16" s="326">
        <v>0</v>
      </c>
      <c r="AC16" s="327">
        <v>53228833</v>
      </c>
      <c r="AD16" s="327">
        <v>51092879</v>
      </c>
      <c r="AE16" s="327">
        <v>65890746</v>
      </c>
      <c r="AF16" s="327">
        <v>81629943</v>
      </c>
      <c r="AG16" s="327">
        <v>65623097</v>
      </c>
      <c r="AH16" s="328">
        <v>317465498</v>
      </c>
      <c r="AI16" s="330">
        <v>317465498</v>
      </c>
      <c r="AJ16" s="326">
        <v>0</v>
      </c>
      <c r="AK16" s="327">
        <v>0</v>
      </c>
      <c r="AL16" s="328">
        <v>0</v>
      </c>
      <c r="AM16" s="326">
        <v>0</v>
      </c>
      <c r="AN16" s="327">
        <v>255411</v>
      </c>
      <c r="AO16" s="327">
        <v>1313630</v>
      </c>
      <c r="AP16" s="327">
        <v>2354382</v>
      </c>
      <c r="AQ16" s="327">
        <v>4867814</v>
      </c>
      <c r="AR16" s="327">
        <v>11343139</v>
      </c>
      <c r="AS16" s="328">
        <v>20134376</v>
      </c>
      <c r="AT16" s="330">
        <v>20134376</v>
      </c>
      <c r="AU16" s="326">
        <v>4214003</v>
      </c>
      <c r="AV16" s="327">
        <v>8488463</v>
      </c>
      <c r="AW16" s="328">
        <v>12702466</v>
      </c>
      <c r="AX16" s="326">
        <v>0</v>
      </c>
      <c r="AY16" s="327">
        <v>35880174</v>
      </c>
      <c r="AZ16" s="327">
        <v>25065835</v>
      </c>
      <c r="BA16" s="327">
        <v>16297634</v>
      </c>
      <c r="BB16" s="327">
        <v>16976227</v>
      </c>
      <c r="BC16" s="327">
        <v>17763126</v>
      </c>
      <c r="BD16" s="328">
        <v>111982996</v>
      </c>
      <c r="BE16" s="330">
        <v>124685462</v>
      </c>
      <c r="BF16" s="326">
        <v>461924</v>
      </c>
      <c r="BG16" s="327">
        <v>1360875</v>
      </c>
      <c r="BH16" s="331">
        <v>1822799</v>
      </c>
      <c r="BI16" s="332">
        <v>0</v>
      </c>
      <c r="BJ16" s="327">
        <v>3672467</v>
      </c>
      <c r="BK16" s="327">
        <v>2860333</v>
      </c>
      <c r="BL16" s="327">
        <v>2208667</v>
      </c>
      <c r="BM16" s="327">
        <v>1069488</v>
      </c>
      <c r="BN16" s="327">
        <v>1883981</v>
      </c>
      <c r="BO16" s="328">
        <v>11694936</v>
      </c>
      <c r="BP16" s="330">
        <v>13517735</v>
      </c>
      <c r="BQ16" s="326">
        <v>2610235</v>
      </c>
      <c r="BR16" s="327">
        <v>2938267</v>
      </c>
      <c r="BS16" s="328">
        <v>5548502</v>
      </c>
      <c r="BT16" s="326">
        <v>0</v>
      </c>
      <c r="BU16" s="327">
        <v>19909283</v>
      </c>
      <c r="BV16" s="327">
        <v>17001861</v>
      </c>
      <c r="BW16" s="327">
        <v>15848365</v>
      </c>
      <c r="BX16" s="327">
        <v>16634337</v>
      </c>
      <c r="BY16" s="327">
        <v>12829764</v>
      </c>
      <c r="BZ16" s="328">
        <v>82223610</v>
      </c>
      <c r="CA16" s="330">
        <v>87772112</v>
      </c>
      <c r="CB16" s="326">
        <v>1080882</v>
      </c>
      <c r="CC16" s="327">
        <v>3663652</v>
      </c>
      <c r="CD16" s="328">
        <v>4744534</v>
      </c>
      <c r="CE16" s="326">
        <v>0</v>
      </c>
      <c r="CF16" s="327">
        <v>108493134</v>
      </c>
      <c r="CG16" s="327">
        <v>78129016</v>
      </c>
      <c r="CH16" s="327">
        <v>55134984</v>
      </c>
      <c r="CI16" s="327">
        <v>33450750</v>
      </c>
      <c r="CJ16" s="327">
        <v>19534056</v>
      </c>
      <c r="CK16" s="328">
        <v>294741940</v>
      </c>
      <c r="CL16" s="330">
        <v>299486474</v>
      </c>
      <c r="CM16" s="326">
        <v>0</v>
      </c>
      <c r="CN16" s="327">
        <v>0</v>
      </c>
      <c r="CO16" s="328">
        <v>0</v>
      </c>
      <c r="CP16" s="332">
        <v>0</v>
      </c>
      <c r="CQ16" s="327">
        <v>94855764</v>
      </c>
      <c r="CR16" s="327">
        <v>64627109</v>
      </c>
      <c r="CS16" s="327">
        <v>45020666</v>
      </c>
      <c r="CT16" s="327">
        <v>27780033</v>
      </c>
      <c r="CU16" s="327">
        <v>16728245</v>
      </c>
      <c r="CV16" s="328">
        <v>249011817</v>
      </c>
      <c r="CW16" s="330">
        <v>249011817</v>
      </c>
      <c r="CX16" s="326">
        <v>1080882</v>
      </c>
      <c r="CY16" s="327">
        <v>3663652</v>
      </c>
      <c r="CZ16" s="328">
        <v>4744534</v>
      </c>
      <c r="DA16" s="326">
        <v>0</v>
      </c>
      <c r="DB16" s="327">
        <v>13637370</v>
      </c>
      <c r="DC16" s="327">
        <v>13501907</v>
      </c>
      <c r="DD16" s="327">
        <v>10114318</v>
      </c>
      <c r="DE16" s="327">
        <v>5670717</v>
      </c>
      <c r="DF16" s="327">
        <v>2805811</v>
      </c>
      <c r="DG16" s="328">
        <v>45730123</v>
      </c>
      <c r="DH16" s="330">
        <v>50474657</v>
      </c>
      <c r="DI16" s="326">
        <v>84501</v>
      </c>
      <c r="DJ16" s="327">
        <v>1050681</v>
      </c>
      <c r="DK16" s="331">
        <v>1135182</v>
      </c>
      <c r="DL16" s="332">
        <v>0</v>
      </c>
      <c r="DM16" s="327">
        <v>10755298</v>
      </c>
      <c r="DN16" s="327">
        <v>15097959</v>
      </c>
      <c r="DO16" s="327">
        <v>19882790</v>
      </c>
      <c r="DP16" s="327">
        <v>23317277</v>
      </c>
      <c r="DQ16" s="327">
        <v>11277864</v>
      </c>
      <c r="DR16" s="328">
        <v>80331188</v>
      </c>
      <c r="DS16" s="330">
        <v>81466370</v>
      </c>
      <c r="DT16" s="326">
        <v>84501</v>
      </c>
      <c r="DU16" s="327">
        <v>1050681</v>
      </c>
      <c r="DV16" s="328">
        <v>1135182</v>
      </c>
      <c r="DW16" s="326">
        <v>0</v>
      </c>
      <c r="DX16" s="327">
        <v>10371737</v>
      </c>
      <c r="DY16" s="327">
        <v>14256761</v>
      </c>
      <c r="DZ16" s="327">
        <v>18501866</v>
      </c>
      <c r="EA16" s="327">
        <v>20861227</v>
      </c>
      <c r="EB16" s="327">
        <v>10415284</v>
      </c>
      <c r="EC16" s="328">
        <v>74406875</v>
      </c>
      <c r="ED16" s="330">
        <v>75542057</v>
      </c>
      <c r="EE16" s="326">
        <v>0</v>
      </c>
      <c r="EF16" s="331">
        <v>0</v>
      </c>
      <c r="EG16" s="328">
        <v>0</v>
      </c>
      <c r="EH16" s="326">
        <v>0</v>
      </c>
      <c r="EI16" s="327">
        <v>383561</v>
      </c>
      <c r="EJ16" s="327">
        <v>841198</v>
      </c>
      <c r="EK16" s="327">
        <v>1380924</v>
      </c>
      <c r="EL16" s="327">
        <v>2456050</v>
      </c>
      <c r="EM16" s="327">
        <v>862580</v>
      </c>
      <c r="EN16" s="331">
        <v>5924313</v>
      </c>
      <c r="EO16" s="330">
        <v>5924313</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8292165</v>
      </c>
      <c r="FM16" s="327">
        <v>10235509</v>
      </c>
      <c r="FN16" s="328">
        <v>18527674</v>
      </c>
      <c r="FO16" s="326">
        <v>0</v>
      </c>
      <c r="FP16" s="327">
        <v>20608824</v>
      </c>
      <c r="FQ16" s="327">
        <v>24632333</v>
      </c>
      <c r="FR16" s="327">
        <v>19408837</v>
      </c>
      <c r="FS16" s="327">
        <v>19139604</v>
      </c>
      <c r="FT16" s="327">
        <v>14352495</v>
      </c>
      <c r="FU16" s="328">
        <v>98142093</v>
      </c>
      <c r="FV16" s="330">
        <v>116669767</v>
      </c>
      <c r="FW16" s="333">
        <v>5173902</v>
      </c>
      <c r="FX16" s="327">
        <v>8376864</v>
      </c>
      <c r="FY16" s="331">
        <v>13550766</v>
      </c>
      <c r="FZ16" s="332">
        <v>0</v>
      </c>
      <c r="GA16" s="327">
        <v>17025029</v>
      </c>
      <c r="GB16" s="327">
        <v>23528968</v>
      </c>
      <c r="GC16" s="327">
        <v>18508052</v>
      </c>
      <c r="GD16" s="327">
        <v>17723744</v>
      </c>
      <c r="GE16" s="327">
        <v>14199699</v>
      </c>
      <c r="GF16" s="328">
        <v>90985492</v>
      </c>
      <c r="GG16" s="334">
        <v>104536258</v>
      </c>
      <c r="GH16" s="333">
        <v>274947</v>
      </c>
      <c r="GI16" s="327">
        <v>360936</v>
      </c>
      <c r="GJ16" s="331">
        <v>635883</v>
      </c>
      <c r="GK16" s="332">
        <v>0</v>
      </c>
      <c r="GL16" s="327">
        <v>763140</v>
      </c>
      <c r="GM16" s="327">
        <v>540353</v>
      </c>
      <c r="GN16" s="327">
        <v>299385</v>
      </c>
      <c r="GO16" s="327">
        <v>493796</v>
      </c>
      <c r="GP16" s="327">
        <v>152796</v>
      </c>
      <c r="GQ16" s="328">
        <v>2249470</v>
      </c>
      <c r="GR16" s="330">
        <v>2885353</v>
      </c>
      <c r="GS16" s="326">
        <v>2843316</v>
      </c>
      <c r="GT16" s="327">
        <v>1497709</v>
      </c>
      <c r="GU16" s="328">
        <v>4341025</v>
      </c>
      <c r="GV16" s="326">
        <v>0</v>
      </c>
      <c r="GW16" s="327">
        <v>2820655</v>
      </c>
      <c r="GX16" s="327">
        <v>563012</v>
      </c>
      <c r="GY16" s="327">
        <v>601400</v>
      </c>
      <c r="GZ16" s="327">
        <v>922064</v>
      </c>
      <c r="HA16" s="327">
        <v>0</v>
      </c>
      <c r="HB16" s="331">
        <v>4907131</v>
      </c>
      <c r="HC16" s="330">
        <v>9248156</v>
      </c>
      <c r="HD16" s="326">
        <v>4842514</v>
      </c>
      <c r="HE16" s="327">
        <v>6284023</v>
      </c>
      <c r="HF16" s="331">
        <v>11126537</v>
      </c>
      <c r="HG16" s="332">
        <v>0</v>
      </c>
      <c r="HH16" s="327">
        <v>52931885</v>
      </c>
      <c r="HI16" s="327">
        <v>50661640</v>
      </c>
      <c r="HJ16" s="327">
        <v>49524865</v>
      </c>
      <c r="HK16" s="327">
        <v>56261762</v>
      </c>
      <c r="HL16" s="327">
        <v>36442730</v>
      </c>
      <c r="HM16" s="328">
        <v>245822882</v>
      </c>
      <c r="HN16" s="329">
        <v>256949419</v>
      </c>
      <c r="HO16" s="333">
        <v>5874122</v>
      </c>
      <c r="HP16" s="327">
        <v>7400347</v>
      </c>
      <c r="HQ16" s="328">
        <v>13274469</v>
      </c>
      <c r="HR16" s="326">
        <v>0</v>
      </c>
      <c r="HS16" s="327">
        <v>56733301</v>
      </c>
      <c r="HT16" s="327">
        <v>30616945</v>
      </c>
      <c r="HU16" s="327">
        <v>21356845</v>
      </c>
      <c r="HV16" s="327">
        <v>16959004</v>
      </c>
      <c r="HW16" s="327">
        <v>10653640</v>
      </c>
      <c r="HX16" s="331">
        <v>136319735</v>
      </c>
      <c r="HY16" s="330">
        <v>149594204</v>
      </c>
      <c r="HZ16" s="358">
        <v>993337</v>
      </c>
      <c r="IA16" s="356">
        <v>1951880</v>
      </c>
      <c r="IB16" s="358">
        <v>2945217</v>
      </c>
      <c r="IC16" s="355">
        <v>0</v>
      </c>
      <c r="ID16" s="356">
        <v>82356411</v>
      </c>
      <c r="IE16" s="357">
        <v>74957086</v>
      </c>
      <c r="IF16" s="358">
        <v>87257414</v>
      </c>
      <c r="IG16" s="356">
        <v>82047742</v>
      </c>
      <c r="IH16" s="358">
        <v>70093514</v>
      </c>
      <c r="II16" s="359">
        <v>396712167</v>
      </c>
      <c r="IJ16" s="358">
        <v>399657384</v>
      </c>
      <c r="IK16" s="342">
        <v>0</v>
      </c>
      <c r="IL16" s="343">
        <v>0</v>
      </c>
      <c r="IM16" s="344">
        <v>0</v>
      </c>
      <c r="IN16" s="404">
        <v>0</v>
      </c>
      <c r="IO16" s="345">
        <v>2183700</v>
      </c>
      <c r="IP16" s="345">
        <v>2554992</v>
      </c>
      <c r="IQ16" s="345">
        <v>2675229</v>
      </c>
      <c r="IR16" s="345">
        <v>4024598</v>
      </c>
      <c r="IS16" s="345">
        <v>5052301</v>
      </c>
      <c r="IT16" s="346">
        <v>16490820</v>
      </c>
      <c r="IU16" s="347">
        <v>16490820</v>
      </c>
      <c r="IV16" s="348">
        <v>0</v>
      </c>
      <c r="IW16" s="345">
        <v>0</v>
      </c>
      <c r="IX16" s="349">
        <v>0</v>
      </c>
      <c r="IY16" s="413">
        <v>0</v>
      </c>
      <c r="IZ16" s="345">
        <v>124186</v>
      </c>
      <c r="JA16" s="345">
        <v>18585</v>
      </c>
      <c r="JB16" s="345">
        <v>94927</v>
      </c>
      <c r="JC16" s="345">
        <v>210395</v>
      </c>
      <c r="JD16" s="345">
        <v>218795</v>
      </c>
      <c r="JE16" s="349">
        <v>666888</v>
      </c>
      <c r="JF16" s="350">
        <v>666888</v>
      </c>
      <c r="JG16" s="348">
        <v>0</v>
      </c>
      <c r="JH16" s="345">
        <v>0</v>
      </c>
      <c r="JI16" s="346">
        <v>0</v>
      </c>
      <c r="JJ16" s="351">
        <v>0</v>
      </c>
      <c r="JK16" s="345">
        <v>26358805</v>
      </c>
      <c r="JL16" s="345">
        <v>15481472</v>
      </c>
      <c r="JM16" s="345">
        <v>11100812</v>
      </c>
      <c r="JN16" s="345">
        <v>6744346</v>
      </c>
      <c r="JO16" s="345">
        <v>1838621</v>
      </c>
      <c r="JP16" s="349">
        <v>61524056</v>
      </c>
      <c r="JQ16" s="347">
        <v>61524056</v>
      </c>
      <c r="JR16" s="348">
        <v>0</v>
      </c>
      <c r="JS16" s="345">
        <v>47259</v>
      </c>
      <c r="JT16" s="346">
        <v>47259</v>
      </c>
      <c r="JU16" s="351">
        <v>0</v>
      </c>
      <c r="JV16" s="345">
        <v>1026434</v>
      </c>
      <c r="JW16" s="345">
        <v>1206497</v>
      </c>
      <c r="JX16" s="345">
        <v>3542174</v>
      </c>
      <c r="JY16" s="345">
        <v>1709217</v>
      </c>
      <c r="JZ16" s="345">
        <v>1599850</v>
      </c>
      <c r="KA16" s="349">
        <v>9084172</v>
      </c>
      <c r="KB16" s="347">
        <v>9131431</v>
      </c>
      <c r="KC16" s="352">
        <v>869812</v>
      </c>
      <c r="KD16" s="353">
        <v>1399863</v>
      </c>
      <c r="KE16" s="349">
        <v>2269675</v>
      </c>
      <c r="KF16" s="351">
        <v>0</v>
      </c>
      <c r="KG16" s="345">
        <v>13994722</v>
      </c>
      <c r="KH16" s="345">
        <v>13238401</v>
      </c>
      <c r="KI16" s="345">
        <v>18217985</v>
      </c>
      <c r="KJ16" s="345">
        <v>13348635</v>
      </c>
      <c r="KK16" s="345">
        <v>14934411</v>
      </c>
      <c r="KL16" s="349">
        <v>73734154</v>
      </c>
      <c r="KM16" s="354">
        <v>76003829</v>
      </c>
      <c r="KN16" s="342">
        <v>0</v>
      </c>
      <c r="KO16" s="343">
        <v>504758</v>
      </c>
      <c r="KP16" s="344">
        <v>504758</v>
      </c>
      <c r="KQ16" s="413">
        <v>0</v>
      </c>
      <c r="KR16" s="345">
        <v>28111701</v>
      </c>
      <c r="KS16" s="345">
        <v>31168880</v>
      </c>
      <c r="KT16" s="345">
        <v>35785133</v>
      </c>
      <c r="KU16" s="345">
        <v>24648153</v>
      </c>
      <c r="KV16" s="345">
        <v>21901405</v>
      </c>
      <c r="KW16" s="349">
        <v>141615272</v>
      </c>
      <c r="KX16" s="347">
        <v>142120030</v>
      </c>
      <c r="KY16" s="348">
        <v>123525</v>
      </c>
      <c r="KZ16" s="345">
        <v>0</v>
      </c>
      <c r="LA16" s="349">
        <v>123525</v>
      </c>
      <c r="LB16" s="413">
        <v>0</v>
      </c>
      <c r="LC16" s="345">
        <v>5631615</v>
      </c>
      <c r="LD16" s="345">
        <v>4369695</v>
      </c>
      <c r="LE16" s="345">
        <v>6891688</v>
      </c>
      <c r="LF16" s="345">
        <v>6878417</v>
      </c>
      <c r="LG16" s="345">
        <v>7437316</v>
      </c>
      <c r="LH16" s="349">
        <v>31208731</v>
      </c>
      <c r="LI16" s="350">
        <v>31332256</v>
      </c>
      <c r="LJ16" s="348">
        <v>0</v>
      </c>
      <c r="LK16" s="345">
        <v>0</v>
      </c>
      <c r="LL16" s="349">
        <v>0</v>
      </c>
      <c r="LM16" s="413">
        <v>0</v>
      </c>
      <c r="LN16" s="345">
        <v>0</v>
      </c>
      <c r="LO16" s="345">
        <v>214552</v>
      </c>
      <c r="LP16" s="345">
        <v>1004296</v>
      </c>
      <c r="LQ16" s="345">
        <v>6315746</v>
      </c>
      <c r="LR16" s="345">
        <v>5011490</v>
      </c>
      <c r="LS16" s="349">
        <v>12546084</v>
      </c>
      <c r="LT16" s="347">
        <v>12546084</v>
      </c>
      <c r="LU16" s="348">
        <v>0</v>
      </c>
      <c r="LV16" s="345">
        <v>0</v>
      </c>
      <c r="LW16" s="349">
        <v>0</v>
      </c>
      <c r="LX16" s="413">
        <v>0</v>
      </c>
      <c r="LY16" s="345">
        <v>4925248</v>
      </c>
      <c r="LZ16" s="345">
        <v>6704012</v>
      </c>
      <c r="MA16" s="345">
        <v>7945170</v>
      </c>
      <c r="MB16" s="345">
        <v>18168235</v>
      </c>
      <c r="MC16" s="345">
        <v>12099325</v>
      </c>
      <c r="MD16" s="349">
        <v>49841990</v>
      </c>
      <c r="ME16" s="350">
        <v>49841990</v>
      </c>
      <c r="MF16" s="348">
        <v>0</v>
      </c>
      <c r="MG16" s="345">
        <v>0</v>
      </c>
      <c r="MH16" s="349">
        <v>0</v>
      </c>
      <c r="MI16" s="413">
        <v>0</v>
      </c>
      <c r="MJ16" s="345">
        <v>25587012</v>
      </c>
      <c r="MK16" s="345">
        <v>46461615</v>
      </c>
      <c r="ML16" s="345">
        <v>129877713</v>
      </c>
      <c r="MM16" s="345">
        <v>240088335</v>
      </c>
      <c r="MN16" s="345">
        <v>177652434</v>
      </c>
      <c r="MO16" s="349">
        <v>619667109</v>
      </c>
      <c r="MP16" s="354">
        <v>619667109</v>
      </c>
      <c r="MQ16" s="348">
        <v>0</v>
      </c>
      <c r="MR16" s="345">
        <v>0</v>
      </c>
      <c r="MS16" s="349">
        <v>0</v>
      </c>
      <c r="MT16" s="413">
        <v>0</v>
      </c>
      <c r="MU16" s="345">
        <v>4215970</v>
      </c>
      <c r="MV16" s="345">
        <v>12994725</v>
      </c>
      <c r="MW16" s="345">
        <v>86031323</v>
      </c>
      <c r="MX16" s="345">
        <v>179337537</v>
      </c>
      <c r="MY16" s="345">
        <v>133158498</v>
      </c>
      <c r="MZ16" s="349">
        <v>415738053</v>
      </c>
      <c r="NA16" s="354">
        <v>415738053</v>
      </c>
      <c r="NB16" s="348">
        <v>0</v>
      </c>
      <c r="NC16" s="345">
        <v>0</v>
      </c>
      <c r="ND16" s="349">
        <v>0</v>
      </c>
      <c r="NE16" s="413">
        <v>0</v>
      </c>
      <c r="NF16" s="345">
        <v>21125666</v>
      </c>
      <c r="NG16" s="345">
        <v>33466890</v>
      </c>
      <c r="NH16" s="345">
        <v>43210191</v>
      </c>
      <c r="NI16" s="345">
        <v>58904895</v>
      </c>
      <c r="NJ16" s="345">
        <v>32807056</v>
      </c>
      <c r="NK16" s="349">
        <v>189514698</v>
      </c>
      <c r="NL16" s="347">
        <v>189514698</v>
      </c>
      <c r="NM16" s="348">
        <v>0</v>
      </c>
      <c r="NN16" s="345">
        <v>0</v>
      </c>
      <c r="NO16" s="349">
        <v>0</v>
      </c>
      <c r="NP16" s="413">
        <v>0</v>
      </c>
      <c r="NQ16" s="345">
        <v>0</v>
      </c>
      <c r="NR16" s="345">
        <v>0</v>
      </c>
      <c r="NS16" s="345">
        <v>0</v>
      </c>
      <c r="NT16" s="345">
        <v>0</v>
      </c>
      <c r="NU16" s="345">
        <v>0</v>
      </c>
      <c r="NV16" s="349">
        <v>0</v>
      </c>
      <c r="NW16" s="350">
        <v>0</v>
      </c>
      <c r="NX16" s="348">
        <v>0</v>
      </c>
      <c r="NY16" s="345">
        <v>0</v>
      </c>
      <c r="NZ16" s="349">
        <v>0</v>
      </c>
      <c r="OA16" s="413">
        <v>0</v>
      </c>
      <c r="OB16" s="345">
        <v>245376</v>
      </c>
      <c r="OC16" s="345">
        <v>0</v>
      </c>
      <c r="OD16" s="345">
        <v>636199</v>
      </c>
      <c r="OE16" s="345">
        <v>1845903</v>
      </c>
      <c r="OF16" s="345">
        <v>11686880</v>
      </c>
      <c r="OG16" s="349">
        <v>14414358</v>
      </c>
      <c r="OH16" s="350">
        <v>14414358</v>
      </c>
      <c r="OI16" s="348">
        <v>28453683</v>
      </c>
      <c r="OJ16" s="345">
        <v>43373697</v>
      </c>
      <c r="OK16" s="346">
        <v>71827380</v>
      </c>
      <c r="OL16" s="351">
        <v>0</v>
      </c>
      <c r="OM16" s="345">
        <v>470412033</v>
      </c>
      <c r="ON16" s="345">
        <v>417891132</v>
      </c>
      <c r="OO16" s="345">
        <v>485043242</v>
      </c>
      <c r="OP16" s="345">
        <v>592442283</v>
      </c>
      <c r="OQ16" s="345">
        <v>449449840</v>
      </c>
      <c r="OR16" s="349">
        <v>2415238530</v>
      </c>
      <c r="OS16" s="354">
        <v>2487065910</v>
      </c>
    </row>
    <row r="17" spans="2:409" s="70" customFormat="1" ht="21" customHeight="1" x14ac:dyDescent="0.2">
      <c r="B17" s="410" t="s">
        <v>11</v>
      </c>
      <c r="C17" s="326">
        <v>13266200</v>
      </c>
      <c r="D17" s="327">
        <v>17528476</v>
      </c>
      <c r="E17" s="365">
        <v>30794676</v>
      </c>
      <c r="F17" s="332">
        <v>0</v>
      </c>
      <c r="G17" s="327">
        <v>158602696</v>
      </c>
      <c r="H17" s="327">
        <v>144447143</v>
      </c>
      <c r="I17" s="327">
        <v>141803780</v>
      </c>
      <c r="J17" s="327">
        <v>145537745</v>
      </c>
      <c r="K17" s="327">
        <v>103607640</v>
      </c>
      <c r="L17" s="329">
        <v>693999004</v>
      </c>
      <c r="M17" s="330">
        <v>724793680</v>
      </c>
      <c r="N17" s="326">
        <v>1623337</v>
      </c>
      <c r="O17" s="327">
        <v>2653573</v>
      </c>
      <c r="P17" s="328">
        <v>4276910</v>
      </c>
      <c r="Q17" s="326">
        <v>0</v>
      </c>
      <c r="R17" s="327">
        <v>36961277</v>
      </c>
      <c r="S17" s="327">
        <v>39703194</v>
      </c>
      <c r="T17" s="327">
        <v>47759874</v>
      </c>
      <c r="U17" s="327">
        <v>48147961</v>
      </c>
      <c r="V17" s="327">
        <v>52780922</v>
      </c>
      <c r="W17" s="328">
        <v>225353228</v>
      </c>
      <c r="X17" s="330">
        <v>229630138</v>
      </c>
      <c r="Y17" s="326">
        <v>0</v>
      </c>
      <c r="Z17" s="327">
        <v>0</v>
      </c>
      <c r="AA17" s="328">
        <v>0</v>
      </c>
      <c r="AB17" s="326">
        <v>0</v>
      </c>
      <c r="AC17" s="327">
        <v>18716001</v>
      </c>
      <c r="AD17" s="327">
        <v>21884081</v>
      </c>
      <c r="AE17" s="327">
        <v>29090573</v>
      </c>
      <c r="AF17" s="327">
        <v>29003738</v>
      </c>
      <c r="AG17" s="327">
        <v>32278746</v>
      </c>
      <c r="AH17" s="328">
        <v>130973139</v>
      </c>
      <c r="AI17" s="330">
        <v>130973139</v>
      </c>
      <c r="AJ17" s="326">
        <v>0</v>
      </c>
      <c r="AK17" s="327">
        <v>0</v>
      </c>
      <c r="AL17" s="328">
        <v>0</v>
      </c>
      <c r="AM17" s="326">
        <v>0</v>
      </c>
      <c r="AN17" s="327">
        <v>118204</v>
      </c>
      <c r="AO17" s="327">
        <v>704329</v>
      </c>
      <c r="AP17" s="327">
        <v>1676309</v>
      </c>
      <c r="AQ17" s="327">
        <v>3093734</v>
      </c>
      <c r="AR17" s="327">
        <v>6251920</v>
      </c>
      <c r="AS17" s="328">
        <v>11844496</v>
      </c>
      <c r="AT17" s="330">
        <v>11844496</v>
      </c>
      <c r="AU17" s="326">
        <v>1001768</v>
      </c>
      <c r="AV17" s="327">
        <v>1937666</v>
      </c>
      <c r="AW17" s="328">
        <v>2939434</v>
      </c>
      <c r="AX17" s="326">
        <v>0</v>
      </c>
      <c r="AY17" s="327">
        <v>11517619</v>
      </c>
      <c r="AZ17" s="327">
        <v>9619365</v>
      </c>
      <c r="BA17" s="327">
        <v>9559554</v>
      </c>
      <c r="BB17" s="327">
        <v>8135633</v>
      </c>
      <c r="BC17" s="327">
        <v>9503235</v>
      </c>
      <c r="BD17" s="328">
        <v>48335406</v>
      </c>
      <c r="BE17" s="330">
        <v>51274840</v>
      </c>
      <c r="BF17" s="326">
        <v>102300</v>
      </c>
      <c r="BG17" s="327">
        <v>181268</v>
      </c>
      <c r="BH17" s="331">
        <v>283568</v>
      </c>
      <c r="BI17" s="332">
        <v>0</v>
      </c>
      <c r="BJ17" s="327">
        <v>979389</v>
      </c>
      <c r="BK17" s="327">
        <v>936079</v>
      </c>
      <c r="BL17" s="327">
        <v>1233346</v>
      </c>
      <c r="BM17" s="327">
        <v>1005654</v>
      </c>
      <c r="BN17" s="327">
        <v>417677</v>
      </c>
      <c r="BO17" s="328">
        <v>4572145</v>
      </c>
      <c r="BP17" s="330">
        <v>4855713</v>
      </c>
      <c r="BQ17" s="326">
        <v>519269</v>
      </c>
      <c r="BR17" s="327">
        <v>534639</v>
      </c>
      <c r="BS17" s="328">
        <v>1053908</v>
      </c>
      <c r="BT17" s="326">
        <v>0</v>
      </c>
      <c r="BU17" s="327">
        <v>5630064</v>
      </c>
      <c r="BV17" s="327">
        <v>6559340</v>
      </c>
      <c r="BW17" s="327">
        <v>6200092</v>
      </c>
      <c r="BX17" s="327">
        <v>6909202</v>
      </c>
      <c r="BY17" s="327">
        <v>4329344</v>
      </c>
      <c r="BZ17" s="328">
        <v>29628042</v>
      </c>
      <c r="CA17" s="330">
        <v>30681950</v>
      </c>
      <c r="CB17" s="326">
        <v>3449586</v>
      </c>
      <c r="CC17" s="327">
        <v>4740669</v>
      </c>
      <c r="CD17" s="328">
        <v>8190255</v>
      </c>
      <c r="CE17" s="326">
        <v>0</v>
      </c>
      <c r="CF17" s="327">
        <v>48141619</v>
      </c>
      <c r="CG17" s="327">
        <v>40695445</v>
      </c>
      <c r="CH17" s="327">
        <v>33137174</v>
      </c>
      <c r="CI17" s="327">
        <v>26757401</v>
      </c>
      <c r="CJ17" s="327">
        <v>11997135</v>
      </c>
      <c r="CK17" s="328">
        <v>160728774</v>
      </c>
      <c r="CL17" s="330">
        <v>168919029</v>
      </c>
      <c r="CM17" s="326">
        <v>0</v>
      </c>
      <c r="CN17" s="327">
        <v>0</v>
      </c>
      <c r="CO17" s="328">
        <v>0</v>
      </c>
      <c r="CP17" s="332">
        <v>0</v>
      </c>
      <c r="CQ17" s="327">
        <v>38183421</v>
      </c>
      <c r="CR17" s="327">
        <v>32335497</v>
      </c>
      <c r="CS17" s="327">
        <v>27362658</v>
      </c>
      <c r="CT17" s="327">
        <v>20925218</v>
      </c>
      <c r="CU17" s="327">
        <v>9106067</v>
      </c>
      <c r="CV17" s="328">
        <v>127912861</v>
      </c>
      <c r="CW17" s="330">
        <v>127912861</v>
      </c>
      <c r="CX17" s="326">
        <v>3449586</v>
      </c>
      <c r="CY17" s="327">
        <v>4740669</v>
      </c>
      <c r="CZ17" s="328">
        <v>8190255</v>
      </c>
      <c r="DA17" s="326">
        <v>0</v>
      </c>
      <c r="DB17" s="327">
        <v>9958198</v>
      </c>
      <c r="DC17" s="327">
        <v>8359948</v>
      </c>
      <c r="DD17" s="327">
        <v>5774516</v>
      </c>
      <c r="DE17" s="327">
        <v>5832183</v>
      </c>
      <c r="DF17" s="327">
        <v>2891068</v>
      </c>
      <c r="DG17" s="328">
        <v>32815913</v>
      </c>
      <c r="DH17" s="330">
        <v>41006168</v>
      </c>
      <c r="DI17" s="326">
        <v>264427</v>
      </c>
      <c r="DJ17" s="327">
        <v>598692</v>
      </c>
      <c r="DK17" s="331">
        <v>863119</v>
      </c>
      <c r="DL17" s="332">
        <v>0</v>
      </c>
      <c r="DM17" s="327">
        <v>4728101</v>
      </c>
      <c r="DN17" s="327">
        <v>6675425</v>
      </c>
      <c r="DO17" s="327">
        <v>12928659</v>
      </c>
      <c r="DP17" s="327">
        <v>9490664</v>
      </c>
      <c r="DQ17" s="327">
        <v>6292330</v>
      </c>
      <c r="DR17" s="328">
        <v>40115179</v>
      </c>
      <c r="DS17" s="330">
        <v>40978298</v>
      </c>
      <c r="DT17" s="326">
        <v>231717</v>
      </c>
      <c r="DU17" s="327">
        <v>432762</v>
      </c>
      <c r="DV17" s="328">
        <v>664479</v>
      </c>
      <c r="DW17" s="326">
        <v>0</v>
      </c>
      <c r="DX17" s="327">
        <v>4281811</v>
      </c>
      <c r="DY17" s="327">
        <v>6205839</v>
      </c>
      <c r="DZ17" s="327">
        <v>12440837</v>
      </c>
      <c r="EA17" s="327">
        <v>9101679</v>
      </c>
      <c r="EB17" s="327">
        <v>5405120</v>
      </c>
      <c r="EC17" s="328">
        <v>37435286</v>
      </c>
      <c r="ED17" s="330">
        <v>38099765</v>
      </c>
      <c r="EE17" s="326">
        <v>32710</v>
      </c>
      <c r="EF17" s="331">
        <v>165930</v>
      </c>
      <c r="EG17" s="328">
        <v>198640</v>
      </c>
      <c r="EH17" s="326">
        <v>0</v>
      </c>
      <c r="EI17" s="327">
        <v>446290</v>
      </c>
      <c r="EJ17" s="327">
        <v>469586</v>
      </c>
      <c r="EK17" s="327">
        <v>487822</v>
      </c>
      <c r="EL17" s="327">
        <v>388985</v>
      </c>
      <c r="EM17" s="327">
        <v>887210</v>
      </c>
      <c r="EN17" s="331">
        <v>2679893</v>
      </c>
      <c r="EO17" s="330">
        <v>2878533</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3032972</v>
      </c>
      <c r="FM17" s="327">
        <v>3964533</v>
      </c>
      <c r="FN17" s="328">
        <v>6997505</v>
      </c>
      <c r="FO17" s="326">
        <v>0</v>
      </c>
      <c r="FP17" s="327">
        <v>8997312</v>
      </c>
      <c r="FQ17" s="327">
        <v>12539434</v>
      </c>
      <c r="FR17" s="327">
        <v>11667927</v>
      </c>
      <c r="FS17" s="327">
        <v>11268897</v>
      </c>
      <c r="FT17" s="327">
        <v>7380655</v>
      </c>
      <c r="FU17" s="328">
        <v>51854225</v>
      </c>
      <c r="FV17" s="330">
        <v>58851730</v>
      </c>
      <c r="FW17" s="333">
        <v>2065481</v>
      </c>
      <c r="FX17" s="327">
        <v>3365854</v>
      </c>
      <c r="FY17" s="331">
        <v>5431335</v>
      </c>
      <c r="FZ17" s="332">
        <v>0</v>
      </c>
      <c r="GA17" s="327">
        <v>6972036</v>
      </c>
      <c r="GB17" s="327">
        <v>11625655</v>
      </c>
      <c r="GC17" s="327">
        <v>10661751</v>
      </c>
      <c r="GD17" s="327">
        <v>10229967</v>
      </c>
      <c r="GE17" s="327">
        <v>7131265</v>
      </c>
      <c r="GF17" s="328">
        <v>46620674</v>
      </c>
      <c r="GG17" s="334">
        <v>52052009</v>
      </c>
      <c r="GH17" s="333">
        <v>197001</v>
      </c>
      <c r="GI17" s="327">
        <v>136394</v>
      </c>
      <c r="GJ17" s="331">
        <v>333395</v>
      </c>
      <c r="GK17" s="332">
        <v>0</v>
      </c>
      <c r="GL17" s="327">
        <v>411831</v>
      </c>
      <c r="GM17" s="327">
        <v>351769</v>
      </c>
      <c r="GN17" s="327">
        <v>315086</v>
      </c>
      <c r="GO17" s="327">
        <v>170378</v>
      </c>
      <c r="GP17" s="327">
        <v>249390</v>
      </c>
      <c r="GQ17" s="328">
        <v>1498454</v>
      </c>
      <c r="GR17" s="330">
        <v>1831849</v>
      </c>
      <c r="GS17" s="326">
        <v>770490</v>
      </c>
      <c r="GT17" s="327">
        <v>462285</v>
      </c>
      <c r="GU17" s="328">
        <v>1232775</v>
      </c>
      <c r="GV17" s="326">
        <v>0</v>
      </c>
      <c r="GW17" s="327">
        <v>1613445</v>
      </c>
      <c r="GX17" s="327">
        <v>562010</v>
      </c>
      <c r="GY17" s="327">
        <v>691090</v>
      </c>
      <c r="GZ17" s="327">
        <v>868552</v>
      </c>
      <c r="HA17" s="327">
        <v>0</v>
      </c>
      <c r="HB17" s="331">
        <v>3735097</v>
      </c>
      <c r="HC17" s="330">
        <v>4967872</v>
      </c>
      <c r="HD17" s="326">
        <v>2401250</v>
      </c>
      <c r="HE17" s="327">
        <v>2631250</v>
      </c>
      <c r="HF17" s="331">
        <v>5032500</v>
      </c>
      <c r="HG17" s="332">
        <v>0</v>
      </c>
      <c r="HH17" s="327">
        <v>32344032</v>
      </c>
      <c r="HI17" s="327">
        <v>27434761</v>
      </c>
      <c r="HJ17" s="327">
        <v>21828071</v>
      </c>
      <c r="HK17" s="327">
        <v>39547947</v>
      </c>
      <c r="HL17" s="327">
        <v>18877649</v>
      </c>
      <c r="HM17" s="328">
        <v>140032460</v>
      </c>
      <c r="HN17" s="329">
        <v>145064960</v>
      </c>
      <c r="HO17" s="333">
        <v>2494628</v>
      </c>
      <c r="HP17" s="327">
        <v>2939759</v>
      </c>
      <c r="HQ17" s="328">
        <v>5434387</v>
      </c>
      <c r="HR17" s="326">
        <v>0</v>
      </c>
      <c r="HS17" s="327">
        <v>27430355</v>
      </c>
      <c r="HT17" s="327">
        <v>17398884</v>
      </c>
      <c r="HU17" s="327">
        <v>14482075</v>
      </c>
      <c r="HV17" s="327">
        <v>10324875</v>
      </c>
      <c r="HW17" s="327">
        <v>6278949</v>
      </c>
      <c r="HX17" s="331">
        <v>75915138</v>
      </c>
      <c r="HY17" s="330">
        <v>81349525</v>
      </c>
      <c r="HZ17" s="335">
        <v>106209</v>
      </c>
      <c r="IA17" s="336">
        <v>1003202</v>
      </c>
      <c r="IB17" s="337">
        <v>1109411</v>
      </c>
      <c r="IC17" s="338">
        <v>0</v>
      </c>
      <c r="ID17" s="336">
        <v>52359140</v>
      </c>
      <c r="IE17" s="339">
        <v>56230060</v>
      </c>
      <c r="IF17" s="337">
        <v>58804577</v>
      </c>
      <c r="IG17" s="336">
        <v>36223631</v>
      </c>
      <c r="IH17" s="337">
        <v>18564570</v>
      </c>
      <c r="II17" s="340">
        <v>222181978</v>
      </c>
      <c r="IJ17" s="341">
        <v>223291389</v>
      </c>
      <c r="IK17" s="342">
        <v>0</v>
      </c>
      <c r="IL17" s="343">
        <v>0</v>
      </c>
      <c r="IM17" s="344">
        <v>0</v>
      </c>
      <c r="IN17" s="404">
        <v>0</v>
      </c>
      <c r="IO17" s="345">
        <v>896015</v>
      </c>
      <c r="IP17" s="345">
        <v>1125678</v>
      </c>
      <c r="IQ17" s="345">
        <v>526404</v>
      </c>
      <c r="IR17" s="345">
        <v>1412594</v>
      </c>
      <c r="IS17" s="345">
        <v>1129241</v>
      </c>
      <c r="IT17" s="346">
        <v>5089932</v>
      </c>
      <c r="IU17" s="347">
        <v>5089932</v>
      </c>
      <c r="IV17" s="348">
        <v>0</v>
      </c>
      <c r="IW17" s="345">
        <v>0</v>
      </c>
      <c r="IX17" s="349">
        <v>0</v>
      </c>
      <c r="IY17" s="413">
        <v>0</v>
      </c>
      <c r="IZ17" s="345">
        <v>197405</v>
      </c>
      <c r="JA17" s="345">
        <v>230796</v>
      </c>
      <c r="JB17" s="345">
        <v>157703</v>
      </c>
      <c r="JC17" s="345">
        <v>465908</v>
      </c>
      <c r="JD17" s="345">
        <v>402439</v>
      </c>
      <c r="JE17" s="349">
        <v>1454251</v>
      </c>
      <c r="JF17" s="350">
        <v>1454251</v>
      </c>
      <c r="JG17" s="348">
        <v>0</v>
      </c>
      <c r="JH17" s="345">
        <v>0</v>
      </c>
      <c r="JI17" s="346">
        <v>0</v>
      </c>
      <c r="JJ17" s="351">
        <v>0</v>
      </c>
      <c r="JK17" s="345">
        <v>28717705</v>
      </c>
      <c r="JL17" s="345">
        <v>22510731</v>
      </c>
      <c r="JM17" s="345">
        <v>19050253</v>
      </c>
      <c r="JN17" s="345">
        <v>8821006</v>
      </c>
      <c r="JO17" s="345">
        <v>4181077</v>
      </c>
      <c r="JP17" s="349">
        <v>83280772</v>
      </c>
      <c r="JQ17" s="347">
        <v>83280772</v>
      </c>
      <c r="JR17" s="348">
        <v>0</v>
      </c>
      <c r="JS17" s="345">
        <v>0</v>
      </c>
      <c r="JT17" s="346">
        <v>0</v>
      </c>
      <c r="JU17" s="351">
        <v>0</v>
      </c>
      <c r="JV17" s="345">
        <v>1581917</v>
      </c>
      <c r="JW17" s="345">
        <v>1749952</v>
      </c>
      <c r="JX17" s="345">
        <v>1267793</v>
      </c>
      <c r="JY17" s="345">
        <v>733057</v>
      </c>
      <c r="JZ17" s="345">
        <v>482931</v>
      </c>
      <c r="KA17" s="349">
        <v>5815650</v>
      </c>
      <c r="KB17" s="347">
        <v>5815650</v>
      </c>
      <c r="KC17" s="352">
        <v>106209</v>
      </c>
      <c r="KD17" s="353">
        <v>496283</v>
      </c>
      <c r="KE17" s="349">
        <v>602492</v>
      </c>
      <c r="KF17" s="351">
        <v>0</v>
      </c>
      <c r="KG17" s="345">
        <v>5036795</v>
      </c>
      <c r="KH17" s="345">
        <v>7795745</v>
      </c>
      <c r="KI17" s="345">
        <v>10516192</v>
      </c>
      <c r="KJ17" s="345">
        <v>5662724</v>
      </c>
      <c r="KK17" s="345">
        <v>2958692</v>
      </c>
      <c r="KL17" s="349">
        <v>31970148</v>
      </c>
      <c r="KM17" s="354">
        <v>32572640</v>
      </c>
      <c r="KN17" s="342">
        <v>0</v>
      </c>
      <c r="KO17" s="343">
        <v>506919</v>
      </c>
      <c r="KP17" s="344">
        <v>506919</v>
      </c>
      <c r="KQ17" s="413">
        <v>0</v>
      </c>
      <c r="KR17" s="345">
        <v>14548529</v>
      </c>
      <c r="KS17" s="345">
        <v>21043046</v>
      </c>
      <c r="KT17" s="345">
        <v>25282226</v>
      </c>
      <c r="KU17" s="345">
        <v>17170658</v>
      </c>
      <c r="KV17" s="345">
        <v>5729998</v>
      </c>
      <c r="KW17" s="349">
        <v>83774457</v>
      </c>
      <c r="KX17" s="347">
        <v>84281376</v>
      </c>
      <c r="KY17" s="348">
        <v>0</v>
      </c>
      <c r="KZ17" s="345">
        <v>0</v>
      </c>
      <c r="LA17" s="349">
        <v>0</v>
      </c>
      <c r="LB17" s="413">
        <v>0</v>
      </c>
      <c r="LC17" s="345">
        <v>0</v>
      </c>
      <c r="LD17" s="345">
        <v>0</v>
      </c>
      <c r="LE17" s="345">
        <v>0</v>
      </c>
      <c r="LF17" s="345">
        <v>0</v>
      </c>
      <c r="LG17" s="345">
        <v>0</v>
      </c>
      <c r="LH17" s="349">
        <v>0</v>
      </c>
      <c r="LI17" s="350">
        <v>0</v>
      </c>
      <c r="LJ17" s="348">
        <v>0</v>
      </c>
      <c r="LK17" s="345">
        <v>0</v>
      </c>
      <c r="LL17" s="349">
        <v>0</v>
      </c>
      <c r="LM17" s="413">
        <v>0</v>
      </c>
      <c r="LN17" s="345">
        <v>0</v>
      </c>
      <c r="LO17" s="345">
        <v>255681</v>
      </c>
      <c r="LP17" s="345">
        <v>0</v>
      </c>
      <c r="LQ17" s="345">
        <v>301230</v>
      </c>
      <c r="LR17" s="345">
        <v>0</v>
      </c>
      <c r="LS17" s="349">
        <v>556911</v>
      </c>
      <c r="LT17" s="347">
        <v>556911</v>
      </c>
      <c r="LU17" s="348">
        <v>0</v>
      </c>
      <c r="LV17" s="345">
        <v>0</v>
      </c>
      <c r="LW17" s="349">
        <v>0</v>
      </c>
      <c r="LX17" s="413">
        <v>0</v>
      </c>
      <c r="LY17" s="345">
        <v>1380774</v>
      </c>
      <c r="LZ17" s="345">
        <v>1518431</v>
      </c>
      <c r="MA17" s="345">
        <v>2004006</v>
      </c>
      <c r="MB17" s="345">
        <v>1656454</v>
      </c>
      <c r="MC17" s="345">
        <v>3680192</v>
      </c>
      <c r="MD17" s="349">
        <v>10239857</v>
      </c>
      <c r="ME17" s="350">
        <v>10239857</v>
      </c>
      <c r="MF17" s="348">
        <v>0</v>
      </c>
      <c r="MG17" s="345">
        <v>0</v>
      </c>
      <c r="MH17" s="349">
        <v>0</v>
      </c>
      <c r="MI17" s="413">
        <v>0</v>
      </c>
      <c r="MJ17" s="345">
        <v>14385599</v>
      </c>
      <c r="MK17" s="345">
        <v>29678521</v>
      </c>
      <c r="ML17" s="345">
        <v>96027051</v>
      </c>
      <c r="MM17" s="345">
        <v>170396530</v>
      </c>
      <c r="MN17" s="345">
        <v>107017554</v>
      </c>
      <c r="MO17" s="349">
        <v>417505255</v>
      </c>
      <c r="MP17" s="354">
        <v>417505255</v>
      </c>
      <c r="MQ17" s="348">
        <v>0</v>
      </c>
      <c r="MR17" s="345">
        <v>0</v>
      </c>
      <c r="MS17" s="349">
        <v>0</v>
      </c>
      <c r="MT17" s="413">
        <v>0</v>
      </c>
      <c r="MU17" s="345">
        <v>1665088</v>
      </c>
      <c r="MV17" s="345">
        <v>906686</v>
      </c>
      <c r="MW17" s="345">
        <v>50388314</v>
      </c>
      <c r="MX17" s="345">
        <v>111760848</v>
      </c>
      <c r="MY17" s="345">
        <v>65669670</v>
      </c>
      <c r="MZ17" s="349">
        <v>230390606</v>
      </c>
      <c r="NA17" s="354">
        <v>230390606</v>
      </c>
      <c r="NB17" s="348">
        <v>0</v>
      </c>
      <c r="NC17" s="345">
        <v>0</v>
      </c>
      <c r="ND17" s="349">
        <v>0</v>
      </c>
      <c r="NE17" s="413">
        <v>0</v>
      </c>
      <c r="NF17" s="345">
        <v>11564253</v>
      </c>
      <c r="NG17" s="345">
        <v>26782470</v>
      </c>
      <c r="NH17" s="345">
        <v>43434970</v>
      </c>
      <c r="NI17" s="345">
        <v>53504451</v>
      </c>
      <c r="NJ17" s="345">
        <v>27960822</v>
      </c>
      <c r="NK17" s="349">
        <v>163246966</v>
      </c>
      <c r="NL17" s="347">
        <v>163246966</v>
      </c>
      <c r="NM17" s="348">
        <v>0</v>
      </c>
      <c r="NN17" s="345">
        <v>0</v>
      </c>
      <c r="NO17" s="349">
        <v>0</v>
      </c>
      <c r="NP17" s="413">
        <v>0</v>
      </c>
      <c r="NQ17" s="345">
        <v>0</v>
      </c>
      <c r="NR17" s="345">
        <v>0</v>
      </c>
      <c r="NS17" s="345">
        <v>0</v>
      </c>
      <c r="NT17" s="345">
        <v>0</v>
      </c>
      <c r="NU17" s="345">
        <v>0</v>
      </c>
      <c r="NV17" s="349">
        <v>0</v>
      </c>
      <c r="NW17" s="350">
        <v>0</v>
      </c>
      <c r="NX17" s="348">
        <v>0</v>
      </c>
      <c r="NY17" s="345">
        <v>0</v>
      </c>
      <c r="NZ17" s="349">
        <v>0</v>
      </c>
      <c r="OA17" s="413">
        <v>0</v>
      </c>
      <c r="OB17" s="345">
        <v>1156258</v>
      </c>
      <c r="OC17" s="345">
        <v>1989365</v>
      </c>
      <c r="OD17" s="345">
        <v>2203767</v>
      </c>
      <c r="OE17" s="345">
        <v>5131231</v>
      </c>
      <c r="OF17" s="345">
        <v>13387062</v>
      </c>
      <c r="OG17" s="349">
        <v>23867683</v>
      </c>
      <c r="OH17" s="350">
        <v>23867683</v>
      </c>
      <c r="OI17" s="348">
        <v>13372409</v>
      </c>
      <c r="OJ17" s="345">
        <v>18531678</v>
      </c>
      <c r="OK17" s="346">
        <v>31904087</v>
      </c>
      <c r="OL17" s="351">
        <v>0</v>
      </c>
      <c r="OM17" s="345">
        <v>225347435</v>
      </c>
      <c r="ON17" s="345">
        <v>230355724</v>
      </c>
      <c r="OO17" s="345">
        <v>296635408</v>
      </c>
      <c r="OP17" s="345">
        <v>352157906</v>
      </c>
      <c r="OQ17" s="345">
        <v>229189764</v>
      </c>
      <c r="OR17" s="349">
        <v>1333686237</v>
      </c>
      <c r="OS17" s="354">
        <v>1365590324</v>
      </c>
    </row>
    <row r="18" spans="2:409" s="70" customFormat="1" ht="21" customHeight="1" x14ac:dyDescent="0.2">
      <c r="B18" s="410" t="s">
        <v>12</v>
      </c>
      <c r="C18" s="326">
        <v>16272184</v>
      </c>
      <c r="D18" s="327">
        <v>35741820</v>
      </c>
      <c r="E18" s="328">
        <v>52014004</v>
      </c>
      <c r="F18" s="329">
        <v>0</v>
      </c>
      <c r="G18" s="327">
        <v>142086058</v>
      </c>
      <c r="H18" s="366">
        <v>173387654</v>
      </c>
      <c r="I18" s="366">
        <v>153811279</v>
      </c>
      <c r="J18" s="366">
        <v>160063847</v>
      </c>
      <c r="K18" s="366">
        <v>107697641</v>
      </c>
      <c r="L18" s="331">
        <v>737046479</v>
      </c>
      <c r="M18" s="330">
        <v>789060483</v>
      </c>
      <c r="N18" s="326">
        <v>3679057</v>
      </c>
      <c r="O18" s="327">
        <v>11143166</v>
      </c>
      <c r="P18" s="328">
        <v>14822223</v>
      </c>
      <c r="Q18" s="326">
        <v>0</v>
      </c>
      <c r="R18" s="327">
        <v>40434463</v>
      </c>
      <c r="S18" s="327">
        <v>57241068</v>
      </c>
      <c r="T18" s="327">
        <v>49883344</v>
      </c>
      <c r="U18" s="327">
        <v>65729504</v>
      </c>
      <c r="V18" s="327">
        <v>53678668</v>
      </c>
      <c r="W18" s="328">
        <v>266967047</v>
      </c>
      <c r="X18" s="330">
        <v>281789270</v>
      </c>
      <c r="Y18" s="326">
        <v>0</v>
      </c>
      <c r="Z18" s="327">
        <v>0</v>
      </c>
      <c r="AA18" s="328">
        <v>0</v>
      </c>
      <c r="AB18" s="326">
        <v>0</v>
      </c>
      <c r="AC18" s="327">
        <v>22631056</v>
      </c>
      <c r="AD18" s="327">
        <v>30172971</v>
      </c>
      <c r="AE18" s="327">
        <v>31694528</v>
      </c>
      <c r="AF18" s="327">
        <v>42851748</v>
      </c>
      <c r="AG18" s="327">
        <v>35056639</v>
      </c>
      <c r="AH18" s="328">
        <v>162406942</v>
      </c>
      <c r="AI18" s="330">
        <v>162406942</v>
      </c>
      <c r="AJ18" s="326">
        <v>0</v>
      </c>
      <c r="AK18" s="327">
        <v>92243</v>
      </c>
      <c r="AL18" s="328">
        <v>92243</v>
      </c>
      <c r="AM18" s="326">
        <v>0</v>
      </c>
      <c r="AN18" s="327">
        <v>400124</v>
      </c>
      <c r="AO18" s="327">
        <v>1152468</v>
      </c>
      <c r="AP18" s="327">
        <v>1281148</v>
      </c>
      <c r="AQ18" s="327">
        <v>4251241</v>
      </c>
      <c r="AR18" s="327">
        <v>4606315</v>
      </c>
      <c r="AS18" s="328">
        <v>11691296</v>
      </c>
      <c r="AT18" s="330">
        <v>11783539</v>
      </c>
      <c r="AU18" s="326">
        <v>2560033</v>
      </c>
      <c r="AV18" s="327">
        <v>9098396</v>
      </c>
      <c r="AW18" s="328">
        <v>11658429</v>
      </c>
      <c r="AX18" s="326">
        <v>0</v>
      </c>
      <c r="AY18" s="327">
        <v>11928079</v>
      </c>
      <c r="AZ18" s="327">
        <v>18402639</v>
      </c>
      <c r="BA18" s="327">
        <v>10510366</v>
      </c>
      <c r="BB18" s="327">
        <v>10916855</v>
      </c>
      <c r="BC18" s="327">
        <v>8755588</v>
      </c>
      <c r="BD18" s="328">
        <v>60513527</v>
      </c>
      <c r="BE18" s="330">
        <v>72171956</v>
      </c>
      <c r="BF18" s="326">
        <v>185637</v>
      </c>
      <c r="BG18" s="327">
        <v>646998</v>
      </c>
      <c r="BH18" s="331">
        <v>832635</v>
      </c>
      <c r="BI18" s="332">
        <v>0</v>
      </c>
      <c r="BJ18" s="327">
        <v>505507</v>
      </c>
      <c r="BK18" s="327">
        <v>1612827</v>
      </c>
      <c r="BL18" s="327">
        <v>648795</v>
      </c>
      <c r="BM18" s="327">
        <v>815216</v>
      </c>
      <c r="BN18" s="327">
        <v>438397</v>
      </c>
      <c r="BO18" s="328">
        <v>4020742</v>
      </c>
      <c r="BP18" s="330">
        <v>4853377</v>
      </c>
      <c r="BQ18" s="326">
        <v>933387</v>
      </c>
      <c r="BR18" s="327">
        <v>1305529</v>
      </c>
      <c r="BS18" s="328">
        <v>2238916</v>
      </c>
      <c r="BT18" s="326">
        <v>0</v>
      </c>
      <c r="BU18" s="327">
        <v>4969697</v>
      </c>
      <c r="BV18" s="327">
        <v>5900163</v>
      </c>
      <c r="BW18" s="327">
        <v>5748507</v>
      </c>
      <c r="BX18" s="327">
        <v>6894444</v>
      </c>
      <c r="BY18" s="327">
        <v>4821729</v>
      </c>
      <c r="BZ18" s="328">
        <v>28334540</v>
      </c>
      <c r="CA18" s="330">
        <v>30573456</v>
      </c>
      <c r="CB18" s="326">
        <v>2531517</v>
      </c>
      <c r="CC18" s="327">
        <v>6330296</v>
      </c>
      <c r="CD18" s="328">
        <v>8861813</v>
      </c>
      <c r="CE18" s="326">
        <v>0</v>
      </c>
      <c r="CF18" s="327">
        <v>45763603</v>
      </c>
      <c r="CG18" s="327">
        <v>46624410</v>
      </c>
      <c r="CH18" s="327">
        <v>36609001</v>
      </c>
      <c r="CI18" s="327">
        <v>27350238</v>
      </c>
      <c r="CJ18" s="327">
        <v>12872825</v>
      </c>
      <c r="CK18" s="328">
        <v>169220077</v>
      </c>
      <c r="CL18" s="330">
        <v>178081890</v>
      </c>
      <c r="CM18" s="326">
        <v>0</v>
      </c>
      <c r="CN18" s="327">
        <v>0</v>
      </c>
      <c r="CO18" s="328">
        <v>0</v>
      </c>
      <c r="CP18" s="332">
        <v>0</v>
      </c>
      <c r="CQ18" s="327">
        <v>39969218</v>
      </c>
      <c r="CR18" s="327">
        <v>34719727</v>
      </c>
      <c r="CS18" s="327">
        <v>28551805</v>
      </c>
      <c r="CT18" s="327">
        <v>21658751</v>
      </c>
      <c r="CU18" s="327">
        <v>10315865</v>
      </c>
      <c r="CV18" s="328">
        <v>135215366</v>
      </c>
      <c r="CW18" s="330">
        <v>135215366</v>
      </c>
      <c r="CX18" s="326">
        <v>2531517</v>
      </c>
      <c r="CY18" s="327">
        <v>6330296</v>
      </c>
      <c r="CZ18" s="328">
        <v>8861813</v>
      </c>
      <c r="DA18" s="326">
        <v>0</v>
      </c>
      <c r="DB18" s="327">
        <v>5794385</v>
      </c>
      <c r="DC18" s="327">
        <v>11904683</v>
      </c>
      <c r="DD18" s="327">
        <v>8057196</v>
      </c>
      <c r="DE18" s="327">
        <v>5691487</v>
      </c>
      <c r="DF18" s="327">
        <v>2556960</v>
      </c>
      <c r="DG18" s="328">
        <v>34004711</v>
      </c>
      <c r="DH18" s="330">
        <v>42866524</v>
      </c>
      <c r="DI18" s="326">
        <v>191240</v>
      </c>
      <c r="DJ18" s="327">
        <v>432511</v>
      </c>
      <c r="DK18" s="331">
        <v>623751</v>
      </c>
      <c r="DL18" s="332">
        <v>0</v>
      </c>
      <c r="DM18" s="327">
        <v>6134965</v>
      </c>
      <c r="DN18" s="327">
        <v>8225659</v>
      </c>
      <c r="DO18" s="327">
        <v>14415472</v>
      </c>
      <c r="DP18" s="327">
        <v>10280171</v>
      </c>
      <c r="DQ18" s="327">
        <v>5680105</v>
      </c>
      <c r="DR18" s="328">
        <v>44736372</v>
      </c>
      <c r="DS18" s="330">
        <v>45360123</v>
      </c>
      <c r="DT18" s="326">
        <v>191240</v>
      </c>
      <c r="DU18" s="327">
        <v>432511</v>
      </c>
      <c r="DV18" s="328">
        <v>623751</v>
      </c>
      <c r="DW18" s="326">
        <v>0</v>
      </c>
      <c r="DX18" s="327">
        <v>5906311</v>
      </c>
      <c r="DY18" s="327">
        <v>7625181</v>
      </c>
      <c r="DZ18" s="327">
        <v>14018642</v>
      </c>
      <c r="EA18" s="327">
        <v>9607505</v>
      </c>
      <c r="EB18" s="327">
        <v>5103271</v>
      </c>
      <c r="EC18" s="328">
        <v>42260910</v>
      </c>
      <c r="ED18" s="330">
        <v>42884661</v>
      </c>
      <c r="EE18" s="326">
        <v>0</v>
      </c>
      <c r="EF18" s="331">
        <v>0</v>
      </c>
      <c r="EG18" s="328">
        <v>0</v>
      </c>
      <c r="EH18" s="326">
        <v>0</v>
      </c>
      <c r="EI18" s="327">
        <v>228654</v>
      </c>
      <c r="EJ18" s="327">
        <v>600478</v>
      </c>
      <c r="EK18" s="327">
        <v>396830</v>
      </c>
      <c r="EL18" s="327">
        <v>672666</v>
      </c>
      <c r="EM18" s="327">
        <v>576834</v>
      </c>
      <c r="EN18" s="331">
        <v>2475462</v>
      </c>
      <c r="EO18" s="330">
        <v>2475462</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3841884</v>
      </c>
      <c r="FM18" s="327">
        <v>7832311</v>
      </c>
      <c r="FN18" s="328">
        <v>11674195</v>
      </c>
      <c r="FO18" s="326">
        <v>0</v>
      </c>
      <c r="FP18" s="327">
        <v>5599716</v>
      </c>
      <c r="FQ18" s="327">
        <v>16016790</v>
      </c>
      <c r="FR18" s="327">
        <v>12216876</v>
      </c>
      <c r="FS18" s="327">
        <v>12728430</v>
      </c>
      <c r="FT18" s="327">
        <v>8725180</v>
      </c>
      <c r="FU18" s="328">
        <v>55286992</v>
      </c>
      <c r="FV18" s="330">
        <v>66961187</v>
      </c>
      <c r="FW18" s="333">
        <v>2423778</v>
      </c>
      <c r="FX18" s="327">
        <v>6534524</v>
      </c>
      <c r="FY18" s="331">
        <v>8958302</v>
      </c>
      <c r="FZ18" s="332">
        <v>0</v>
      </c>
      <c r="GA18" s="327">
        <v>4074951</v>
      </c>
      <c r="GB18" s="327">
        <v>14924491</v>
      </c>
      <c r="GC18" s="327">
        <v>11342667</v>
      </c>
      <c r="GD18" s="327">
        <v>12191271</v>
      </c>
      <c r="GE18" s="327">
        <v>8092420</v>
      </c>
      <c r="GF18" s="328">
        <v>50625800</v>
      </c>
      <c r="GG18" s="334">
        <v>59584102</v>
      </c>
      <c r="GH18" s="333">
        <v>159720</v>
      </c>
      <c r="GI18" s="327">
        <v>639237</v>
      </c>
      <c r="GJ18" s="331">
        <v>798957</v>
      </c>
      <c r="GK18" s="332">
        <v>0</v>
      </c>
      <c r="GL18" s="327">
        <v>317025</v>
      </c>
      <c r="GM18" s="327">
        <v>534609</v>
      </c>
      <c r="GN18" s="327">
        <v>389739</v>
      </c>
      <c r="GO18" s="327">
        <v>207489</v>
      </c>
      <c r="GP18" s="327">
        <v>151890</v>
      </c>
      <c r="GQ18" s="328">
        <v>1600752</v>
      </c>
      <c r="GR18" s="330">
        <v>2399709</v>
      </c>
      <c r="GS18" s="326">
        <v>1258386</v>
      </c>
      <c r="GT18" s="327">
        <v>658550</v>
      </c>
      <c r="GU18" s="328">
        <v>1916936</v>
      </c>
      <c r="GV18" s="326">
        <v>0</v>
      </c>
      <c r="GW18" s="327">
        <v>1207740</v>
      </c>
      <c r="GX18" s="327">
        <v>557690</v>
      </c>
      <c r="GY18" s="327">
        <v>484470</v>
      </c>
      <c r="GZ18" s="327">
        <v>329670</v>
      </c>
      <c r="HA18" s="327">
        <v>480870</v>
      </c>
      <c r="HB18" s="331">
        <v>3060440</v>
      </c>
      <c r="HC18" s="330">
        <v>4977376</v>
      </c>
      <c r="HD18" s="326">
        <v>2687817</v>
      </c>
      <c r="HE18" s="327">
        <v>4055389</v>
      </c>
      <c r="HF18" s="331">
        <v>6743206</v>
      </c>
      <c r="HG18" s="332">
        <v>0</v>
      </c>
      <c r="HH18" s="327">
        <v>20999596</v>
      </c>
      <c r="HI18" s="327">
        <v>24376017</v>
      </c>
      <c r="HJ18" s="327">
        <v>25790205</v>
      </c>
      <c r="HK18" s="327">
        <v>32061230</v>
      </c>
      <c r="HL18" s="327">
        <v>20576807</v>
      </c>
      <c r="HM18" s="328">
        <v>123803855</v>
      </c>
      <c r="HN18" s="329">
        <v>130547061</v>
      </c>
      <c r="HO18" s="333">
        <v>3340669</v>
      </c>
      <c r="HP18" s="327">
        <v>5948147</v>
      </c>
      <c r="HQ18" s="328">
        <v>9288816</v>
      </c>
      <c r="HR18" s="326">
        <v>0</v>
      </c>
      <c r="HS18" s="327">
        <v>23153715</v>
      </c>
      <c r="HT18" s="327">
        <v>20903710</v>
      </c>
      <c r="HU18" s="327">
        <v>14896381</v>
      </c>
      <c r="HV18" s="327">
        <v>11914274</v>
      </c>
      <c r="HW18" s="327">
        <v>6164056</v>
      </c>
      <c r="HX18" s="331">
        <v>77032136</v>
      </c>
      <c r="HY18" s="330">
        <v>86320952</v>
      </c>
      <c r="HZ18" s="358">
        <v>0</v>
      </c>
      <c r="IA18" s="356">
        <v>92727</v>
      </c>
      <c r="IB18" s="358">
        <v>92727</v>
      </c>
      <c r="IC18" s="355">
        <v>0</v>
      </c>
      <c r="ID18" s="356">
        <v>36251820</v>
      </c>
      <c r="IE18" s="357">
        <v>41241393</v>
      </c>
      <c r="IF18" s="358">
        <v>53595253</v>
      </c>
      <c r="IG18" s="356">
        <v>43535249</v>
      </c>
      <c r="IH18" s="358">
        <v>33327766</v>
      </c>
      <c r="II18" s="359">
        <v>207951481</v>
      </c>
      <c r="IJ18" s="358">
        <v>208044208</v>
      </c>
      <c r="IK18" s="342">
        <v>0</v>
      </c>
      <c r="IL18" s="343">
        <v>0</v>
      </c>
      <c r="IM18" s="344">
        <v>0</v>
      </c>
      <c r="IN18" s="404">
        <v>0</v>
      </c>
      <c r="IO18" s="345">
        <v>763895</v>
      </c>
      <c r="IP18" s="345">
        <v>520779</v>
      </c>
      <c r="IQ18" s="345">
        <v>605965</v>
      </c>
      <c r="IR18" s="345">
        <v>1146429</v>
      </c>
      <c r="IS18" s="345">
        <v>1157890</v>
      </c>
      <c r="IT18" s="346">
        <v>4194958</v>
      </c>
      <c r="IU18" s="347">
        <v>4194958</v>
      </c>
      <c r="IV18" s="348">
        <v>0</v>
      </c>
      <c r="IW18" s="345">
        <v>0</v>
      </c>
      <c r="IX18" s="349">
        <v>0</v>
      </c>
      <c r="IY18" s="413">
        <v>0</v>
      </c>
      <c r="IZ18" s="345">
        <v>0</v>
      </c>
      <c r="JA18" s="345">
        <v>0</v>
      </c>
      <c r="JB18" s="345">
        <v>0</v>
      </c>
      <c r="JC18" s="345">
        <v>0</v>
      </c>
      <c r="JD18" s="345">
        <v>0</v>
      </c>
      <c r="JE18" s="349">
        <v>0</v>
      </c>
      <c r="JF18" s="350">
        <v>0</v>
      </c>
      <c r="JG18" s="348">
        <v>0</v>
      </c>
      <c r="JH18" s="345">
        <v>0</v>
      </c>
      <c r="JI18" s="346">
        <v>0</v>
      </c>
      <c r="JJ18" s="351">
        <v>0</v>
      </c>
      <c r="JK18" s="345">
        <v>19982091</v>
      </c>
      <c r="JL18" s="345">
        <v>16475586</v>
      </c>
      <c r="JM18" s="345">
        <v>14940368</v>
      </c>
      <c r="JN18" s="345">
        <v>6930712</v>
      </c>
      <c r="JO18" s="345">
        <v>3417435</v>
      </c>
      <c r="JP18" s="349">
        <v>61746192</v>
      </c>
      <c r="JQ18" s="347">
        <v>61746192</v>
      </c>
      <c r="JR18" s="348">
        <v>0</v>
      </c>
      <c r="JS18" s="345">
        <v>0</v>
      </c>
      <c r="JT18" s="346">
        <v>0</v>
      </c>
      <c r="JU18" s="351">
        <v>0</v>
      </c>
      <c r="JV18" s="345">
        <v>331592</v>
      </c>
      <c r="JW18" s="345">
        <v>99754</v>
      </c>
      <c r="JX18" s="345">
        <v>352261</v>
      </c>
      <c r="JY18" s="345">
        <v>0</v>
      </c>
      <c r="JZ18" s="345">
        <v>188621</v>
      </c>
      <c r="KA18" s="349">
        <v>972228</v>
      </c>
      <c r="KB18" s="347">
        <v>972228</v>
      </c>
      <c r="KC18" s="352">
        <v>0</v>
      </c>
      <c r="KD18" s="353">
        <v>92727</v>
      </c>
      <c r="KE18" s="349">
        <v>92727</v>
      </c>
      <c r="KF18" s="351">
        <v>0</v>
      </c>
      <c r="KG18" s="345">
        <v>3502345</v>
      </c>
      <c r="KH18" s="345">
        <v>6366234</v>
      </c>
      <c r="KI18" s="345">
        <v>13018745</v>
      </c>
      <c r="KJ18" s="345">
        <v>12131711</v>
      </c>
      <c r="KK18" s="345">
        <v>9044389</v>
      </c>
      <c r="KL18" s="349">
        <v>44063424</v>
      </c>
      <c r="KM18" s="354">
        <v>44156151</v>
      </c>
      <c r="KN18" s="342">
        <v>0</v>
      </c>
      <c r="KO18" s="343">
        <v>0</v>
      </c>
      <c r="KP18" s="344">
        <v>0</v>
      </c>
      <c r="KQ18" s="413">
        <v>0</v>
      </c>
      <c r="KR18" s="345">
        <v>10390078</v>
      </c>
      <c r="KS18" s="345">
        <v>13428231</v>
      </c>
      <c r="KT18" s="345">
        <v>11884045</v>
      </c>
      <c r="KU18" s="345">
        <v>8918868</v>
      </c>
      <c r="KV18" s="345">
        <v>10452126</v>
      </c>
      <c r="KW18" s="349">
        <v>55073348</v>
      </c>
      <c r="KX18" s="347">
        <v>55073348</v>
      </c>
      <c r="KY18" s="348">
        <v>0</v>
      </c>
      <c r="KZ18" s="345">
        <v>0</v>
      </c>
      <c r="LA18" s="349">
        <v>0</v>
      </c>
      <c r="LB18" s="413">
        <v>0</v>
      </c>
      <c r="LC18" s="345">
        <v>0</v>
      </c>
      <c r="LD18" s="345">
        <v>1078599</v>
      </c>
      <c r="LE18" s="345">
        <v>1515893</v>
      </c>
      <c r="LF18" s="345">
        <v>2562111</v>
      </c>
      <c r="LG18" s="345">
        <v>1542292</v>
      </c>
      <c r="LH18" s="349">
        <v>6698895</v>
      </c>
      <c r="LI18" s="350">
        <v>6698895</v>
      </c>
      <c r="LJ18" s="348">
        <v>0</v>
      </c>
      <c r="LK18" s="345">
        <v>0</v>
      </c>
      <c r="LL18" s="349">
        <v>0</v>
      </c>
      <c r="LM18" s="413">
        <v>0</v>
      </c>
      <c r="LN18" s="345">
        <v>0</v>
      </c>
      <c r="LO18" s="345">
        <v>0</v>
      </c>
      <c r="LP18" s="345">
        <v>3875322</v>
      </c>
      <c r="LQ18" s="345">
        <v>4459529</v>
      </c>
      <c r="LR18" s="345">
        <v>1276077</v>
      </c>
      <c r="LS18" s="349">
        <v>9610928</v>
      </c>
      <c r="LT18" s="347">
        <v>9610928</v>
      </c>
      <c r="LU18" s="348">
        <v>0</v>
      </c>
      <c r="LV18" s="345">
        <v>0</v>
      </c>
      <c r="LW18" s="349">
        <v>0</v>
      </c>
      <c r="LX18" s="413">
        <v>0</v>
      </c>
      <c r="LY18" s="345">
        <v>1281819</v>
      </c>
      <c r="LZ18" s="345">
        <v>3272210</v>
      </c>
      <c r="MA18" s="345">
        <v>7402654</v>
      </c>
      <c r="MB18" s="345">
        <v>7385889</v>
      </c>
      <c r="MC18" s="345">
        <v>6248936</v>
      </c>
      <c r="MD18" s="349">
        <v>25591508</v>
      </c>
      <c r="ME18" s="350">
        <v>25591508</v>
      </c>
      <c r="MF18" s="348">
        <v>0</v>
      </c>
      <c r="MG18" s="345">
        <v>0</v>
      </c>
      <c r="MH18" s="349">
        <v>0</v>
      </c>
      <c r="MI18" s="413">
        <v>0</v>
      </c>
      <c r="MJ18" s="345">
        <v>9946342</v>
      </c>
      <c r="MK18" s="345">
        <v>29143329</v>
      </c>
      <c r="ML18" s="345">
        <v>101299536</v>
      </c>
      <c r="MM18" s="345">
        <v>166806007</v>
      </c>
      <c r="MN18" s="345">
        <v>90173692</v>
      </c>
      <c r="MO18" s="349">
        <v>397368906</v>
      </c>
      <c r="MP18" s="354">
        <v>397368906</v>
      </c>
      <c r="MQ18" s="348">
        <v>0</v>
      </c>
      <c r="MR18" s="345">
        <v>0</v>
      </c>
      <c r="MS18" s="349">
        <v>0</v>
      </c>
      <c r="MT18" s="413">
        <v>0</v>
      </c>
      <c r="MU18" s="345">
        <v>490779</v>
      </c>
      <c r="MV18" s="345">
        <v>3186034</v>
      </c>
      <c r="MW18" s="345">
        <v>52272749</v>
      </c>
      <c r="MX18" s="345">
        <v>105084396</v>
      </c>
      <c r="MY18" s="345">
        <v>62279889</v>
      </c>
      <c r="MZ18" s="349">
        <v>223313847</v>
      </c>
      <c r="NA18" s="354">
        <v>223313847</v>
      </c>
      <c r="NB18" s="348">
        <v>0</v>
      </c>
      <c r="NC18" s="345">
        <v>0</v>
      </c>
      <c r="ND18" s="349">
        <v>0</v>
      </c>
      <c r="NE18" s="413">
        <v>0</v>
      </c>
      <c r="NF18" s="345">
        <v>9455563</v>
      </c>
      <c r="NG18" s="345">
        <v>25957295</v>
      </c>
      <c r="NH18" s="345">
        <v>47966935</v>
      </c>
      <c r="NI18" s="345">
        <v>55213858</v>
      </c>
      <c r="NJ18" s="345">
        <v>24066651</v>
      </c>
      <c r="NK18" s="349">
        <v>162660302</v>
      </c>
      <c r="NL18" s="347">
        <v>162660302</v>
      </c>
      <c r="NM18" s="348">
        <v>0</v>
      </c>
      <c r="NN18" s="345">
        <v>0</v>
      </c>
      <c r="NO18" s="349">
        <v>0</v>
      </c>
      <c r="NP18" s="413">
        <v>0</v>
      </c>
      <c r="NQ18" s="345">
        <v>0</v>
      </c>
      <c r="NR18" s="345">
        <v>0</v>
      </c>
      <c r="NS18" s="345">
        <v>0</v>
      </c>
      <c r="NT18" s="345">
        <v>0</v>
      </c>
      <c r="NU18" s="345">
        <v>0</v>
      </c>
      <c r="NV18" s="349">
        <v>0</v>
      </c>
      <c r="NW18" s="350">
        <v>0</v>
      </c>
      <c r="NX18" s="348">
        <v>0</v>
      </c>
      <c r="NY18" s="345">
        <v>0</v>
      </c>
      <c r="NZ18" s="349">
        <v>0</v>
      </c>
      <c r="OA18" s="413">
        <v>0</v>
      </c>
      <c r="OB18" s="345">
        <v>0</v>
      </c>
      <c r="OC18" s="345">
        <v>0</v>
      </c>
      <c r="OD18" s="345">
        <v>1059852</v>
      </c>
      <c r="OE18" s="345">
        <v>6507753</v>
      </c>
      <c r="OF18" s="345">
        <v>3827152</v>
      </c>
      <c r="OG18" s="349">
        <v>11394757</v>
      </c>
      <c r="OH18" s="350">
        <v>11394757</v>
      </c>
      <c r="OI18" s="348">
        <v>16272184</v>
      </c>
      <c r="OJ18" s="345">
        <v>35834547</v>
      </c>
      <c r="OK18" s="346">
        <v>52106731</v>
      </c>
      <c r="OL18" s="351">
        <v>0</v>
      </c>
      <c r="OM18" s="345">
        <v>188284220</v>
      </c>
      <c r="ON18" s="345">
        <v>243772376</v>
      </c>
      <c r="OO18" s="345">
        <v>308706068</v>
      </c>
      <c r="OP18" s="345">
        <v>370405103</v>
      </c>
      <c r="OQ18" s="345">
        <v>231199099</v>
      </c>
      <c r="OR18" s="349">
        <v>1342366866</v>
      </c>
      <c r="OS18" s="354">
        <v>1394473597</v>
      </c>
    </row>
    <row r="19" spans="2:409" s="70" customFormat="1" ht="21" customHeight="1" x14ac:dyDescent="0.2">
      <c r="B19" s="410" t="s">
        <v>13</v>
      </c>
      <c r="C19" s="326">
        <v>3502545</v>
      </c>
      <c r="D19" s="327">
        <v>6178858</v>
      </c>
      <c r="E19" s="328">
        <v>9681403</v>
      </c>
      <c r="F19" s="326">
        <v>0</v>
      </c>
      <c r="G19" s="366">
        <v>51753609</v>
      </c>
      <c r="H19" s="327">
        <v>76403394</v>
      </c>
      <c r="I19" s="327">
        <v>57514298</v>
      </c>
      <c r="J19" s="327">
        <v>60774077</v>
      </c>
      <c r="K19" s="327">
        <v>60425184</v>
      </c>
      <c r="L19" s="331">
        <v>306870562</v>
      </c>
      <c r="M19" s="330">
        <v>316551965</v>
      </c>
      <c r="N19" s="326">
        <v>752713</v>
      </c>
      <c r="O19" s="327">
        <v>1304832</v>
      </c>
      <c r="P19" s="328">
        <v>2057545</v>
      </c>
      <c r="Q19" s="326">
        <v>0</v>
      </c>
      <c r="R19" s="327">
        <v>15533014</v>
      </c>
      <c r="S19" s="327">
        <v>25554184</v>
      </c>
      <c r="T19" s="327">
        <v>18758034</v>
      </c>
      <c r="U19" s="327">
        <v>22145626</v>
      </c>
      <c r="V19" s="327">
        <v>31490353</v>
      </c>
      <c r="W19" s="328">
        <v>113481211</v>
      </c>
      <c r="X19" s="330">
        <v>115538756</v>
      </c>
      <c r="Y19" s="326">
        <v>0</v>
      </c>
      <c r="Z19" s="327">
        <v>0</v>
      </c>
      <c r="AA19" s="328">
        <v>0</v>
      </c>
      <c r="AB19" s="326">
        <v>0</v>
      </c>
      <c r="AC19" s="327">
        <v>7050180</v>
      </c>
      <c r="AD19" s="327">
        <v>12553325</v>
      </c>
      <c r="AE19" s="327">
        <v>11055439</v>
      </c>
      <c r="AF19" s="327">
        <v>14034658</v>
      </c>
      <c r="AG19" s="327">
        <v>20124051</v>
      </c>
      <c r="AH19" s="328">
        <v>64817653</v>
      </c>
      <c r="AI19" s="330">
        <v>64817653</v>
      </c>
      <c r="AJ19" s="326">
        <v>0</v>
      </c>
      <c r="AK19" s="327">
        <v>0</v>
      </c>
      <c r="AL19" s="328">
        <v>0</v>
      </c>
      <c r="AM19" s="326">
        <v>0</v>
      </c>
      <c r="AN19" s="327">
        <v>41320</v>
      </c>
      <c r="AO19" s="327">
        <v>165779</v>
      </c>
      <c r="AP19" s="327">
        <v>143673</v>
      </c>
      <c r="AQ19" s="327">
        <v>1187206</v>
      </c>
      <c r="AR19" s="327">
        <v>3092082</v>
      </c>
      <c r="AS19" s="328">
        <v>4630060</v>
      </c>
      <c r="AT19" s="330">
        <v>4630060</v>
      </c>
      <c r="AU19" s="326">
        <v>296035</v>
      </c>
      <c r="AV19" s="327">
        <v>891250</v>
      </c>
      <c r="AW19" s="328">
        <v>1187285</v>
      </c>
      <c r="AX19" s="326">
        <v>0</v>
      </c>
      <c r="AY19" s="327">
        <v>4981548</v>
      </c>
      <c r="AZ19" s="327">
        <v>8602843</v>
      </c>
      <c r="BA19" s="327">
        <v>4287489</v>
      </c>
      <c r="BB19" s="327">
        <v>3791010</v>
      </c>
      <c r="BC19" s="327">
        <v>5012351</v>
      </c>
      <c r="BD19" s="328">
        <v>26675241</v>
      </c>
      <c r="BE19" s="330">
        <v>27862526</v>
      </c>
      <c r="BF19" s="326">
        <v>53383</v>
      </c>
      <c r="BG19" s="327">
        <v>54185</v>
      </c>
      <c r="BH19" s="331">
        <v>107568</v>
      </c>
      <c r="BI19" s="332">
        <v>0</v>
      </c>
      <c r="BJ19" s="327">
        <v>360314</v>
      </c>
      <c r="BK19" s="327">
        <v>468715</v>
      </c>
      <c r="BL19" s="327">
        <v>478263</v>
      </c>
      <c r="BM19" s="327">
        <v>158173</v>
      </c>
      <c r="BN19" s="327">
        <v>263074</v>
      </c>
      <c r="BO19" s="328">
        <v>1728539</v>
      </c>
      <c r="BP19" s="330">
        <v>1836107</v>
      </c>
      <c r="BQ19" s="326">
        <v>403295</v>
      </c>
      <c r="BR19" s="327">
        <v>359397</v>
      </c>
      <c r="BS19" s="328">
        <v>762692</v>
      </c>
      <c r="BT19" s="326">
        <v>0</v>
      </c>
      <c r="BU19" s="327">
        <v>3099652</v>
      </c>
      <c r="BV19" s="327">
        <v>3763522</v>
      </c>
      <c r="BW19" s="327">
        <v>2793170</v>
      </c>
      <c r="BX19" s="327">
        <v>2974579</v>
      </c>
      <c r="BY19" s="327">
        <v>2998795</v>
      </c>
      <c r="BZ19" s="328">
        <v>15629718</v>
      </c>
      <c r="CA19" s="330">
        <v>16392410</v>
      </c>
      <c r="CB19" s="326">
        <v>305970</v>
      </c>
      <c r="CC19" s="327">
        <v>695250</v>
      </c>
      <c r="CD19" s="328">
        <v>1001220</v>
      </c>
      <c r="CE19" s="326">
        <v>0</v>
      </c>
      <c r="CF19" s="327">
        <v>10640623</v>
      </c>
      <c r="CG19" s="327">
        <v>16735561</v>
      </c>
      <c r="CH19" s="327">
        <v>8782468</v>
      </c>
      <c r="CI19" s="327">
        <v>10165342</v>
      </c>
      <c r="CJ19" s="327">
        <v>4582403</v>
      </c>
      <c r="CK19" s="328">
        <v>50906397</v>
      </c>
      <c r="CL19" s="330">
        <v>51907617</v>
      </c>
      <c r="CM19" s="326">
        <v>0</v>
      </c>
      <c r="CN19" s="327">
        <v>0</v>
      </c>
      <c r="CO19" s="328">
        <v>0</v>
      </c>
      <c r="CP19" s="332">
        <v>0</v>
      </c>
      <c r="CQ19" s="327">
        <v>9290756</v>
      </c>
      <c r="CR19" s="327">
        <v>14236281</v>
      </c>
      <c r="CS19" s="327">
        <v>7065403</v>
      </c>
      <c r="CT19" s="327">
        <v>7430633</v>
      </c>
      <c r="CU19" s="327">
        <v>3753236</v>
      </c>
      <c r="CV19" s="328">
        <v>41776309</v>
      </c>
      <c r="CW19" s="330">
        <v>41776309</v>
      </c>
      <c r="CX19" s="326">
        <v>305970</v>
      </c>
      <c r="CY19" s="327">
        <v>695250</v>
      </c>
      <c r="CZ19" s="328">
        <v>1001220</v>
      </c>
      <c r="DA19" s="326">
        <v>0</v>
      </c>
      <c r="DB19" s="327">
        <v>1349867</v>
      </c>
      <c r="DC19" s="327">
        <v>2499280</v>
      </c>
      <c r="DD19" s="327">
        <v>1717065</v>
      </c>
      <c r="DE19" s="327">
        <v>2734709</v>
      </c>
      <c r="DF19" s="327">
        <v>829167</v>
      </c>
      <c r="DG19" s="328">
        <v>9130088</v>
      </c>
      <c r="DH19" s="330">
        <v>10131308</v>
      </c>
      <c r="DI19" s="326">
        <v>0</v>
      </c>
      <c r="DJ19" s="327">
        <v>0</v>
      </c>
      <c r="DK19" s="331">
        <v>0</v>
      </c>
      <c r="DL19" s="332">
        <v>0</v>
      </c>
      <c r="DM19" s="327">
        <v>787437</v>
      </c>
      <c r="DN19" s="327">
        <v>2356412</v>
      </c>
      <c r="DO19" s="327">
        <v>4695918</v>
      </c>
      <c r="DP19" s="327">
        <v>4533147</v>
      </c>
      <c r="DQ19" s="327">
        <v>4096129</v>
      </c>
      <c r="DR19" s="328">
        <v>16469043</v>
      </c>
      <c r="DS19" s="330">
        <v>16469043</v>
      </c>
      <c r="DT19" s="326">
        <v>0</v>
      </c>
      <c r="DU19" s="327">
        <v>0</v>
      </c>
      <c r="DV19" s="328">
        <v>0</v>
      </c>
      <c r="DW19" s="326">
        <v>0</v>
      </c>
      <c r="DX19" s="327">
        <v>641020</v>
      </c>
      <c r="DY19" s="327">
        <v>2142726</v>
      </c>
      <c r="DZ19" s="327">
        <v>4149011</v>
      </c>
      <c r="EA19" s="327">
        <v>3907049</v>
      </c>
      <c r="EB19" s="327">
        <v>3746877</v>
      </c>
      <c r="EC19" s="328">
        <v>14586683</v>
      </c>
      <c r="ED19" s="330">
        <v>14586683</v>
      </c>
      <c r="EE19" s="326">
        <v>0</v>
      </c>
      <c r="EF19" s="331">
        <v>0</v>
      </c>
      <c r="EG19" s="328">
        <v>0</v>
      </c>
      <c r="EH19" s="326">
        <v>0</v>
      </c>
      <c r="EI19" s="327">
        <v>146417</v>
      </c>
      <c r="EJ19" s="327">
        <v>213686</v>
      </c>
      <c r="EK19" s="327">
        <v>546907</v>
      </c>
      <c r="EL19" s="327">
        <v>626098</v>
      </c>
      <c r="EM19" s="327">
        <v>349252</v>
      </c>
      <c r="EN19" s="331">
        <v>1882360</v>
      </c>
      <c r="EO19" s="330">
        <v>1882360</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1001440</v>
      </c>
      <c r="FM19" s="327">
        <v>1859378</v>
      </c>
      <c r="FN19" s="328">
        <v>2860818</v>
      </c>
      <c r="FO19" s="326">
        <v>0</v>
      </c>
      <c r="FP19" s="327">
        <v>2371717</v>
      </c>
      <c r="FQ19" s="327">
        <v>6832695</v>
      </c>
      <c r="FR19" s="327">
        <v>4460978</v>
      </c>
      <c r="FS19" s="327">
        <v>3995218</v>
      </c>
      <c r="FT19" s="327">
        <v>3728508</v>
      </c>
      <c r="FU19" s="328">
        <v>21389116</v>
      </c>
      <c r="FV19" s="330">
        <v>24249934</v>
      </c>
      <c r="FW19" s="333">
        <v>415436</v>
      </c>
      <c r="FX19" s="327">
        <v>938572</v>
      </c>
      <c r="FY19" s="331">
        <v>1354008</v>
      </c>
      <c r="FZ19" s="332">
        <v>0</v>
      </c>
      <c r="GA19" s="327">
        <v>1994661</v>
      </c>
      <c r="GB19" s="327">
        <v>5935124</v>
      </c>
      <c r="GC19" s="327">
        <v>4107055</v>
      </c>
      <c r="GD19" s="327">
        <v>3838734</v>
      </c>
      <c r="GE19" s="327">
        <v>3297520</v>
      </c>
      <c r="GF19" s="328">
        <v>19173094</v>
      </c>
      <c r="GG19" s="334">
        <v>20527102</v>
      </c>
      <c r="GH19" s="333">
        <v>49104</v>
      </c>
      <c r="GI19" s="327">
        <v>77778</v>
      </c>
      <c r="GJ19" s="331">
        <v>126882</v>
      </c>
      <c r="GK19" s="332">
        <v>0</v>
      </c>
      <c r="GL19" s="327">
        <v>188056</v>
      </c>
      <c r="GM19" s="327">
        <v>120811</v>
      </c>
      <c r="GN19" s="327">
        <v>41223</v>
      </c>
      <c r="GO19" s="327">
        <v>54984</v>
      </c>
      <c r="GP19" s="327">
        <v>24588</v>
      </c>
      <c r="GQ19" s="328">
        <v>429662</v>
      </c>
      <c r="GR19" s="330">
        <v>556544</v>
      </c>
      <c r="GS19" s="326">
        <v>536900</v>
      </c>
      <c r="GT19" s="327">
        <v>843028</v>
      </c>
      <c r="GU19" s="328">
        <v>1379928</v>
      </c>
      <c r="GV19" s="326">
        <v>0</v>
      </c>
      <c r="GW19" s="327">
        <v>189000</v>
      </c>
      <c r="GX19" s="327">
        <v>776760</v>
      </c>
      <c r="GY19" s="327">
        <v>312700</v>
      </c>
      <c r="GZ19" s="327">
        <v>101500</v>
      </c>
      <c r="HA19" s="327">
        <v>406400</v>
      </c>
      <c r="HB19" s="331">
        <v>1786360</v>
      </c>
      <c r="HC19" s="330">
        <v>3166288</v>
      </c>
      <c r="HD19" s="326">
        <v>953206</v>
      </c>
      <c r="HE19" s="327">
        <v>1385910</v>
      </c>
      <c r="HF19" s="331">
        <v>2339116</v>
      </c>
      <c r="HG19" s="332">
        <v>0</v>
      </c>
      <c r="HH19" s="327">
        <v>13702339</v>
      </c>
      <c r="HI19" s="327">
        <v>15390282</v>
      </c>
      <c r="HJ19" s="327">
        <v>15711970</v>
      </c>
      <c r="HK19" s="327">
        <v>15993919</v>
      </c>
      <c r="HL19" s="327">
        <v>13547215</v>
      </c>
      <c r="HM19" s="328">
        <v>74345725</v>
      </c>
      <c r="HN19" s="329">
        <v>76684841</v>
      </c>
      <c r="HO19" s="333">
        <v>489216</v>
      </c>
      <c r="HP19" s="327">
        <v>933488</v>
      </c>
      <c r="HQ19" s="328">
        <v>1422704</v>
      </c>
      <c r="HR19" s="326">
        <v>0</v>
      </c>
      <c r="HS19" s="327">
        <v>8718479</v>
      </c>
      <c r="HT19" s="327">
        <v>9534260</v>
      </c>
      <c r="HU19" s="327">
        <v>5104930</v>
      </c>
      <c r="HV19" s="327">
        <v>3940825</v>
      </c>
      <c r="HW19" s="327">
        <v>2980576</v>
      </c>
      <c r="HX19" s="331">
        <v>30279070</v>
      </c>
      <c r="HY19" s="330">
        <v>31701774</v>
      </c>
      <c r="HZ19" s="335">
        <v>213965</v>
      </c>
      <c r="IA19" s="336">
        <v>66888</v>
      </c>
      <c r="IB19" s="337">
        <v>280853</v>
      </c>
      <c r="IC19" s="338">
        <v>0</v>
      </c>
      <c r="ID19" s="336">
        <v>11996102</v>
      </c>
      <c r="IE19" s="339">
        <v>16685248</v>
      </c>
      <c r="IF19" s="337">
        <v>15323071</v>
      </c>
      <c r="IG19" s="336">
        <v>11342654</v>
      </c>
      <c r="IH19" s="337">
        <v>8787944</v>
      </c>
      <c r="II19" s="340">
        <v>64135019</v>
      </c>
      <c r="IJ19" s="341">
        <v>64415872</v>
      </c>
      <c r="IK19" s="342">
        <v>0</v>
      </c>
      <c r="IL19" s="343">
        <v>0</v>
      </c>
      <c r="IM19" s="344">
        <v>0</v>
      </c>
      <c r="IN19" s="404">
        <v>0</v>
      </c>
      <c r="IO19" s="345">
        <v>76600</v>
      </c>
      <c r="IP19" s="345">
        <v>133798</v>
      </c>
      <c r="IQ19" s="345">
        <v>166368</v>
      </c>
      <c r="IR19" s="345">
        <v>281475</v>
      </c>
      <c r="IS19" s="345">
        <v>631094</v>
      </c>
      <c r="IT19" s="346">
        <v>1289335</v>
      </c>
      <c r="IU19" s="347">
        <v>1289335</v>
      </c>
      <c r="IV19" s="348">
        <v>0</v>
      </c>
      <c r="IW19" s="345">
        <v>0</v>
      </c>
      <c r="IX19" s="349">
        <v>0</v>
      </c>
      <c r="IY19" s="413">
        <v>0</v>
      </c>
      <c r="IZ19" s="345">
        <v>0</v>
      </c>
      <c r="JA19" s="345">
        <v>0</v>
      </c>
      <c r="JB19" s="345">
        <v>0</v>
      </c>
      <c r="JC19" s="345">
        <v>0</v>
      </c>
      <c r="JD19" s="345">
        <v>0</v>
      </c>
      <c r="JE19" s="349">
        <v>0</v>
      </c>
      <c r="JF19" s="350">
        <v>0</v>
      </c>
      <c r="JG19" s="348">
        <v>0</v>
      </c>
      <c r="JH19" s="345">
        <v>0</v>
      </c>
      <c r="JI19" s="346">
        <v>0</v>
      </c>
      <c r="JJ19" s="351">
        <v>0</v>
      </c>
      <c r="JK19" s="345">
        <v>5834378</v>
      </c>
      <c r="JL19" s="345">
        <v>10187444</v>
      </c>
      <c r="JM19" s="345">
        <v>6103052</v>
      </c>
      <c r="JN19" s="345">
        <v>3483972</v>
      </c>
      <c r="JO19" s="345">
        <v>1781589</v>
      </c>
      <c r="JP19" s="349">
        <v>27390435</v>
      </c>
      <c r="JQ19" s="347">
        <v>27390435</v>
      </c>
      <c r="JR19" s="348">
        <v>0</v>
      </c>
      <c r="JS19" s="345">
        <v>0</v>
      </c>
      <c r="JT19" s="346">
        <v>0</v>
      </c>
      <c r="JU19" s="351">
        <v>0</v>
      </c>
      <c r="JV19" s="345">
        <v>0</v>
      </c>
      <c r="JW19" s="345">
        <v>764931</v>
      </c>
      <c r="JX19" s="345">
        <v>1284507</v>
      </c>
      <c r="JY19" s="345">
        <v>612918</v>
      </c>
      <c r="JZ19" s="345">
        <v>1236269</v>
      </c>
      <c r="KA19" s="349">
        <v>3898625</v>
      </c>
      <c r="KB19" s="347">
        <v>3898625</v>
      </c>
      <c r="KC19" s="352">
        <v>213965</v>
      </c>
      <c r="KD19" s="353">
        <v>66888</v>
      </c>
      <c r="KE19" s="349">
        <v>280853</v>
      </c>
      <c r="KF19" s="351">
        <v>0</v>
      </c>
      <c r="KG19" s="345">
        <v>1771936</v>
      </c>
      <c r="KH19" s="345">
        <v>2053477</v>
      </c>
      <c r="KI19" s="345">
        <v>2069478</v>
      </c>
      <c r="KJ19" s="345">
        <v>156011</v>
      </c>
      <c r="KK19" s="345">
        <v>861752</v>
      </c>
      <c r="KL19" s="349">
        <v>6912654</v>
      </c>
      <c r="KM19" s="354">
        <v>7193507</v>
      </c>
      <c r="KN19" s="342">
        <v>0</v>
      </c>
      <c r="KO19" s="343">
        <v>0</v>
      </c>
      <c r="KP19" s="344">
        <v>0</v>
      </c>
      <c r="KQ19" s="413">
        <v>0</v>
      </c>
      <c r="KR19" s="345">
        <v>3956004</v>
      </c>
      <c r="KS19" s="345">
        <v>3345293</v>
      </c>
      <c r="KT19" s="345">
        <v>4850853</v>
      </c>
      <c r="KU19" s="345">
        <v>5345886</v>
      </c>
      <c r="KV19" s="345">
        <v>4178805</v>
      </c>
      <c r="KW19" s="349">
        <v>21676841</v>
      </c>
      <c r="KX19" s="347">
        <v>21676841</v>
      </c>
      <c r="KY19" s="348">
        <v>0</v>
      </c>
      <c r="KZ19" s="345">
        <v>0</v>
      </c>
      <c r="LA19" s="349">
        <v>0</v>
      </c>
      <c r="LB19" s="413">
        <v>0</v>
      </c>
      <c r="LC19" s="345">
        <v>357184</v>
      </c>
      <c r="LD19" s="345">
        <v>200305</v>
      </c>
      <c r="LE19" s="345">
        <v>848813</v>
      </c>
      <c r="LF19" s="345">
        <v>1462392</v>
      </c>
      <c r="LG19" s="345">
        <v>98435</v>
      </c>
      <c r="LH19" s="349">
        <v>2967129</v>
      </c>
      <c r="LI19" s="350">
        <v>2967129</v>
      </c>
      <c r="LJ19" s="348">
        <v>0</v>
      </c>
      <c r="LK19" s="345">
        <v>0</v>
      </c>
      <c r="LL19" s="349">
        <v>0</v>
      </c>
      <c r="LM19" s="413">
        <v>0</v>
      </c>
      <c r="LN19" s="345">
        <v>0</v>
      </c>
      <c r="LO19" s="345">
        <v>0</v>
      </c>
      <c r="LP19" s="345">
        <v>0</v>
      </c>
      <c r="LQ19" s="345">
        <v>0</v>
      </c>
      <c r="LR19" s="345">
        <v>0</v>
      </c>
      <c r="LS19" s="349">
        <v>0</v>
      </c>
      <c r="LT19" s="347">
        <v>0</v>
      </c>
      <c r="LU19" s="348">
        <v>0</v>
      </c>
      <c r="LV19" s="345">
        <v>0</v>
      </c>
      <c r="LW19" s="349">
        <v>0</v>
      </c>
      <c r="LX19" s="413">
        <v>0</v>
      </c>
      <c r="LY19" s="345">
        <v>0</v>
      </c>
      <c r="LZ19" s="345">
        <v>0</v>
      </c>
      <c r="MA19" s="345">
        <v>0</v>
      </c>
      <c r="MB19" s="345">
        <v>0</v>
      </c>
      <c r="MC19" s="345">
        <v>0</v>
      </c>
      <c r="MD19" s="349">
        <v>0</v>
      </c>
      <c r="ME19" s="350">
        <v>0</v>
      </c>
      <c r="MF19" s="348">
        <v>0</v>
      </c>
      <c r="MG19" s="345">
        <v>0</v>
      </c>
      <c r="MH19" s="349">
        <v>0</v>
      </c>
      <c r="MI19" s="413">
        <v>0</v>
      </c>
      <c r="MJ19" s="345">
        <v>2602591</v>
      </c>
      <c r="MK19" s="345">
        <v>5455456</v>
      </c>
      <c r="ML19" s="345">
        <v>28712077</v>
      </c>
      <c r="MM19" s="345">
        <v>51937384</v>
      </c>
      <c r="MN19" s="345">
        <v>45996639</v>
      </c>
      <c r="MO19" s="349">
        <v>134704147</v>
      </c>
      <c r="MP19" s="354">
        <v>134704147</v>
      </c>
      <c r="MQ19" s="348">
        <v>0</v>
      </c>
      <c r="MR19" s="345">
        <v>0</v>
      </c>
      <c r="MS19" s="349">
        <v>0</v>
      </c>
      <c r="MT19" s="413">
        <v>0</v>
      </c>
      <c r="MU19" s="345">
        <v>238013</v>
      </c>
      <c r="MV19" s="345">
        <v>1254611</v>
      </c>
      <c r="MW19" s="345">
        <v>18030226</v>
      </c>
      <c r="MX19" s="345">
        <v>38243040</v>
      </c>
      <c r="MY19" s="345">
        <v>38070771</v>
      </c>
      <c r="MZ19" s="349">
        <v>95836661</v>
      </c>
      <c r="NA19" s="354">
        <v>95836661</v>
      </c>
      <c r="NB19" s="348">
        <v>0</v>
      </c>
      <c r="NC19" s="345">
        <v>0</v>
      </c>
      <c r="ND19" s="349">
        <v>0</v>
      </c>
      <c r="NE19" s="413">
        <v>0</v>
      </c>
      <c r="NF19" s="345">
        <v>2364578</v>
      </c>
      <c r="NG19" s="345">
        <v>4200845</v>
      </c>
      <c r="NH19" s="345">
        <v>10681851</v>
      </c>
      <c r="NI19" s="345">
        <v>13694344</v>
      </c>
      <c r="NJ19" s="345">
        <v>7656282</v>
      </c>
      <c r="NK19" s="349">
        <v>38597900</v>
      </c>
      <c r="NL19" s="347">
        <v>38597900</v>
      </c>
      <c r="NM19" s="348">
        <v>0</v>
      </c>
      <c r="NN19" s="345">
        <v>0</v>
      </c>
      <c r="NO19" s="349">
        <v>0</v>
      </c>
      <c r="NP19" s="413">
        <v>0</v>
      </c>
      <c r="NQ19" s="345">
        <v>0</v>
      </c>
      <c r="NR19" s="345">
        <v>0</v>
      </c>
      <c r="NS19" s="345">
        <v>0</v>
      </c>
      <c r="NT19" s="345">
        <v>0</v>
      </c>
      <c r="NU19" s="345">
        <v>0</v>
      </c>
      <c r="NV19" s="349">
        <v>0</v>
      </c>
      <c r="NW19" s="350">
        <v>0</v>
      </c>
      <c r="NX19" s="348">
        <v>0</v>
      </c>
      <c r="NY19" s="345">
        <v>0</v>
      </c>
      <c r="NZ19" s="349">
        <v>0</v>
      </c>
      <c r="OA19" s="413">
        <v>0</v>
      </c>
      <c r="OB19" s="345">
        <v>0</v>
      </c>
      <c r="OC19" s="345">
        <v>0</v>
      </c>
      <c r="OD19" s="345">
        <v>0</v>
      </c>
      <c r="OE19" s="345">
        <v>0</v>
      </c>
      <c r="OF19" s="345">
        <v>269586</v>
      </c>
      <c r="OG19" s="349">
        <v>269586</v>
      </c>
      <c r="OH19" s="350">
        <v>269586</v>
      </c>
      <c r="OI19" s="348">
        <v>3716510</v>
      </c>
      <c r="OJ19" s="345">
        <v>6245746</v>
      </c>
      <c r="OK19" s="346">
        <v>9962256</v>
      </c>
      <c r="OL19" s="351">
        <v>0</v>
      </c>
      <c r="OM19" s="345">
        <v>66352302</v>
      </c>
      <c r="ON19" s="345">
        <v>98544098</v>
      </c>
      <c r="OO19" s="345">
        <v>101549446</v>
      </c>
      <c r="OP19" s="345">
        <v>124054115</v>
      </c>
      <c r="OQ19" s="345">
        <v>115209767</v>
      </c>
      <c r="OR19" s="349">
        <v>505709728</v>
      </c>
      <c r="OS19" s="354">
        <v>515671984</v>
      </c>
    </row>
    <row r="20" spans="2:409" s="70" customFormat="1" ht="21" customHeight="1" x14ac:dyDescent="0.2">
      <c r="B20" s="410" t="s">
        <v>15</v>
      </c>
      <c r="C20" s="326">
        <v>2519620</v>
      </c>
      <c r="D20" s="327">
        <v>4116855</v>
      </c>
      <c r="E20" s="328">
        <v>6636475</v>
      </c>
      <c r="F20" s="329">
        <v>0</v>
      </c>
      <c r="G20" s="327">
        <v>35412285</v>
      </c>
      <c r="H20" s="327">
        <v>42171465</v>
      </c>
      <c r="I20" s="327">
        <v>39419972</v>
      </c>
      <c r="J20" s="327">
        <v>43548287</v>
      </c>
      <c r="K20" s="327">
        <v>27513942</v>
      </c>
      <c r="L20" s="329">
        <v>188065951</v>
      </c>
      <c r="M20" s="330">
        <v>194702426</v>
      </c>
      <c r="N20" s="326">
        <v>318412</v>
      </c>
      <c r="O20" s="327">
        <v>426460</v>
      </c>
      <c r="P20" s="328">
        <v>744872</v>
      </c>
      <c r="Q20" s="326">
        <v>0</v>
      </c>
      <c r="R20" s="327">
        <v>7353608</v>
      </c>
      <c r="S20" s="327">
        <v>11670717</v>
      </c>
      <c r="T20" s="327">
        <v>12720497</v>
      </c>
      <c r="U20" s="327">
        <v>14652735</v>
      </c>
      <c r="V20" s="327">
        <v>13077494</v>
      </c>
      <c r="W20" s="328">
        <v>59475051</v>
      </c>
      <c r="X20" s="330">
        <v>60219923</v>
      </c>
      <c r="Y20" s="326">
        <v>0</v>
      </c>
      <c r="Z20" s="327">
        <v>0</v>
      </c>
      <c r="AA20" s="328">
        <v>0</v>
      </c>
      <c r="AB20" s="326">
        <v>0</v>
      </c>
      <c r="AC20" s="327">
        <v>2881159</v>
      </c>
      <c r="AD20" s="327">
        <v>6161076</v>
      </c>
      <c r="AE20" s="327">
        <v>7620652</v>
      </c>
      <c r="AF20" s="327">
        <v>9226656</v>
      </c>
      <c r="AG20" s="327">
        <v>7753809</v>
      </c>
      <c r="AH20" s="328">
        <v>33643352</v>
      </c>
      <c r="AI20" s="330">
        <v>33643352</v>
      </c>
      <c r="AJ20" s="326">
        <v>0</v>
      </c>
      <c r="AK20" s="327">
        <v>0</v>
      </c>
      <c r="AL20" s="328">
        <v>0</v>
      </c>
      <c r="AM20" s="326">
        <v>0</v>
      </c>
      <c r="AN20" s="327">
        <v>69696</v>
      </c>
      <c r="AO20" s="327">
        <v>54047</v>
      </c>
      <c r="AP20" s="327">
        <v>370825</v>
      </c>
      <c r="AQ20" s="327">
        <v>1033460</v>
      </c>
      <c r="AR20" s="327">
        <v>1276918</v>
      </c>
      <c r="AS20" s="328">
        <v>2804946</v>
      </c>
      <c r="AT20" s="330">
        <v>2804946</v>
      </c>
      <c r="AU20" s="326">
        <v>148402</v>
      </c>
      <c r="AV20" s="327">
        <v>302788</v>
      </c>
      <c r="AW20" s="328">
        <v>451190</v>
      </c>
      <c r="AX20" s="326">
        <v>0</v>
      </c>
      <c r="AY20" s="327">
        <v>2094535</v>
      </c>
      <c r="AZ20" s="327">
        <v>3150987</v>
      </c>
      <c r="BA20" s="327">
        <v>2857245</v>
      </c>
      <c r="BB20" s="327">
        <v>2326065</v>
      </c>
      <c r="BC20" s="327">
        <v>2553331</v>
      </c>
      <c r="BD20" s="328">
        <v>12982163</v>
      </c>
      <c r="BE20" s="330">
        <v>13433353</v>
      </c>
      <c r="BF20" s="326">
        <v>0</v>
      </c>
      <c r="BG20" s="327">
        <v>19494</v>
      </c>
      <c r="BH20" s="331">
        <v>19494</v>
      </c>
      <c r="BI20" s="332">
        <v>0</v>
      </c>
      <c r="BJ20" s="327">
        <v>337549</v>
      </c>
      <c r="BK20" s="327">
        <v>361489</v>
      </c>
      <c r="BL20" s="327">
        <v>154631</v>
      </c>
      <c r="BM20" s="327">
        <v>92111</v>
      </c>
      <c r="BN20" s="327">
        <v>248849</v>
      </c>
      <c r="BO20" s="328">
        <v>1194629</v>
      </c>
      <c r="BP20" s="330">
        <v>1214123</v>
      </c>
      <c r="BQ20" s="326">
        <v>170010</v>
      </c>
      <c r="BR20" s="327">
        <v>104178</v>
      </c>
      <c r="BS20" s="328">
        <v>274188</v>
      </c>
      <c r="BT20" s="326">
        <v>0</v>
      </c>
      <c r="BU20" s="327">
        <v>1970669</v>
      </c>
      <c r="BV20" s="327">
        <v>1943118</v>
      </c>
      <c r="BW20" s="327">
        <v>1717144</v>
      </c>
      <c r="BX20" s="327">
        <v>1974443</v>
      </c>
      <c r="BY20" s="327">
        <v>1244587</v>
      </c>
      <c r="BZ20" s="328">
        <v>8849961</v>
      </c>
      <c r="CA20" s="330">
        <v>9124149</v>
      </c>
      <c r="CB20" s="326">
        <v>68722</v>
      </c>
      <c r="CC20" s="327">
        <v>324100</v>
      </c>
      <c r="CD20" s="328">
        <v>392822</v>
      </c>
      <c r="CE20" s="326">
        <v>0</v>
      </c>
      <c r="CF20" s="327">
        <v>7011145</v>
      </c>
      <c r="CG20" s="327">
        <v>10846154</v>
      </c>
      <c r="CH20" s="327">
        <v>7208436</v>
      </c>
      <c r="CI20" s="327">
        <v>4194090</v>
      </c>
      <c r="CJ20" s="327">
        <v>1795261</v>
      </c>
      <c r="CK20" s="328">
        <v>31055086</v>
      </c>
      <c r="CL20" s="330">
        <v>31447908</v>
      </c>
      <c r="CM20" s="326">
        <v>0</v>
      </c>
      <c r="CN20" s="327">
        <v>0</v>
      </c>
      <c r="CO20" s="328">
        <v>0</v>
      </c>
      <c r="CP20" s="332">
        <v>0</v>
      </c>
      <c r="CQ20" s="327">
        <v>5295752</v>
      </c>
      <c r="CR20" s="327">
        <v>8170179</v>
      </c>
      <c r="CS20" s="327">
        <v>5099866</v>
      </c>
      <c r="CT20" s="327">
        <v>3302759</v>
      </c>
      <c r="CU20" s="327">
        <v>1049848</v>
      </c>
      <c r="CV20" s="328">
        <v>22918404</v>
      </c>
      <c r="CW20" s="330">
        <v>22918404</v>
      </c>
      <c r="CX20" s="326">
        <v>68722</v>
      </c>
      <c r="CY20" s="327">
        <v>324100</v>
      </c>
      <c r="CZ20" s="328">
        <v>392822</v>
      </c>
      <c r="DA20" s="326">
        <v>0</v>
      </c>
      <c r="DB20" s="327">
        <v>1715393</v>
      </c>
      <c r="DC20" s="327">
        <v>2675975</v>
      </c>
      <c r="DD20" s="327">
        <v>2108570</v>
      </c>
      <c r="DE20" s="327">
        <v>891331</v>
      </c>
      <c r="DF20" s="327">
        <v>745413</v>
      </c>
      <c r="DG20" s="328">
        <v>8136682</v>
      </c>
      <c r="DH20" s="330">
        <v>8529504</v>
      </c>
      <c r="DI20" s="326">
        <v>15542</v>
      </c>
      <c r="DJ20" s="327">
        <v>81988</v>
      </c>
      <c r="DK20" s="331">
        <v>97530</v>
      </c>
      <c r="DL20" s="332">
        <v>0</v>
      </c>
      <c r="DM20" s="327">
        <v>1191055</v>
      </c>
      <c r="DN20" s="327">
        <v>2770489</v>
      </c>
      <c r="DO20" s="327">
        <v>5856162</v>
      </c>
      <c r="DP20" s="327">
        <v>9496055</v>
      </c>
      <c r="DQ20" s="327">
        <v>4624099</v>
      </c>
      <c r="DR20" s="328">
        <v>23937860</v>
      </c>
      <c r="DS20" s="330">
        <v>24035390</v>
      </c>
      <c r="DT20" s="326">
        <v>15542</v>
      </c>
      <c r="DU20" s="327">
        <v>81988</v>
      </c>
      <c r="DV20" s="328">
        <v>97530</v>
      </c>
      <c r="DW20" s="326">
        <v>0</v>
      </c>
      <c r="DX20" s="327">
        <v>759567</v>
      </c>
      <c r="DY20" s="327">
        <v>2437626</v>
      </c>
      <c r="DZ20" s="327">
        <v>5615327</v>
      </c>
      <c r="EA20" s="327">
        <v>8958214</v>
      </c>
      <c r="EB20" s="327">
        <v>4624099</v>
      </c>
      <c r="EC20" s="328">
        <v>22394833</v>
      </c>
      <c r="ED20" s="330">
        <v>22492363</v>
      </c>
      <c r="EE20" s="326">
        <v>0</v>
      </c>
      <c r="EF20" s="331">
        <v>0</v>
      </c>
      <c r="EG20" s="328">
        <v>0</v>
      </c>
      <c r="EH20" s="326">
        <v>0</v>
      </c>
      <c r="EI20" s="327">
        <v>431488</v>
      </c>
      <c r="EJ20" s="327">
        <v>332863</v>
      </c>
      <c r="EK20" s="327">
        <v>240835</v>
      </c>
      <c r="EL20" s="327">
        <v>537841</v>
      </c>
      <c r="EM20" s="327">
        <v>0</v>
      </c>
      <c r="EN20" s="331">
        <v>1543027</v>
      </c>
      <c r="EO20" s="330">
        <v>1543027</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724204</v>
      </c>
      <c r="FM20" s="327">
        <v>1252904</v>
      </c>
      <c r="FN20" s="328">
        <v>1977108</v>
      </c>
      <c r="FO20" s="326">
        <v>0</v>
      </c>
      <c r="FP20" s="327">
        <v>2246124</v>
      </c>
      <c r="FQ20" s="327">
        <v>4401627</v>
      </c>
      <c r="FR20" s="327">
        <v>2651233</v>
      </c>
      <c r="FS20" s="327">
        <v>2408821</v>
      </c>
      <c r="FT20" s="327">
        <v>1916724</v>
      </c>
      <c r="FU20" s="328">
        <v>13624529</v>
      </c>
      <c r="FV20" s="330">
        <v>15601637</v>
      </c>
      <c r="FW20" s="333">
        <v>395839</v>
      </c>
      <c r="FX20" s="327">
        <v>919922</v>
      </c>
      <c r="FY20" s="331">
        <v>1315761</v>
      </c>
      <c r="FZ20" s="332">
        <v>0</v>
      </c>
      <c r="GA20" s="327">
        <v>1472408</v>
      </c>
      <c r="GB20" s="327">
        <v>4120100</v>
      </c>
      <c r="GC20" s="327">
        <v>2610049</v>
      </c>
      <c r="GD20" s="327">
        <v>2337541</v>
      </c>
      <c r="GE20" s="327">
        <v>1805052</v>
      </c>
      <c r="GF20" s="328">
        <v>12345150</v>
      </c>
      <c r="GG20" s="334">
        <v>13660911</v>
      </c>
      <c r="GH20" s="333">
        <v>0</v>
      </c>
      <c r="GI20" s="327">
        <v>39672</v>
      </c>
      <c r="GJ20" s="331">
        <v>39672</v>
      </c>
      <c r="GK20" s="332">
        <v>0</v>
      </c>
      <c r="GL20" s="327">
        <v>40656</v>
      </c>
      <c r="GM20" s="327">
        <v>154952</v>
      </c>
      <c r="GN20" s="327">
        <v>41184</v>
      </c>
      <c r="GO20" s="327">
        <v>71280</v>
      </c>
      <c r="GP20" s="327">
        <v>111672</v>
      </c>
      <c r="GQ20" s="328">
        <v>419744</v>
      </c>
      <c r="GR20" s="330">
        <v>459416</v>
      </c>
      <c r="GS20" s="326">
        <v>328365</v>
      </c>
      <c r="GT20" s="327">
        <v>293310</v>
      </c>
      <c r="GU20" s="328">
        <v>621675</v>
      </c>
      <c r="GV20" s="326">
        <v>0</v>
      </c>
      <c r="GW20" s="327">
        <v>733060</v>
      </c>
      <c r="GX20" s="327">
        <v>126575</v>
      </c>
      <c r="GY20" s="327">
        <v>0</v>
      </c>
      <c r="GZ20" s="327">
        <v>0</v>
      </c>
      <c r="HA20" s="327">
        <v>0</v>
      </c>
      <c r="HB20" s="331">
        <v>859635</v>
      </c>
      <c r="HC20" s="330">
        <v>1481310</v>
      </c>
      <c r="HD20" s="326">
        <v>1012540</v>
      </c>
      <c r="HE20" s="327">
        <v>1093803</v>
      </c>
      <c r="HF20" s="331">
        <v>2106343</v>
      </c>
      <c r="HG20" s="332">
        <v>0</v>
      </c>
      <c r="HH20" s="327">
        <v>10635936</v>
      </c>
      <c r="HI20" s="327">
        <v>4958057</v>
      </c>
      <c r="HJ20" s="327">
        <v>6815324</v>
      </c>
      <c r="HK20" s="327">
        <v>9657966</v>
      </c>
      <c r="HL20" s="327">
        <v>4253872</v>
      </c>
      <c r="HM20" s="328">
        <v>36321155</v>
      </c>
      <c r="HN20" s="329">
        <v>38427498</v>
      </c>
      <c r="HO20" s="333">
        <v>380200</v>
      </c>
      <c r="HP20" s="327">
        <v>937600</v>
      </c>
      <c r="HQ20" s="328">
        <v>1317800</v>
      </c>
      <c r="HR20" s="326">
        <v>0</v>
      </c>
      <c r="HS20" s="327">
        <v>6974417</v>
      </c>
      <c r="HT20" s="327">
        <v>7524421</v>
      </c>
      <c r="HU20" s="327">
        <v>4168320</v>
      </c>
      <c r="HV20" s="327">
        <v>3138620</v>
      </c>
      <c r="HW20" s="327">
        <v>1846492</v>
      </c>
      <c r="HX20" s="331">
        <v>23652270</v>
      </c>
      <c r="HY20" s="330">
        <v>24970070</v>
      </c>
      <c r="HZ20" s="358">
        <v>51126</v>
      </c>
      <c r="IA20" s="356">
        <v>1820704</v>
      </c>
      <c r="IB20" s="358">
        <v>1871830</v>
      </c>
      <c r="IC20" s="355">
        <v>0</v>
      </c>
      <c r="ID20" s="356">
        <v>23899623</v>
      </c>
      <c r="IE20" s="357">
        <v>27033498</v>
      </c>
      <c r="IF20" s="358">
        <v>22686011</v>
      </c>
      <c r="IG20" s="356">
        <v>18061076</v>
      </c>
      <c r="IH20" s="358">
        <v>12349229</v>
      </c>
      <c r="II20" s="359">
        <v>104029437</v>
      </c>
      <c r="IJ20" s="358">
        <v>105901267</v>
      </c>
      <c r="IK20" s="342">
        <v>0</v>
      </c>
      <c r="IL20" s="343">
        <v>0</v>
      </c>
      <c r="IM20" s="344">
        <v>0</v>
      </c>
      <c r="IN20" s="404">
        <v>0</v>
      </c>
      <c r="IO20" s="345">
        <v>259780</v>
      </c>
      <c r="IP20" s="345">
        <v>643053</v>
      </c>
      <c r="IQ20" s="345">
        <v>497068</v>
      </c>
      <c r="IR20" s="345">
        <v>1387699</v>
      </c>
      <c r="IS20" s="345">
        <v>1080570</v>
      </c>
      <c r="IT20" s="346">
        <v>3868170</v>
      </c>
      <c r="IU20" s="347">
        <v>3868170</v>
      </c>
      <c r="IV20" s="348">
        <v>0</v>
      </c>
      <c r="IW20" s="345">
        <v>0</v>
      </c>
      <c r="IX20" s="349">
        <v>0</v>
      </c>
      <c r="IY20" s="413">
        <v>0</v>
      </c>
      <c r="IZ20" s="345">
        <v>0</v>
      </c>
      <c r="JA20" s="345">
        <v>0</v>
      </c>
      <c r="JB20" s="345">
        <v>0</v>
      </c>
      <c r="JC20" s="345">
        <v>0</v>
      </c>
      <c r="JD20" s="345">
        <v>0</v>
      </c>
      <c r="JE20" s="349">
        <v>0</v>
      </c>
      <c r="JF20" s="350">
        <v>0</v>
      </c>
      <c r="JG20" s="348">
        <v>0</v>
      </c>
      <c r="JH20" s="345">
        <v>0</v>
      </c>
      <c r="JI20" s="346">
        <v>0</v>
      </c>
      <c r="JJ20" s="351">
        <v>0</v>
      </c>
      <c r="JK20" s="345">
        <v>8932160</v>
      </c>
      <c r="JL20" s="345">
        <v>10358063</v>
      </c>
      <c r="JM20" s="345">
        <v>6772507</v>
      </c>
      <c r="JN20" s="345">
        <v>3825257</v>
      </c>
      <c r="JO20" s="345">
        <v>1899479</v>
      </c>
      <c r="JP20" s="349">
        <v>31787466</v>
      </c>
      <c r="JQ20" s="347">
        <v>31787466</v>
      </c>
      <c r="JR20" s="348">
        <v>0</v>
      </c>
      <c r="JS20" s="345">
        <v>76828</v>
      </c>
      <c r="JT20" s="346">
        <v>76828</v>
      </c>
      <c r="JU20" s="351">
        <v>0</v>
      </c>
      <c r="JV20" s="345">
        <v>382871</v>
      </c>
      <c r="JW20" s="345">
        <v>237209</v>
      </c>
      <c r="JX20" s="345">
        <v>630573</v>
      </c>
      <c r="JY20" s="345">
        <v>228319</v>
      </c>
      <c r="JZ20" s="345">
        <v>269052</v>
      </c>
      <c r="KA20" s="349">
        <v>1748024</v>
      </c>
      <c r="KB20" s="347">
        <v>1824852</v>
      </c>
      <c r="KC20" s="352">
        <v>51126</v>
      </c>
      <c r="KD20" s="353">
        <v>1492004</v>
      </c>
      <c r="KE20" s="349">
        <v>1543130</v>
      </c>
      <c r="KF20" s="351">
        <v>0</v>
      </c>
      <c r="KG20" s="345">
        <v>2429029</v>
      </c>
      <c r="KH20" s="345">
        <v>1847455</v>
      </c>
      <c r="KI20" s="345">
        <v>0</v>
      </c>
      <c r="KJ20" s="345">
        <v>848443</v>
      </c>
      <c r="KK20" s="345">
        <v>906935</v>
      </c>
      <c r="KL20" s="349">
        <v>6031862</v>
      </c>
      <c r="KM20" s="354">
        <v>7574992</v>
      </c>
      <c r="KN20" s="342">
        <v>0</v>
      </c>
      <c r="KO20" s="343">
        <v>251872</v>
      </c>
      <c r="KP20" s="344">
        <v>251872</v>
      </c>
      <c r="KQ20" s="413">
        <v>0</v>
      </c>
      <c r="KR20" s="345">
        <v>11091504</v>
      </c>
      <c r="KS20" s="345">
        <v>11820038</v>
      </c>
      <c r="KT20" s="345">
        <v>10584952</v>
      </c>
      <c r="KU20" s="345">
        <v>7277333</v>
      </c>
      <c r="KV20" s="345">
        <v>4966395</v>
      </c>
      <c r="KW20" s="349">
        <v>45740222</v>
      </c>
      <c r="KX20" s="347">
        <v>45992094</v>
      </c>
      <c r="KY20" s="348">
        <v>0</v>
      </c>
      <c r="KZ20" s="345">
        <v>0</v>
      </c>
      <c r="LA20" s="349">
        <v>0</v>
      </c>
      <c r="LB20" s="413">
        <v>0</v>
      </c>
      <c r="LC20" s="345">
        <v>0</v>
      </c>
      <c r="LD20" s="345">
        <v>0</v>
      </c>
      <c r="LE20" s="345">
        <v>0</v>
      </c>
      <c r="LF20" s="345">
        <v>0</v>
      </c>
      <c r="LG20" s="345">
        <v>0</v>
      </c>
      <c r="LH20" s="349">
        <v>0</v>
      </c>
      <c r="LI20" s="350">
        <v>0</v>
      </c>
      <c r="LJ20" s="348">
        <v>0</v>
      </c>
      <c r="LK20" s="345">
        <v>0</v>
      </c>
      <c r="LL20" s="349">
        <v>0</v>
      </c>
      <c r="LM20" s="413">
        <v>0</v>
      </c>
      <c r="LN20" s="345">
        <v>0</v>
      </c>
      <c r="LO20" s="345">
        <v>0</v>
      </c>
      <c r="LP20" s="345">
        <v>2807172</v>
      </c>
      <c r="LQ20" s="345">
        <v>3558031</v>
      </c>
      <c r="LR20" s="345">
        <v>2864213</v>
      </c>
      <c r="LS20" s="349">
        <v>9229416</v>
      </c>
      <c r="LT20" s="347">
        <v>9229416</v>
      </c>
      <c r="LU20" s="348">
        <v>0</v>
      </c>
      <c r="LV20" s="345">
        <v>0</v>
      </c>
      <c r="LW20" s="349">
        <v>0</v>
      </c>
      <c r="LX20" s="413">
        <v>0</v>
      </c>
      <c r="LY20" s="345">
        <v>804279</v>
      </c>
      <c r="LZ20" s="345">
        <v>2127680</v>
      </c>
      <c r="MA20" s="345">
        <v>1393739</v>
      </c>
      <c r="MB20" s="345">
        <v>935994</v>
      </c>
      <c r="MC20" s="345">
        <v>362585</v>
      </c>
      <c r="MD20" s="349">
        <v>5624277</v>
      </c>
      <c r="ME20" s="350">
        <v>5624277</v>
      </c>
      <c r="MF20" s="348">
        <v>0</v>
      </c>
      <c r="MG20" s="345">
        <v>0</v>
      </c>
      <c r="MH20" s="349">
        <v>0</v>
      </c>
      <c r="MI20" s="413">
        <v>0</v>
      </c>
      <c r="MJ20" s="345">
        <v>4655284</v>
      </c>
      <c r="MK20" s="345">
        <v>9134452</v>
      </c>
      <c r="ML20" s="345">
        <v>36217413</v>
      </c>
      <c r="MM20" s="345">
        <v>69197647</v>
      </c>
      <c r="MN20" s="345">
        <v>29295599</v>
      </c>
      <c r="MO20" s="349">
        <v>148500395</v>
      </c>
      <c r="MP20" s="354">
        <v>148500395</v>
      </c>
      <c r="MQ20" s="348">
        <v>0</v>
      </c>
      <c r="MR20" s="345">
        <v>0</v>
      </c>
      <c r="MS20" s="349">
        <v>0</v>
      </c>
      <c r="MT20" s="413">
        <v>0</v>
      </c>
      <c r="MU20" s="345">
        <v>229737</v>
      </c>
      <c r="MV20" s="345">
        <v>236068</v>
      </c>
      <c r="MW20" s="345">
        <v>23038110</v>
      </c>
      <c r="MX20" s="345">
        <v>49763718</v>
      </c>
      <c r="MY20" s="345">
        <v>21753567</v>
      </c>
      <c r="MZ20" s="349">
        <v>95021200</v>
      </c>
      <c r="NA20" s="354">
        <v>95021200</v>
      </c>
      <c r="NB20" s="348">
        <v>0</v>
      </c>
      <c r="NC20" s="345">
        <v>0</v>
      </c>
      <c r="ND20" s="349">
        <v>0</v>
      </c>
      <c r="NE20" s="413">
        <v>0</v>
      </c>
      <c r="NF20" s="345">
        <v>4425547</v>
      </c>
      <c r="NG20" s="345">
        <v>8898384</v>
      </c>
      <c r="NH20" s="345">
        <v>13179303</v>
      </c>
      <c r="NI20" s="345">
        <v>19433929</v>
      </c>
      <c r="NJ20" s="345">
        <v>7542032</v>
      </c>
      <c r="NK20" s="349">
        <v>53479195</v>
      </c>
      <c r="NL20" s="347">
        <v>53479195</v>
      </c>
      <c r="NM20" s="348">
        <v>0</v>
      </c>
      <c r="NN20" s="345">
        <v>0</v>
      </c>
      <c r="NO20" s="349">
        <v>0</v>
      </c>
      <c r="NP20" s="413">
        <v>0</v>
      </c>
      <c r="NQ20" s="345">
        <v>0</v>
      </c>
      <c r="NR20" s="345">
        <v>0</v>
      </c>
      <c r="NS20" s="345">
        <v>0</v>
      </c>
      <c r="NT20" s="345">
        <v>0</v>
      </c>
      <c r="NU20" s="345">
        <v>0</v>
      </c>
      <c r="NV20" s="349">
        <v>0</v>
      </c>
      <c r="NW20" s="350">
        <v>0</v>
      </c>
      <c r="NX20" s="348">
        <v>0</v>
      </c>
      <c r="NY20" s="345">
        <v>0</v>
      </c>
      <c r="NZ20" s="349">
        <v>0</v>
      </c>
      <c r="OA20" s="413">
        <v>0</v>
      </c>
      <c r="OB20" s="345">
        <v>0</v>
      </c>
      <c r="OC20" s="345">
        <v>0</v>
      </c>
      <c r="OD20" s="345">
        <v>0</v>
      </c>
      <c r="OE20" s="345">
        <v>0</v>
      </c>
      <c r="OF20" s="345">
        <v>0</v>
      </c>
      <c r="OG20" s="349">
        <v>0</v>
      </c>
      <c r="OH20" s="350">
        <v>0</v>
      </c>
      <c r="OI20" s="348">
        <v>2570746</v>
      </c>
      <c r="OJ20" s="345">
        <v>5937559</v>
      </c>
      <c r="OK20" s="346">
        <v>8508305</v>
      </c>
      <c r="OL20" s="351">
        <v>0</v>
      </c>
      <c r="OM20" s="345">
        <v>63967192</v>
      </c>
      <c r="ON20" s="345">
        <v>78339415</v>
      </c>
      <c r="OO20" s="345">
        <v>98323396</v>
      </c>
      <c r="OP20" s="345">
        <v>130807010</v>
      </c>
      <c r="OQ20" s="345">
        <v>69158770</v>
      </c>
      <c r="OR20" s="349">
        <v>440595783</v>
      </c>
      <c r="OS20" s="354">
        <v>449104088</v>
      </c>
    </row>
    <row r="21" spans="2:409" s="70" customFormat="1" ht="21" customHeight="1" x14ac:dyDescent="0.2">
      <c r="B21" s="410" t="s">
        <v>16</v>
      </c>
      <c r="C21" s="326">
        <v>6367784</v>
      </c>
      <c r="D21" s="327">
        <v>14242520</v>
      </c>
      <c r="E21" s="328">
        <v>20610304</v>
      </c>
      <c r="F21" s="329">
        <v>0</v>
      </c>
      <c r="G21" s="327">
        <v>83496088</v>
      </c>
      <c r="H21" s="327">
        <v>140464889</v>
      </c>
      <c r="I21" s="327">
        <v>105938605</v>
      </c>
      <c r="J21" s="327">
        <v>109756691</v>
      </c>
      <c r="K21" s="327">
        <v>68077144</v>
      </c>
      <c r="L21" s="329">
        <v>507733417</v>
      </c>
      <c r="M21" s="330">
        <v>528343721</v>
      </c>
      <c r="N21" s="326">
        <v>1213032</v>
      </c>
      <c r="O21" s="327">
        <v>2891342</v>
      </c>
      <c r="P21" s="328">
        <v>4104374</v>
      </c>
      <c r="Q21" s="326">
        <v>0</v>
      </c>
      <c r="R21" s="327">
        <v>16919254</v>
      </c>
      <c r="S21" s="327">
        <v>33494445</v>
      </c>
      <c r="T21" s="327">
        <v>26581077</v>
      </c>
      <c r="U21" s="327">
        <v>32066472</v>
      </c>
      <c r="V21" s="327">
        <v>24505566</v>
      </c>
      <c r="W21" s="328">
        <v>133566814</v>
      </c>
      <c r="X21" s="330">
        <v>137671188</v>
      </c>
      <c r="Y21" s="326">
        <v>0</v>
      </c>
      <c r="Z21" s="327">
        <v>0</v>
      </c>
      <c r="AA21" s="328">
        <v>0</v>
      </c>
      <c r="AB21" s="326">
        <v>0</v>
      </c>
      <c r="AC21" s="327">
        <v>6817603</v>
      </c>
      <c r="AD21" s="327">
        <v>12463950</v>
      </c>
      <c r="AE21" s="327">
        <v>13198963</v>
      </c>
      <c r="AF21" s="327">
        <v>17445590</v>
      </c>
      <c r="AG21" s="327">
        <v>11355981</v>
      </c>
      <c r="AH21" s="328">
        <v>61282087</v>
      </c>
      <c r="AI21" s="330">
        <v>61282087</v>
      </c>
      <c r="AJ21" s="326">
        <v>0</v>
      </c>
      <c r="AK21" s="327">
        <v>0</v>
      </c>
      <c r="AL21" s="328">
        <v>0</v>
      </c>
      <c r="AM21" s="326">
        <v>0</v>
      </c>
      <c r="AN21" s="327">
        <v>156648</v>
      </c>
      <c r="AO21" s="327">
        <v>320880</v>
      </c>
      <c r="AP21" s="327">
        <v>434864</v>
      </c>
      <c r="AQ21" s="327">
        <v>1527626</v>
      </c>
      <c r="AR21" s="327">
        <v>2474805</v>
      </c>
      <c r="AS21" s="328">
        <v>4914823</v>
      </c>
      <c r="AT21" s="330">
        <v>4914823</v>
      </c>
      <c r="AU21" s="326">
        <v>655151</v>
      </c>
      <c r="AV21" s="327">
        <v>2071189</v>
      </c>
      <c r="AW21" s="328">
        <v>2726340</v>
      </c>
      <c r="AX21" s="326">
        <v>0</v>
      </c>
      <c r="AY21" s="327">
        <v>6145546</v>
      </c>
      <c r="AZ21" s="327">
        <v>13963585</v>
      </c>
      <c r="BA21" s="327">
        <v>8604860</v>
      </c>
      <c r="BB21" s="327">
        <v>7836261</v>
      </c>
      <c r="BC21" s="327">
        <v>7339799</v>
      </c>
      <c r="BD21" s="328">
        <v>43890051</v>
      </c>
      <c r="BE21" s="330">
        <v>46616391</v>
      </c>
      <c r="BF21" s="326">
        <v>132943</v>
      </c>
      <c r="BG21" s="327">
        <v>347522</v>
      </c>
      <c r="BH21" s="331">
        <v>480465</v>
      </c>
      <c r="BI21" s="332">
        <v>0</v>
      </c>
      <c r="BJ21" s="327">
        <v>299933</v>
      </c>
      <c r="BK21" s="327">
        <v>1278607</v>
      </c>
      <c r="BL21" s="327">
        <v>595554</v>
      </c>
      <c r="BM21" s="327">
        <v>336012</v>
      </c>
      <c r="BN21" s="327">
        <v>463936</v>
      </c>
      <c r="BO21" s="328">
        <v>2974042</v>
      </c>
      <c r="BP21" s="330">
        <v>3454507</v>
      </c>
      <c r="BQ21" s="326">
        <v>424938</v>
      </c>
      <c r="BR21" s="327">
        <v>472631</v>
      </c>
      <c r="BS21" s="328">
        <v>897569</v>
      </c>
      <c r="BT21" s="326">
        <v>0</v>
      </c>
      <c r="BU21" s="327">
        <v>3499524</v>
      </c>
      <c r="BV21" s="327">
        <v>5467423</v>
      </c>
      <c r="BW21" s="327">
        <v>3746836</v>
      </c>
      <c r="BX21" s="327">
        <v>4920983</v>
      </c>
      <c r="BY21" s="327">
        <v>2871045</v>
      </c>
      <c r="BZ21" s="328">
        <v>20505811</v>
      </c>
      <c r="CA21" s="330">
        <v>21403380</v>
      </c>
      <c r="CB21" s="326">
        <v>1112506</v>
      </c>
      <c r="CC21" s="327">
        <v>4581590</v>
      </c>
      <c r="CD21" s="328">
        <v>5694096</v>
      </c>
      <c r="CE21" s="326">
        <v>0</v>
      </c>
      <c r="CF21" s="327">
        <v>29863842</v>
      </c>
      <c r="CG21" s="327">
        <v>49910676</v>
      </c>
      <c r="CH21" s="327">
        <v>33659558</v>
      </c>
      <c r="CI21" s="327">
        <v>27997487</v>
      </c>
      <c r="CJ21" s="327">
        <v>15256429</v>
      </c>
      <c r="CK21" s="328">
        <v>156687992</v>
      </c>
      <c r="CL21" s="330">
        <v>162382088</v>
      </c>
      <c r="CM21" s="326">
        <v>0</v>
      </c>
      <c r="CN21" s="327">
        <v>0</v>
      </c>
      <c r="CO21" s="328">
        <v>0</v>
      </c>
      <c r="CP21" s="332">
        <v>0</v>
      </c>
      <c r="CQ21" s="327">
        <v>20262502</v>
      </c>
      <c r="CR21" s="327">
        <v>32415183</v>
      </c>
      <c r="CS21" s="327">
        <v>24883924</v>
      </c>
      <c r="CT21" s="327">
        <v>20950915</v>
      </c>
      <c r="CU21" s="327">
        <v>11740961</v>
      </c>
      <c r="CV21" s="328">
        <v>110253485</v>
      </c>
      <c r="CW21" s="330">
        <v>110253485</v>
      </c>
      <c r="CX21" s="326">
        <v>1112506</v>
      </c>
      <c r="CY21" s="327">
        <v>4581590</v>
      </c>
      <c r="CZ21" s="328">
        <v>5694096</v>
      </c>
      <c r="DA21" s="326">
        <v>0</v>
      </c>
      <c r="DB21" s="327">
        <v>9601340</v>
      </c>
      <c r="DC21" s="327">
        <v>17495493</v>
      </c>
      <c r="DD21" s="327">
        <v>8775634</v>
      </c>
      <c r="DE21" s="327">
        <v>7046572</v>
      </c>
      <c r="DF21" s="327">
        <v>3515468</v>
      </c>
      <c r="DG21" s="328">
        <v>46434507</v>
      </c>
      <c r="DH21" s="330">
        <v>52128603</v>
      </c>
      <c r="DI21" s="326">
        <v>33814</v>
      </c>
      <c r="DJ21" s="327">
        <v>67002</v>
      </c>
      <c r="DK21" s="331">
        <v>100816</v>
      </c>
      <c r="DL21" s="332">
        <v>0</v>
      </c>
      <c r="DM21" s="327">
        <v>2071786</v>
      </c>
      <c r="DN21" s="327">
        <v>5303914</v>
      </c>
      <c r="DO21" s="327">
        <v>8189767</v>
      </c>
      <c r="DP21" s="327">
        <v>6053240</v>
      </c>
      <c r="DQ21" s="327">
        <v>2977462</v>
      </c>
      <c r="DR21" s="328">
        <v>24596169</v>
      </c>
      <c r="DS21" s="330">
        <v>24696985</v>
      </c>
      <c r="DT21" s="326">
        <v>33814</v>
      </c>
      <c r="DU21" s="327">
        <v>67002</v>
      </c>
      <c r="DV21" s="328">
        <v>100816</v>
      </c>
      <c r="DW21" s="326">
        <v>0</v>
      </c>
      <c r="DX21" s="327">
        <v>1983181</v>
      </c>
      <c r="DY21" s="327">
        <v>4928116</v>
      </c>
      <c r="DZ21" s="327">
        <v>7598166</v>
      </c>
      <c r="EA21" s="327">
        <v>4910514</v>
      </c>
      <c r="EB21" s="327">
        <v>2713015</v>
      </c>
      <c r="EC21" s="328">
        <v>22132992</v>
      </c>
      <c r="ED21" s="330">
        <v>22233808</v>
      </c>
      <c r="EE21" s="326">
        <v>0</v>
      </c>
      <c r="EF21" s="331">
        <v>0</v>
      </c>
      <c r="EG21" s="328">
        <v>0</v>
      </c>
      <c r="EH21" s="326">
        <v>0</v>
      </c>
      <c r="EI21" s="327">
        <v>88605</v>
      </c>
      <c r="EJ21" s="327">
        <v>375798</v>
      </c>
      <c r="EK21" s="327">
        <v>591601</v>
      </c>
      <c r="EL21" s="327">
        <v>1142726</v>
      </c>
      <c r="EM21" s="327">
        <v>264447</v>
      </c>
      <c r="EN21" s="331">
        <v>2463177</v>
      </c>
      <c r="EO21" s="330">
        <v>2463177</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1413651</v>
      </c>
      <c r="FM21" s="327">
        <v>2933198</v>
      </c>
      <c r="FN21" s="328">
        <v>4346849</v>
      </c>
      <c r="FO21" s="326">
        <v>0</v>
      </c>
      <c r="FP21" s="327">
        <v>3555611</v>
      </c>
      <c r="FQ21" s="327">
        <v>12754989</v>
      </c>
      <c r="FR21" s="327">
        <v>7685879</v>
      </c>
      <c r="FS21" s="327">
        <v>7316466</v>
      </c>
      <c r="FT21" s="327">
        <v>5233290</v>
      </c>
      <c r="FU21" s="328">
        <v>36546235</v>
      </c>
      <c r="FV21" s="330">
        <v>40893084</v>
      </c>
      <c r="FW21" s="333">
        <v>1039071</v>
      </c>
      <c r="FX21" s="327">
        <v>2701792</v>
      </c>
      <c r="FY21" s="331">
        <v>3740863</v>
      </c>
      <c r="FZ21" s="332">
        <v>0</v>
      </c>
      <c r="GA21" s="327">
        <v>3114418</v>
      </c>
      <c r="GB21" s="327">
        <v>11751832</v>
      </c>
      <c r="GC21" s="327">
        <v>7513085</v>
      </c>
      <c r="GD21" s="327">
        <v>6968963</v>
      </c>
      <c r="GE21" s="327">
        <v>5214282</v>
      </c>
      <c r="GF21" s="328">
        <v>34562580</v>
      </c>
      <c r="GG21" s="334">
        <v>38303443</v>
      </c>
      <c r="GH21" s="333">
        <v>55980</v>
      </c>
      <c r="GI21" s="327">
        <v>104940</v>
      </c>
      <c r="GJ21" s="331">
        <v>160920</v>
      </c>
      <c r="GK21" s="332">
        <v>0</v>
      </c>
      <c r="GL21" s="327">
        <v>114483</v>
      </c>
      <c r="GM21" s="327">
        <v>364824</v>
      </c>
      <c r="GN21" s="327">
        <v>172794</v>
      </c>
      <c r="GO21" s="327">
        <v>167503</v>
      </c>
      <c r="GP21" s="327">
        <v>19008</v>
      </c>
      <c r="GQ21" s="328">
        <v>838612</v>
      </c>
      <c r="GR21" s="330">
        <v>999532</v>
      </c>
      <c r="GS21" s="326">
        <v>318600</v>
      </c>
      <c r="GT21" s="327">
        <v>126466</v>
      </c>
      <c r="GU21" s="328">
        <v>445066</v>
      </c>
      <c r="GV21" s="326">
        <v>0</v>
      </c>
      <c r="GW21" s="327">
        <v>326710</v>
      </c>
      <c r="GX21" s="327">
        <v>638333</v>
      </c>
      <c r="GY21" s="327">
        <v>0</v>
      </c>
      <c r="GZ21" s="327">
        <v>180000</v>
      </c>
      <c r="HA21" s="327">
        <v>0</v>
      </c>
      <c r="HB21" s="331">
        <v>1145043</v>
      </c>
      <c r="HC21" s="330">
        <v>1590109</v>
      </c>
      <c r="HD21" s="326">
        <v>1526043</v>
      </c>
      <c r="HE21" s="327">
        <v>1420700</v>
      </c>
      <c r="HF21" s="331">
        <v>2946743</v>
      </c>
      <c r="HG21" s="332">
        <v>0</v>
      </c>
      <c r="HH21" s="327">
        <v>17887695</v>
      </c>
      <c r="HI21" s="327">
        <v>21809748</v>
      </c>
      <c r="HJ21" s="327">
        <v>19027357</v>
      </c>
      <c r="HK21" s="327">
        <v>28833727</v>
      </c>
      <c r="HL21" s="327">
        <v>15992537</v>
      </c>
      <c r="HM21" s="328">
        <v>103551064</v>
      </c>
      <c r="HN21" s="329">
        <v>106497807</v>
      </c>
      <c r="HO21" s="333">
        <v>1068738</v>
      </c>
      <c r="HP21" s="327">
        <v>2348688</v>
      </c>
      <c r="HQ21" s="328">
        <v>3417426</v>
      </c>
      <c r="HR21" s="326">
        <v>0</v>
      </c>
      <c r="HS21" s="327">
        <v>13197900</v>
      </c>
      <c r="HT21" s="327">
        <v>17191117</v>
      </c>
      <c r="HU21" s="327">
        <v>10794967</v>
      </c>
      <c r="HV21" s="327">
        <v>7489299</v>
      </c>
      <c r="HW21" s="327">
        <v>4111860</v>
      </c>
      <c r="HX21" s="331">
        <v>52785143</v>
      </c>
      <c r="HY21" s="330">
        <v>56202569</v>
      </c>
      <c r="HZ21" s="335">
        <v>257383</v>
      </c>
      <c r="IA21" s="336">
        <v>661020</v>
      </c>
      <c r="IB21" s="337">
        <v>918403</v>
      </c>
      <c r="IC21" s="338">
        <v>0</v>
      </c>
      <c r="ID21" s="336">
        <v>18149287</v>
      </c>
      <c r="IE21" s="339">
        <v>30630619</v>
      </c>
      <c r="IF21" s="337">
        <v>32940652</v>
      </c>
      <c r="IG21" s="336">
        <v>28932536</v>
      </c>
      <c r="IH21" s="337">
        <v>19983325</v>
      </c>
      <c r="II21" s="340">
        <v>130636419</v>
      </c>
      <c r="IJ21" s="341">
        <v>131554822</v>
      </c>
      <c r="IK21" s="342">
        <v>0</v>
      </c>
      <c r="IL21" s="343">
        <v>0</v>
      </c>
      <c r="IM21" s="344">
        <v>0</v>
      </c>
      <c r="IN21" s="404">
        <v>0</v>
      </c>
      <c r="IO21" s="345">
        <v>511555</v>
      </c>
      <c r="IP21" s="345">
        <v>1492502</v>
      </c>
      <c r="IQ21" s="345">
        <v>3527257</v>
      </c>
      <c r="IR21" s="345">
        <v>2790587</v>
      </c>
      <c r="IS21" s="345">
        <v>2428231</v>
      </c>
      <c r="IT21" s="346">
        <v>10750132</v>
      </c>
      <c r="IU21" s="347">
        <v>10750132</v>
      </c>
      <c r="IV21" s="348">
        <v>0</v>
      </c>
      <c r="IW21" s="345">
        <v>0</v>
      </c>
      <c r="IX21" s="349">
        <v>0</v>
      </c>
      <c r="IY21" s="413">
        <v>0</v>
      </c>
      <c r="IZ21" s="345">
        <v>0</v>
      </c>
      <c r="JA21" s="345">
        <v>55053</v>
      </c>
      <c r="JB21" s="345">
        <v>37022</v>
      </c>
      <c r="JC21" s="345">
        <v>22164</v>
      </c>
      <c r="JD21" s="345">
        <v>25545</v>
      </c>
      <c r="JE21" s="349">
        <v>139784</v>
      </c>
      <c r="JF21" s="350">
        <v>139784</v>
      </c>
      <c r="JG21" s="348">
        <v>0</v>
      </c>
      <c r="JH21" s="345">
        <v>0</v>
      </c>
      <c r="JI21" s="346">
        <v>0</v>
      </c>
      <c r="JJ21" s="351">
        <v>0</v>
      </c>
      <c r="JK21" s="345">
        <v>7625216</v>
      </c>
      <c r="JL21" s="345">
        <v>10339316</v>
      </c>
      <c r="JM21" s="345">
        <v>8475860</v>
      </c>
      <c r="JN21" s="345">
        <v>3638297</v>
      </c>
      <c r="JO21" s="345">
        <v>1719659</v>
      </c>
      <c r="JP21" s="349">
        <v>31798348</v>
      </c>
      <c r="JQ21" s="347">
        <v>31798348</v>
      </c>
      <c r="JR21" s="348">
        <v>0</v>
      </c>
      <c r="JS21" s="345">
        <v>0</v>
      </c>
      <c r="JT21" s="346">
        <v>0</v>
      </c>
      <c r="JU21" s="351">
        <v>0</v>
      </c>
      <c r="JV21" s="345">
        <v>556450</v>
      </c>
      <c r="JW21" s="345">
        <v>695672</v>
      </c>
      <c r="JX21" s="345">
        <v>851524</v>
      </c>
      <c r="JY21" s="345">
        <v>800325</v>
      </c>
      <c r="JZ21" s="345">
        <v>821576</v>
      </c>
      <c r="KA21" s="349">
        <v>3725547</v>
      </c>
      <c r="KB21" s="347">
        <v>3725547</v>
      </c>
      <c r="KC21" s="352">
        <v>257383</v>
      </c>
      <c r="KD21" s="353">
        <v>411026</v>
      </c>
      <c r="KE21" s="349">
        <v>668409</v>
      </c>
      <c r="KF21" s="351">
        <v>0</v>
      </c>
      <c r="KG21" s="345">
        <v>2849055</v>
      </c>
      <c r="KH21" s="345">
        <v>4656244</v>
      </c>
      <c r="KI21" s="345">
        <v>5118611</v>
      </c>
      <c r="KJ21" s="345">
        <v>4808636</v>
      </c>
      <c r="KK21" s="345">
        <v>3421412</v>
      </c>
      <c r="KL21" s="349">
        <v>20853958</v>
      </c>
      <c r="KM21" s="354">
        <v>21522367</v>
      </c>
      <c r="KN21" s="342">
        <v>0</v>
      </c>
      <c r="KO21" s="343">
        <v>249994</v>
      </c>
      <c r="KP21" s="344">
        <v>249994</v>
      </c>
      <c r="KQ21" s="413">
        <v>0</v>
      </c>
      <c r="KR21" s="345">
        <v>6456261</v>
      </c>
      <c r="KS21" s="345">
        <v>12413647</v>
      </c>
      <c r="KT21" s="345">
        <v>11574465</v>
      </c>
      <c r="KU21" s="345">
        <v>12017809</v>
      </c>
      <c r="KV21" s="345">
        <v>6485471</v>
      </c>
      <c r="KW21" s="349">
        <v>48947653</v>
      </c>
      <c r="KX21" s="347">
        <v>49197647</v>
      </c>
      <c r="KY21" s="348">
        <v>0</v>
      </c>
      <c r="KZ21" s="345">
        <v>0</v>
      </c>
      <c r="LA21" s="349">
        <v>0</v>
      </c>
      <c r="LB21" s="413">
        <v>0</v>
      </c>
      <c r="LC21" s="345">
        <v>0</v>
      </c>
      <c r="LD21" s="345">
        <v>0</v>
      </c>
      <c r="LE21" s="345">
        <v>0</v>
      </c>
      <c r="LF21" s="345">
        <v>0</v>
      </c>
      <c r="LG21" s="345">
        <v>0</v>
      </c>
      <c r="LH21" s="349">
        <v>0</v>
      </c>
      <c r="LI21" s="350">
        <v>0</v>
      </c>
      <c r="LJ21" s="348">
        <v>0</v>
      </c>
      <c r="LK21" s="345">
        <v>0</v>
      </c>
      <c r="LL21" s="349">
        <v>0</v>
      </c>
      <c r="LM21" s="413">
        <v>0</v>
      </c>
      <c r="LN21" s="345">
        <v>0</v>
      </c>
      <c r="LO21" s="345">
        <v>0</v>
      </c>
      <c r="LP21" s="345">
        <v>2008805</v>
      </c>
      <c r="LQ21" s="345">
        <v>3932412</v>
      </c>
      <c r="LR21" s="345">
        <v>2639720</v>
      </c>
      <c r="LS21" s="349">
        <v>8580937</v>
      </c>
      <c r="LT21" s="347">
        <v>8580937</v>
      </c>
      <c r="LU21" s="348">
        <v>0</v>
      </c>
      <c r="LV21" s="345">
        <v>0</v>
      </c>
      <c r="LW21" s="349">
        <v>0</v>
      </c>
      <c r="LX21" s="413">
        <v>0</v>
      </c>
      <c r="LY21" s="345">
        <v>150750</v>
      </c>
      <c r="LZ21" s="345">
        <v>978185</v>
      </c>
      <c r="MA21" s="345">
        <v>1347108</v>
      </c>
      <c r="MB21" s="345">
        <v>922306</v>
      </c>
      <c r="MC21" s="345">
        <v>2441711</v>
      </c>
      <c r="MD21" s="349">
        <v>5840060</v>
      </c>
      <c r="ME21" s="350">
        <v>5840060</v>
      </c>
      <c r="MF21" s="348">
        <v>0</v>
      </c>
      <c r="MG21" s="345">
        <v>0</v>
      </c>
      <c r="MH21" s="349">
        <v>0</v>
      </c>
      <c r="MI21" s="413">
        <v>0</v>
      </c>
      <c r="MJ21" s="345">
        <v>15992183</v>
      </c>
      <c r="MK21" s="345">
        <v>25238640</v>
      </c>
      <c r="ML21" s="345">
        <v>99046757</v>
      </c>
      <c r="MM21" s="345">
        <v>141917837</v>
      </c>
      <c r="MN21" s="345">
        <v>77185676</v>
      </c>
      <c r="MO21" s="349">
        <v>359381093</v>
      </c>
      <c r="MP21" s="354">
        <v>359381093</v>
      </c>
      <c r="MQ21" s="348">
        <v>0</v>
      </c>
      <c r="MR21" s="345">
        <v>0</v>
      </c>
      <c r="MS21" s="349">
        <v>0</v>
      </c>
      <c r="MT21" s="413">
        <v>0</v>
      </c>
      <c r="MU21" s="345">
        <v>1733076</v>
      </c>
      <c r="MV21" s="345">
        <v>3267877</v>
      </c>
      <c r="MW21" s="345">
        <v>57895480</v>
      </c>
      <c r="MX21" s="345">
        <v>88946987</v>
      </c>
      <c r="MY21" s="345">
        <v>53103854</v>
      </c>
      <c r="MZ21" s="349">
        <v>204947274</v>
      </c>
      <c r="NA21" s="354">
        <v>204947274</v>
      </c>
      <c r="NB21" s="348">
        <v>0</v>
      </c>
      <c r="NC21" s="345">
        <v>0</v>
      </c>
      <c r="ND21" s="349">
        <v>0</v>
      </c>
      <c r="NE21" s="413">
        <v>0</v>
      </c>
      <c r="NF21" s="345">
        <v>14259107</v>
      </c>
      <c r="NG21" s="345">
        <v>21970763</v>
      </c>
      <c r="NH21" s="345">
        <v>40460023</v>
      </c>
      <c r="NI21" s="345">
        <v>47945803</v>
      </c>
      <c r="NJ21" s="345">
        <v>20510205</v>
      </c>
      <c r="NK21" s="349">
        <v>145145901</v>
      </c>
      <c r="NL21" s="347">
        <v>145145901</v>
      </c>
      <c r="NM21" s="348">
        <v>0</v>
      </c>
      <c r="NN21" s="345">
        <v>0</v>
      </c>
      <c r="NO21" s="349">
        <v>0</v>
      </c>
      <c r="NP21" s="413">
        <v>0</v>
      </c>
      <c r="NQ21" s="345">
        <v>0</v>
      </c>
      <c r="NR21" s="345">
        <v>0</v>
      </c>
      <c r="NS21" s="345">
        <v>0</v>
      </c>
      <c r="NT21" s="345">
        <v>0</v>
      </c>
      <c r="NU21" s="345">
        <v>0</v>
      </c>
      <c r="NV21" s="349">
        <v>0</v>
      </c>
      <c r="NW21" s="350">
        <v>0</v>
      </c>
      <c r="NX21" s="348">
        <v>0</v>
      </c>
      <c r="NY21" s="345">
        <v>0</v>
      </c>
      <c r="NZ21" s="349">
        <v>0</v>
      </c>
      <c r="OA21" s="413">
        <v>0</v>
      </c>
      <c r="OB21" s="345">
        <v>0</v>
      </c>
      <c r="OC21" s="345">
        <v>0</v>
      </c>
      <c r="OD21" s="345">
        <v>691254</v>
      </c>
      <c r="OE21" s="345">
        <v>5025047</v>
      </c>
      <c r="OF21" s="345">
        <v>3571617</v>
      </c>
      <c r="OG21" s="349">
        <v>9287918</v>
      </c>
      <c r="OH21" s="350">
        <v>9287918</v>
      </c>
      <c r="OI21" s="348">
        <v>6625167</v>
      </c>
      <c r="OJ21" s="345">
        <v>14903540</v>
      </c>
      <c r="OK21" s="346">
        <v>21528707</v>
      </c>
      <c r="OL21" s="351">
        <v>0</v>
      </c>
      <c r="OM21" s="345">
        <v>117637558</v>
      </c>
      <c r="ON21" s="345">
        <v>196334148</v>
      </c>
      <c r="OO21" s="345">
        <v>237926014</v>
      </c>
      <c r="OP21" s="345">
        <v>280607064</v>
      </c>
      <c r="OQ21" s="345">
        <v>165246145</v>
      </c>
      <c r="OR21" s="349">
        <v>997750929</v>
      </c>
      <c r="OS21" s="354">
        <v>1019279636</v>
      </c>
    </row>
    <row r="22" spans="2:409" s="70" customFormat="1" ht="21" customHeight="1" x14ac:dyDescent="0.2">
      <c r="B22" s="410" t="s">
        <v>17</v>
      </c>
      <c r="C22" s="326">
        <v>8830052</v>
      </c>
      <c r="D22" s="327">
        <v>20304584</v>
      </c>
      <c r="E22" s="328">
        <v>29134636</v>
      </c>
      <c r="F22" s="329">
        <v>0</v>
      </c>
      <c r="G22" s="327">
        <v>85652764</v>
      </c>
      <c r="H22" s="327">
        <v>187593336</v>
      </c>
      <c r="I22" s="327">
        <v>165335181</v>
      </c>
      <c r="J22" s="327">
        <v>149101278</v>
      </c>
      <c r="K22" s="327">
        <v>95890436</v>
      </c>
      <c r="L22" s="329">
        <v>683572995</v>
      </c>
      <c r="M22" s="330">
        <v>712707631</v>
      </c>
      <c r="N22" s="326">
        <v>1788580</v>
      </c>
      <c r="O22" s="327">
        <v>4820943</v>
      </c>
      <c r="P22" s="328">
        <v>6609523</v>
      </c>
      <c r="Q22" s="326">
        <v>0</v>
      </c>
      <c r="R22" s="327">
        <v>19966021</v>
      </c>
      <c r="S22" s="327">
        <v>51044685</v>
      </c>
      <c r="T22" s="327">
        <v>52453116</v>
      </c>
      <c r="U22" s="327">
        <v>62519790</v>
      </c>
      <c r="V22" s="327">
        <v>46657223</v>
      </c>
      <c r="W22" s="328">
        <v>232640835</v>
      </c>
      <c r="X22" s="330">
        <v>239250358</v>
      </c>
      <c r="Y22" s="326">
        <v>0</v>
      </c>
      <c r="Z22" s="327">
        <v>0</v>
      </c>
      <c r="AA22" s="328">
        <v>0</v>
      </c>
      <c r="AB22" s="326">
        <v>0</v>
      </c>
      <c r="AC22" s="327">
        <v>8237425</v>
      </c>
      <c r="AD22" s="327">
        <v>23877961</v>
      </c>
      <c r="AE22" s="327">
        <v>30713597</v>
      </c>
      <c r="AF22" s="327">
        <v>41839199</v>
      </c>
      <c r="AG22" s="327">
        <v>27595233</v>
      </c>
      <c r="AH22" s="328">
        <v>132263415</v>
      </c>
      <c r="AI22" s="330">
        <v>132263415</v>
      </c>
      <c r="AJ22" s="326">
        <v>0</v>
      </c>
      <c r="AK22" s="327">
        <v>37253</v>
      </c>
      <c r="AL22" s="328">
        <v>37253</v>
      </c>
      <c r="AM22" s="326">
        <v>0</v>
      </c>
      <c r="AN22" s="327">
        <v>0</v>
      </c>
      <c r="AO22" s="327">
        <v>458646</v>
      </c>
      <c r="AP22" s="327">
        <v>1031204</v>
      </c>
      <c r="AQ22" s="327">
        <v>2630770</v>
      </c>
      <c r="AR22" s="327">
        <v>4916833</v>
      </c>
      <c r="AS22" s="328">
        <v>9037453</v>
      </c>
      <c r="AT22" s="330">
        <v>9074706</v>
      </c>
      <c r="AU22" s="326">
        <v>954248</v>
      </c>
      <c r="AV22" s="327">
        <v>3649390</v>
      </c>
      <c r="AW22" s="328">
        <v>4603638</v>
      </c>
      <c r="AX22" s="326">
        <v>0</v>
      </c>
      <c r="AY22" s="327">
        <v>7413920</v>
      </c>
      <c r="AZ22" s="327">
        <v>17062537</v>
      </c>
      <c r="BA22" s="327">
        <v>11650057</v>
      </c>
      <c r="BB22" s="327">
        <v>9735413</v>
      </c>
      <c r="BC22" s="327">
        <v>8244054</v>
      </c>
      <c r="BD22" s="328">
        <v>54105981</v>
      </c>
      <c r="BE22" s="330">
        <v>58709619</v>
      </c>
      <c r="BF22" s="326">
        <v>199982</v>
      </c>
      <c r="BG22" s="327">
        <v>301896</v>
      </c>
      <c r="BH22" s="331">
        <v>501878</v>
      </c>
      <c r="BI22" s="332">
        <v>0</v>
      </c>
      <c r="BJ22" s="327">
        <v>409906</v>
      </c>
      <c r="BK22" s="327">
        <v>1705639</v>
      </c>
      <c r="BL22" s="327">
        <v>956241</v>
      </c>
      <c r="BM22" s="327">
        <v>638454</v>
      </c>
      <c r="BN22" s="327">
        <v>792413</v>
      </c>
      <c r="BO22" s="328">
        <v>4502653</v>
      </c>
      <c r="BP22" s="330">
        <v>5004531</v>
      </c>
      <c r="BQ22" s="326">
        <v>634350</v>
      </c>
      <c r="BR22" s="327">
        <v>832404</v>
      </c>
      <c r="BS22" s="328">
        <v>1466754</v>
      </c>
      <c r="BT22" s="326">
        <v>0</v>
      </c>
      <c r="BU22" s="327">
        <v>3904770</v>
      </c>
      <c r="BV22" s="327">
        <v>7939902</v>
      </c>
      <c r="BW22" s="327">
        <v>8102017</v>
      </c>
      <c r="BX22" s="327">
        <v>7675954</v>
      </c>
      <c r="BY22" s="327">
        <v>5108690</v>
      </c>
      <c r="BZ22" s="328">
        <v>32731333</v>
      </c>
      <c r="CA22" s="330">
        <v>34198087</v>
      </c>
      <c r="CB22" s="326">
        <v>943893</v>
      </c>
      <c r="CC22" s="327">
        <v>3637935</v>
      </c>
      <c r="CD22" s="328">
        <v>4581828</v>
      </c>
      <c r="CE22" s="326">
        <v>0</v>
      </c>
      <c r="CF22" s="327">
        <v>25906762</v>
      </c>
      <c r="CG22" s="327">
        <v>56563893</v>
      </c>
      <c r="CH22" s="327">
        <v>45588716</v>
      </c>
      <c r="CI22" s="327">
        <v>30186325</v>
      </c>
      <c r="CJ22" s="327">
        <v>15403510</v>
      </c>
      <c r="CK22" s="328">
        <v>173649206</v>
      </c>
      <c r="CL22" s="330">
        <v>178231034</v>
      </c>
      <c r="CM22" s="326">
        <v>0</v>
      </c>
      <c r="CN22" s="327">
        <v>0</v>
      </c>
      <c r="CO22" s="328">
        <v>0</v>
      </c>
      <c r="CP22" s="332">
        <v>0</v>
      </c>
      <c r="CQ22" s="327">
        <v>21899498</v>
      </c>
      <c r="CR22" s="327">
        <v>41597428</v>
      </c>
      <c r="CS22" s="327">
        <v>33807229</v>
      </c>
      <c r="CT22" s="327">
        <v>25229067</v>
      </c>
      <c r="CU22" s="327">
        <v>13219357</v>
      </c>
      <c r="CV22" s="328">
        <v>135752579</v>
      </c>
      <c r="CW22" s="330">
        <v>135752579</v>
      </c>
      <c r="CX22" s="326">
        <v>943893</v>
      </c>
      <c r="CY22" s="327">
        <v>3637935</v>
      </c>
      <c r="CZ22" s="328">
        <v>4581828</v>
      </c>
      <c r="DA22" s="326">
        <v>0</v>
      </c>
      <c r="DB22" s="327">
        <v>4007264</v>
      </c>
      <c r="DC22" s="327">
        <v>14966465</v>
      </c>
      <c r="DD22" s="327">
        <v>11781487</v>
      </c>
      <c r="DE22" s="327">
        <v>4957258</v>
      </c>
      <c r="DF22" s="327">
        <v>2184153</v>
      </c>
      <c r="DG22" s="328">
        <v>37896627</v>
      </c>
      <c r="DH22" s="330">
        <v>42478455</v>
      </c>
      <c r="DI22" s="326">
        <v>0</v>
      </c>
      <c r="DJ22" s="327">
        <v>89781</v>
      </c>
      <c r="DK22" s="331">
        <v>89781</v>
      </c>
      <c r="DL22" s="332">
        <v>0</v>
      </c>
      <c r="DM22" s="327">
        <v>2851395</v>
      </c>
      <c r="DN22" s="327">
        <v>7634632</v>
      </c>
      <c r="DO22" s="327">
        <v>13356753</v>
      </c>
      <c r="DP22" s="327">
        <v>13275481</v>
      </c>
      <c r="DQ22" s="327">
        <v>4921584</v>
      </c>
      <c r="DR22" s="328">
        <v>42039845</v>
      </c>
      <c r="DS22" s="330">
        <v>42129626</v>
      </c>
      <c r="DT22" s="326">
        <v>0</v>
      </c>
      <c r="DU22" s="327">
        <v>89781</v>
      </c>
      <c r="DV22" s="328">
        <v>89781</v>
      </c>
      <c r="DW22" s="326">
        <v>0</v>
      </c>
      <c r="DX22" s="327">
        <v>2557945</v>
      </c>
      <c r="DY22" s="327">
        <v>6612111</v>
      </c>
      <c r="DZ22" s="327">
        <v>12481838</v>
      </c>
      <c r="EA22" s="327">
        <v>11906403</v>
      </c>
      <c r="EB22" s="327">
        <v>3935660</v>
      </c>
      <c r="EC22" s="328">
        <v>37493957</v>
      </c>
      <c r="ED22" s="330">
        <v>37583738</v>
      </c>
      <c r="EE22" s="326">
        <v>0</v>
      </c>
      <c r="EF22" s="331">
        <v>0</v>
      </c>
      <c r="EG22" s="328">
        <v>0</v>
      </c>
      <c r="EH22" s="326">
        <v>0</v>
      </c>
      <c r="EI22" s="327">
        <v>293450</v>
      </c>
      <c r="EJ22" s="327">
        <v>1022521</v>
      </c>
      <c r="EK22" s="327">
        <v>874915</v>
      </c>
      <c r="EL22" s="327">
        <v>1369078</v>
      </c>
      <c r="EM22" s="327">
        <v>985924</v>
      </c>
      <c r="EN22" s="331">
        <v>4545888</v>
      </c>
      <c r="EO22" s="330">
        <v>4545888</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2573125</v>
      </c>
      <c r="FM22" s="327">
        <v>4152860</v>
      </c>
      <c r="FN22" s="328">
        <v>6725985</v>
      </c>
      <c r="FO22" s="326">
        <v>0</v>
      </c>
      <c r="FP22" s="327">
        <v>4398156</v>
      </c>
      <c r="FQ22" s="327">
        <v>18587678</v>
      </c>
      <c r="FR22" s="327">
        <v>13264658</v>
      </c>
      <c r="FS22" s="327">
        <v>10960736</v>
      </c>
      <c r="FT22" s="327">
        <v>7915782</v>
      </c>
      <c r="FU22" s="328">
        <v>55127010</v>
      </c>
      <c r="FV22" s="330">
        <v>61852995</v>
      </c>
      <c r="FW22" s="333">
        <v>1133517</v>
      </c>
      <c r="FX22" s="327">
        <v>3519280</v>
      </c>
      <c r="FY22" s="331">
        <v>4652797</v>
      </c>
      <c r="FZ22" s="332">
        <v>0</v>
      </c>
      <c r="GA22" s="327">
        <v>3109003</v>
      </c>
      <c r="GB22" s="327">
        <v>16918353</v>
      </c>
      <c r="GC22" s="327">
        <v>12196658</v>
      </c>
      <c r="GD22" s="327">
        <v>10128570</v>
      </c>
      <c r="GE22" s="327">
        <v>7637564</v>
      </c>
      <c r="GF22" s="328">
        <v>49990148</v>
      </c>
      <c r="GG22" s="334">
        <v>54642945</v>
      </c>
      <c r="GH22" s="333">
        <v>126720</v>
      </c>
      <c r="GI22" s="327">
        <v>159381</v>
      </c>
      <c r="GJ22" s="331">
        <v>286101</v>
      </c>
      <c r="GK22" s="332">
        <v>0</v>
      </c>
      <c r="GL22" s="327">
        <v>160773</v>
      </c>
      <c r="GM22" s="327">
        <v>390429</v>
      </c>
      <c r="GN22" s="327">
        <v>215374</v>
      </c>
      <c r="GO22" s="327">
        <v>128316</v>
      </c>
      <c r="GP22" s="327">
        <v>139824</v>
      </c>
      <c r="GQ22" s="328">
        <v>1034716</v>
      </c>
      <c r="GR22" s="330">
        <v>1320817</v>
      </c>
      <c r="GS22" s="326">
        <v>1312888</v>
      </c>
      <c r="GT22" s="327">
        <v>474199</v>
      </c>
      <c r="GU22" s="328">
        <v>1787087</v>
      </c>
      <c r="GV22" s="326">
        <v>0</v>
      </c>
      <c r="GW22" s="327">
        <v>1128380</v>
      </c>
      <c r="GX22" s="327">
        <v>1278896</v>
      </c>
      <c r="GY22" s="327">
        <v>852626</v>
      </c>
      <c r="GZ22" s="327">
        <v>703850</v>
      </c>
      <c r="HA22" s="327">
        <v>138394</v>
      </c>
      <c r="HB22" s="331">
        <v>4102146</v>
      </c>
      <c r="HC22" s="330">
        <v>5889233</v>
      </c>
      <c r="HD22" s="326">
        <v>1616331</v>
      </c>
      <c r="HE22" s="327">
        <v>3413817</v>
      </c>
      <c r="HF22" s="331">
        <v>5030148</v>
      </c>
      <c r="HG22" s="332">
        <v>0</v>
      </c>
      <c r="HH22" s="327">
        <v>16418854</v>
      </c>
      <c r="HI22" s="327">
        <v>27156530</v>
      </c>
      <c r="HJ22" s="327">
        <v>22672549</v>
      </c>
      <c r="HK22" s="327">
        <v>20400067</v>
      </c>
      <c r="HL22" s="327">
        <v>14597747</v>
      </c>
      <c r="HM22" s="328">
        <v>101245747</v>
      </c>
      <c r="HN22" s="329">
        <v>106275895</v>
      </c>
      <c r="HO22" s="333">
        <v>1908123</v>
      </c>
      <c r="HP22" s="327">
        <v>4189248</v>
      </c>
      <c r="HQ22" s="328">
        <v>6097371</v>
      </c>
      <c r="HR22" s="326">
        <v>0</v>
      </c>
      <c r="HS22" s="327">
        <v>16111576</v>
      </c>
      <c r="HT22" s="327">
        <v>26605918</v>
      </c>
      <c r="HU22" s="327">
        <v>17999389</v>
      </c>
      <c r="HV22" s="327">
        <v>11758879</v>
      </c>
      <c r="HW22" s="327">
        <v>6394590</v>
      </c>
      <c r="HX22" s="331">
        <v>78870352</v>
      </c>
      <c r="HY22" s="330">
        <v>84967723</v>
      </c>
      <c r="HZ22" s="358">
        <v>231546</v>
      </c>
      <c r="IA22" s="356">
        <v>746415</v>
      </c>
      <c r="IB22" s="358">
        <v>977961</v>
      </c>
      <c r="IC22" s="355">
        <v>0</v>
      </c>
      <c r="ID22" s="356">
        <v>27723581</v>
      </c>
      <c r="IE22" s="357">
        <v>46960550</v>
      </c>
      <c r="IF22" s="358">
        <v>61136424</v>
      </c>
      <c r="IG22" s="356">
        <v>49036712</v>
      </c>
      <c r="IH22" s="358">
        <v>37496412</v>
      </c>
      <c r="II22" s="359">
        <v>222353679</v>
      </c>
      <c r="IJ22" s="358">
        <v>223331640</v>
      </c>
      <c r="IK22" s="342">
        <v>0</v>
      </c>
      <c r="IL22" s="343">
        <v>0</v>
      </c>
      <c r="IM22" s="344">
        <v>0</v>
      </c>
      <c r="IN22" s="404">
        <v>0</v>
      </c>
      <c r="IO22" s="345">
        <v>115232</v>
      </c>
      <c r="IP22" s="345">
        <v>342058</v>
      </c>
      <c r="IQ22" s="345">
        <v>343616</v>
      </c>
      <c r="IR22" s="345">
        <v>342778</v>
      </c>
      <c r="IS22" s="345">
        <v>28716</v>
      </c>
      <c r="IT22" s="346">
        <v>1172400</v>
      </c>
      <c r="IU22" s="347">
        <v>1172400</v>
      </c>
      <c r="IV22" s="348">
        <v>0</v>
      </c>
      <c r="IW22" s="345">
        <v>0</v>
      </c>
      <c r="IX22" s="349">
        <v>0</v>
      </c>
      <c r="IY22" s="413">
        <v>0</v>
      </c>
      <c r="IZ22" s="345">
        <v>0</v>
      </c>
      <c r="JA22" s="345">
        <v>0</v>
      </c>
      <c r="JB22" s="345">
        <v>0</v>
      </c>
      <c r="JC22" s="345">
        <v>0</v>
      </c>
      <c r="JD22" s="345">
        <v>0</v>
      </c>
      <c r="JE22" s="349">
        <v>0</v>
      </c>
      <c r="JF22" s="350">
        <v>0</v>
      </c>
      <c r="JG22" s="348">
        <v>0</v>
      </c>
      <c r="JH22" s="345">
        <v>0</v>
      </c>
      <c r="JI22" s="346">
        <v>0</v>
      </c>
      <c r="JJ22" s="351">
        <v>0</v>
      </c>
      <c r="JK22" s="345">
        <v>14162333</v>
      </c>
      <c r="JL22" s="345">
        <v>21412119</v>
      </c>
      <c r="JM22" s="345">
        <v>15821615</v>
      </c>
      <c r="JN22" s="345">
        <v>12192067</v>
      </c>
      <c r="JO22" s="345">
        <v>6603190</v>
      </c>
      <c r="JP22" s="349">
        <v>70191324</v>
      </c>
      <c r="JQ22" s="347">
        <v>70191324</v>
      </c>
      <c r="JR22" s="348">
        <v>26091</v>
      </c>
      <c r="JS22" s="345">
        <v>204499</v>
      </c>
      <c r="JT22" s="346">
        <v>230590</v>
      </c>
      <c r="JU22" s="351">
        <v>0</v>
      </c>
      <c r="JV22" s="345">
        <v>2104514</v>
      </c>
      <c r="JW22" s="345">
        <v>1954015</v>
      </c>
      <c r="JX22" s="345">
        <v>2025892</v>
      </c>
      <c r="JY22" s="345">
        <v>1592159</v>
      </c>
      <c r="JZ22" s="345">
        <v>1108746</v>
      </c>
      <c r="KA22" s="349">
        <v>8785326</v>
      </c>
      <c r="KB22" s="347">
        <v>9015916</v>
      </c>
      <c r="KC22" s="352">
        <v>205455</v>
      </c>
      <c r="KD22" s="353">
        <v>541916</v>
      </c>
      <c r="KE22" s="349">
        <v>747371</v>
      </c>
      <c r="KF22" s="351">
        <v>0</v>
      </c>
      <c r="KG22" s="345">
        <v>1193697</v>
      </c>
      <c r="KH22" s="345">
        <v>5242420</v>
      </c>
      <c r="KI22" s="345">
        <v>10571233</v>
      </c>
      <c r="KJ22" s="345">
        <v>8178864</v>
      </c>
      <c r="KK22" s="345">
        <v>5946260</v>
      </c>
      <c r="KL22" s="349">
        <v>31132474</v>
      </c>
      <c r="KM22" s="354">
        <v>31879845</v>
      </c>
      <c r="KN22" s="342">
        <v>0</v>
      </c>
      <c r="KO22" s="343">
        <v>0</v>
      </c>
      <c r="KP22" s="344">
        <v>0</v>
      </c>
      <c r="KQ22" s="413">
        <v>0</v>
      </c>
      <c r="KR22" s="345">
        <v>9802009</v>
      </c>
      <c r="KS22" s="345">
        <v>16936888</v>
      </c>
      <c r="KT22" s="345">
        <v>23238766</v>
      </c>
      <c r="KU22" s="345">
        <v>12027544</v>
      </c>
      <c r="KV22" s="345">
        <v>7444354</v>
      </c>
      <c r="KW22" s="349">
        <v>69449561</v>
      </c>
      <c r="KX22" s="347">
        <v>69449561</v>
      </c>
      <c r="KY22" s="348">
        <v>0</v>
      </c>
      <c r="KZ22" s="345">
        <v>0</v>
      </c>
      <c r="LA22" s="349">
        <v>0</v>
      </c>
      <c r="LB22" s="413">
        <v>0</v>
      </c>
      <c r="LC22" s="345">
        <v>0</v>
      </c>
      <c r="LD22" s="345">
        <v>0</v>
      </c>
      <c r="LE22" s="345">
        <v>0</v>
      </c>
      <c r="LF22" s="345">
        <v>0</v>
      </c>
      <c r="LG22" s="345">
        <v>0</v>
      </c>
      <c r="LH22" s="349">
        <v>0</v>
      </c>
      <c r="LI22" s="350">
        <v>0</v>
      </c>
      <c r="LJ22" s="348">
        <v>0</v>
      </c>
      <c r="LK22" s="345">
        <v>0</v>
      </c>
      <c r="LL22" s="349">
        <v>0</v>
      </c>
      <c r="LM22" s="413">
        <v>0</v>
      </c>
      <c r="LN22" s="345">
        <v>0</v>
      </c>
      <c r="LO22" s="345">
        <v>279315</v>
      </c>
      <c r="LP22" s="345">
        <v>7463706</v>
      </c>
      <c r="LQ22" s="345">
        <v>13438668</v>
      </c>
      <c r="LR22" s="345">
        <v>10881620</v>
      </c>
      <c r="LS22" s="349">
        <v>32063309</v>
      </c>
      <c r="LT22" s="347">
        <v>32063309</v>
      </c>
      <c r="LU22" s="348">
        <v>0</v>
      </c>
      <c r="LV22" s="345">
        <v>0</v>
      </c>
      <c r="LW22" s="349">
        <v>0</v>
      </c>
      <c r="LX22" s="413">
        <v>0</v>
      </c>
      <c r="LY22" s="345">
        <v>345796</v>
      </c>
      <c r="LZ22" s="345">
        <v>793735</v>
      </c>
      <c r="MA22" s="345">
        <v>1671596</v>
      </c>
      <c r="MB22" s="345">
        <v>1264632</v>
      </c>
      <c r="MC22" s="345">
        <v>5483526</v>
      </c>
      <c r="MD22" s="349">
        <v>9559285</v>
      </c>
      <c r="ME22" s="350">
        <v>9559285</v>
      </c>
      <c r="MF22" s="348">
        <v>0</v>
      </c>
      <c r="MG22" s="345">
        <v>0</v>
      </c>
      <c r="MH22" s="349">
        <v>0</v>
      </c>
      <c r="MI22" s="413">
        <v>0</v>
      </c>
      <c r="MJ22" s="345">
        <v>11560117</v>
      </c>
      <c r="MK22" s="345">
        <v>37976821</v>
      </c>
      <c r="ML22" s="345">
        <v>107528315</v>
      </c>
      <c r="MM22" s="345">
        <v>137520063</v>
      </c>
      <c r="MN22" s="345">
        <v>102554516</v>
      </c>
      <c r="MO22" s="349">
        <v>397139832</v>
      </c>
      <c r="MP22" s="354">
        <v>397139832</v>
      </c>
      <c r="MQ22" s="348">
        <v>0</v>
      </c>
      <c r="MR22" s="345">
        <v>0</v>
      </c>
      <c r="MS22" s="349">
        <v>0</v>
      </c>
      <c r="MT22" s="413">
        <v>0</v>
      </c>
      <c r="MU22" s="345">
        <v>1141342</v>
      </c>
      <c r="MV22" s="345">
        <v>3502975</v>
      </c>
      <c r="MW22" s="345">
        <v>58739263</v>
      </c>
      <c r="MX22" s="345">
        <v>87118616</v>
      </c>
      <c r="MY22" s="345">
        <v>69264664</v>
      </c>
      <c r="MZ22" s="349">
        <v>219766860</v>
      </c>
      <c r="NA22" s="354">
        <v>219766860</v>
      </c>
      <c r="NB22" s="348">
        <v>0</v>
      </c>
      <c r="NC22" s="345">
        <v>0</v>
      </c>
      <c r="ND22" s="349">
        <v>0</v>
      </c>
      <c r="NE22" s="413">
        <v>0</v>
      </c>
      <c r="NF22" s="345">
        <v>10418775</v>
      </c>
      <c r="NG22" s="345">
        <v>34473846</v>
      </c>
      <c r="NH22" s="345">
        <v>48789052</v>
      </c>
      <c r="NI22" s="345">
        <v>47477885</v>
      </c>
      <c r="NJ22" s="345">
        <v>26202500</v>
      </c>
      <c r="NK22" s="349">
        <v>167362058</v>
      </c>
      <c r="NL22" s="347">
        <v>167362058</v>
      </c>
      <c r="NM22" s="348">
        <v>0</v>
      </c>
      <c r="NN22" s="345">
        <v>0</v>
      </c>
      <c r="NO22" s="349">
        <v>0</v>
      </c>
      <c r="NP22" s="413">
        <v>0</v>
      </c>
      <c r="NQ22" s="345">
        <v>0</v>
      </c>
      <c r="NR22" s="345">
        <v>0</v>
      </c>
      <c r="NS22" s="345">
        <v>0</v>
      </c>
      <c r="NT22" s="345">
        <v>0</v>
      </c>
      <c r="NU22" s="345">
        <v>0</v>
      </c>
      <c r="NV22" s="349">
        <v>0</v>
      </c>
      <c r="NW22" s="350">
        <v>0</v>
      </c>
      <c r="NX22" s="348">
        <v>0</v>
      </c>
      <c r="NY22" s="345">
        <v>0</v>
      </c>
      <c r="NZ22" s="349">
        <v>0</v>
      </c>
      <c r="OA22" s="413">
        <v>0</v>
      </c>
      <c r="OB22" s="345">
        <v>0</v>
      </c>
      <c r="OC22" s="345">
        <v>0</v>
      </c>
      <c r="OD22" s="345">
        <v>0</v>
      </c>
      <c r="OE22" s="345">
        <v>2923562</v>
      </c>
      <c r="OF22" s="345">
        <v>7087352</v>
      </c>
      <c r="OG22" s="349">
        <v>10010914</v>
      </c>
      <c r="OH22" s="350">
        <v>10010914</v>
      </c>
      <c r="OI22" s="348">
        <v>9061598</v>
      </c>
      <c r="OJ22" s="345">
        <v>21050999</v>
      </c>
      <c r="OK22" s="346">
        <v>30112597</v>
      </c>
      <c r="OL22" s="351">
        <v>0</v>
      </c>
      <c r="OM22" s="345">
        <v>124936462</v>
      </c>
      <c r="ON22" s="345">
        <v>272530707</v>
      </c>
      <c r="OO22" s="345">
        <v>333999920</v>
      </c>
      <c r="OP22" s="345">
        <v>335658053</v>
      </c>
      <c r="OQ22" s="345">
        <v>235941364</v>
      </c>
      <c r="OR22" s="349">
        <v>1303066506</v>
      </c>
      <c r="OS22" s="354">
        <v>1333179103</v>
      </c>
    </row>
    <row r="23" spans="2:409" s="70" customFormat="1" ht="21" customHeight="1" x14ac:dyDescent="0.2">
      <c r="B23" s="410" t="s">
        <v>18</v>
      </c>
      <c r="C23" s="326">
        <v>10020261</v>
      </c>
      <c r="D23" s="327">
        <v>19808726</v>
      </c>
      <c r="E23" s="328">
        <v>29828987</v>
      </c>
      <c r="F23" s="329">
        <v>0</v>
      </c>
      <c r="G23" s="327">
        <v>150884116</v>
      </c>
      <c r="H23" s="327">
        <v>187385323</v>
      </c>
      <c r="I23" s="327">
        <v>182136461</v>
      </c>
      <c r="J23" s="327">
        <v>156063362</v>
      </c>
      <c r="K23" s="327">
        <v>123494350</v>
      </c>
      <c r="L23" s="329">
        <v>799963612</v>
      </c>
      <c r="M23" s="330">
        <v>829792599</v>
      </c>
      <c r="N23" s="326">
        <v>2339958</v>
      </c>
      <c r="O23" s="327">
        <v>4944074</v>
      </c>
      <c r="P23" s="328">
        <v>7284032</v>
      </c>
      <c r="Q23" s="326">
        <v>0</v>
      </c>
      <c r="R23" s="327">
        <v>41044872</v>
      </c>
      <c r="S23" s="327">
        <v>57702685</v>
      </c>
      <c r="T23" s="327">
        <v>54695721</v>
      </c>
      <c r="U23" s="327">
        <v>58932710</v>
      </c>
      <c r="V23" s="327">
        <v>60761561</v>
      </c>
      <c r="W23" s="328">
        <v>273137549</v>
      </c>
      <c r="X23" s="330">
        <v>280421581</v>
      </c>
      <c r="Y23" s="326">
        <v>0</v>
      </c>
      <c r="Z23" s="327">
        <v>0</v>
      </c>
      <c r="AA23" s="328">
        <v>0</v>
      </c>
      <c r="AB23" s="326">
        <v>0</v>
      </c>
      <c r="AC23" s="327">
        <v>18483739</v>
      </c>
      <c r="AD23" s="327">
        <v>27459349</v>
      </c>
      <c r="AE23" s="327">
        <v>30725344</v>
      </c>
      <c r="AF23" s="327">
        <v>35573670</v>
      </c>
      <c r="AG23" s="327">
        <v>38884895</v>
      </c>
      <c r="AH23" s="328">
        <v>151126997</v>
      </c>
      <c r="AI23" s="330">
        <v>151126997</v>
      </c>
      <c r="AJ23" s="326">
        <v>0</v>
      </c>
      <c r="AK23" s="327">
        <v>0</v>
      </c>
      <c r="AL23" s="328">
        <v>0</v>
      </c>
      <c r="AM23" s="326">
        <v>0</v>
      </c>
      <c r="AN23" s="327">
        <v>135145</v>
      </c>
      <c r="AO23" s="327">
        <v>793672</v>
      </c>
      <c r="AP23" s="327">
        <v>997941</v>
      </c>
      <c r="AQ23" s="327">
        <v>3452705</v>
      </c>
      <c r="AR23" s="327">
        <v>5407883</v>
      </c>
      <c r="AS23" s="328">
        <v>10787346</v>
      </c>
      <c r="AT23" s="330">
        <v>10787346</v>
      </c>
      <c r="AU23" s="326">
        <v>1218250</v>
      </c>
      <c r="AV23" s="327">
        <v>3744230</v>
      </c>
      <c r="AW23" s="328">
        <v>4962480</v>
      </c>
      <c r="AX23" s="326">
        <v>0</v>
      </c>
      <c r="AY23" s="327">
        <v>13272015</v>
      </c>
      <c r="AZ23" s="327">
        <v>17755325</v>
      </c>
      <c r="BA23" s="327">
        <v>11815077</v>
      </c>
      <c r="BB23" s="327">
        <v>9889291</v>
      </c>
      <c r="BC23" s="327">
        <v>8993539</v>
      </c>
      <c r="BD23" s="328">
        <v>61725247</v>
      </c>
      <c r="BE23" s="330">
        <v>66687727</v>
      </c>
      <c r="BF23" s="326">
        <v>233987</v>
      </c>
      <c r="BG23" s="327">
        <v>408303</v>
      </c>
      <c r="BH23" s="331">
        <v>642290</v>
      </c>
      <c r="BI23" s="332">
        <v>0</v>
      </c>
      <c r="BJ23" s="327">
        <v>1967392</v>
      </c>
      <c r="BK23" s="327">
        <v>2975045</v>
      </c>
      <c r="BL23" s="327">
        <v>2212715</v>
      </c>
      <c r="BM23" s="327">
        <v>1273634</v>
      </c>
      <c r="BN23" s="327">
        <v>847624</v>
      </c>
      <c r="BO23" s="328">
        <v>9276410</v>
      </c>
      <c r="BP23" s="330">
        <v>9918700</v>
      </c>
      <c r="BQ23" s="326">
        <v>887721</v>
      </c>
      <c r="BR23" s="327">
        <v>791541</v>
      </c>
      <c r="BS23" s="328">
        <v>1679262</v>
      </c>
      <c r="BT23" s="326">
        <v>0</v>
      </c>
      <c r="BU23" s="327">
        <v>7186581</v>
      </c>
      <c r="BV23" s="327">
        <v>8719294</v>
      </c>
      <c r="BW23" s="327">
        <v>8944644</v>
      </c>
      <c r="BX23" s="327">
        <v>8743410</v>
      </c>
      <c r="BY23" s="327">
        <v>6627620</v>
      </c>
      <c r="BZ23" s="328">
        <v>40221549</v>
      </c>
      <c r="CA23" s="330">
        <v>41900811</v>
      </c>
      <c r="CB23" s="326">
        <v>1706254</v>
      </c>
      <c r="CC23" s="327">
        <v>5797977</v>
      </c>
      <c r="CD23" s="328">
        <v>7504231</v>
      </c>
      <c r="CE23" s="326">
        <v>0</v>
      </c>
      <c r="CF23" s="327">
        <v>50815023</v>
      </c>
      <c r="CG23" s="327">
        <v>58152311</v>
      </c>
      <c r="CH23" s="327">
        <v>53593747</v>
      </c>
      <c r="CI23" s="327">
        <v>32494782</v>
      </c>
      <c r="CJ23" s="327">
        <v>18131172</v>
      </c>
      <c r="CK23" s="328">
        <v>213187035</v>
      </c>
      <c r="CL23" s="330">
        <v>220691266</v>
      </c>
      <c r="CM23" s="326">
        <v>0</v>
      </c>
      <c r="CN23" s="327">
        <v>0</v>
      </c>
      <c r="CO23" s="328">
        <v>0</v>
      </c>
      <c r="CP23" s="332">
        <v>0</v>
      </c>
      <c r="CQ23" s="327">
        <v>42067262</v>
      </c>
      <c r="CR23" s="327">
        <v>47496538</v>
      </c>
      <c r="CS23" s="327">
        <v>44227316</v>
      </c>
      <c r="CT23" s="327">
        <v>26312554</v>
      </c>
      <c r="CU23" s="327">
        <v>15707277</v>
      </c>
      <c r="CV23" s="328">
        <v>175810947</v>
      </c>
      <c r="CW23" s="330">
        <v>175810947</v>
      </c>
      <c r="CX23" s="326">
        <v>1706254</v>
      </c>
      <c r="CY23" s="327">
        <v>5797977</v>
      </c>
      <c r="CZ23" s="328">
        <v>7504231</v>
      </c>
      <c r="DA23" s="326">
        <v>0</v>
      </c>
      <c r="DB23" s="327">
        <v>8747761</v>
      </c>
      <c r="DC23" s="327">
        <v>10655773</v>
      </c>
      <c r="DD23" s="327">
        <v>9366431</v>
      </c>
      <c r="DE23" s="327">
        <v>6182228</v>
      </c>
      <c r="DF23" s="327">
        <v>2423895</v>
      </c>
      <c r="DG23" s="328">
        <v>37376088</v>
      </c>
      <c r="DH23" s="330">
        <v>44880319</v>
      </c>
      <c r="DI23" s="326">
        <v>53615</v>
      </c>
      <c r="DJ23" s="327">
        <v>329724</v>
      </c>
      <c r="DK23" s="331">
        <v>383339</v>
      </c>
      <c r="DL23" s="332">
        <v>0</v>
      </c>
      <c r="DM23" s="327">
        <v>3806632</v>
      </c>
      <c r="DN23" s="327">
        <v>8461555</v>
      </c>
      <c r="DO23" s="327">
        <v>18336476</v>
      </c>
      <c r="DP23" s="327">
        <v>16774688</v>
      </c>
      <c r="DQ23" s="327">
        <v>8153390</v>
      </c>
      <c r="DR23" s="328">
        <v>55532741</v>
      </c>
      <c r="DS23" s="330">
        <v>55916080</v>
      </c>
      <c r="DT23" s="326">
        <v>53615</v>
      </c>
      <c r="DU23" s="327">
        <v>329724</v>
      </c>
      <c r="DV23" s="328">
        <v>383339</v>
      </c>
      <c r="DW23" s="326">
        <v>0</v>
      </c>
      <c r="DX23" s="327">
        <v>3542205</v>
      </c>
      <c r="DY23" s="327">
        <v>8244202</v>
      </c>
      <c r="DZ23" s="327">
        <v>17935629</v>
      </c>
      <c r="EA23" s="327">
        <v>16384306</v>
      </c>
      <c r="EB23" s="327">
        <v>8153390</v>
      </c>
      <c r="EC23" s="328">
        <v>54259732</v>
      </c>
      <c r="ED23" s="330">
        <v>54643071</v>
      </c>
      <c r="EE23" s="326">
        <v>0</v>
      </c>
      <c r="EF23" s="331">
        <v>0</v>
      </c>
      <c r="EG23" s="328">
        <v>0</v>
      </c>
      <c r="EH23" s="326">
        <v>0</v>
      </c>
      <c r="EI23" s="327">
        <v>264427</v>
      </c>
      <c r="EJ23" s="327">
        <v>217353</v>
      </c>
      <c r="EK23" s="327">
        <v>400847</v>
      </c>
      <c r="EL23" s="327">
        <v>390382</v>
      </c>
      <c r="EM23" s="327">
        <v>0</v>
      </c>
      <c r="EN23" s="331">
        <v>1273009</v>
      </c>
      <c r="EO23" s="330">
        <v>1273009</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340060</v>
      </c>
      <c r="FM23" s="327">
        <v>4448446</v>
      </c>
      <c r="FN23" s="328">
        <v>6788506</v>
      </c>
      <c r="FO23" s="326">
        <v>0</v>
      </c>
      <c r="FP23" s="327">
        <v>7412658</v>
      </c>
      <c r="FQ23" s="327">
        <v>16199670</v>
      </c>
      <c r="FR23" s="327">
        <v>12353313</v>
      </c>
      <c r="FS23" s="327">
        <v>10367956</v>
      </c>
      <c r="FT23" s="327">
        <v>9281657</v>
      </c>
      <c r="FU23" s="328">
        <v>55615254</v>
      </c>
      <c r="FV23" s="330">
        <v>62403760</v>
      </c>
      <c r="FW23" s="333">
        <v>1156896</v>
      </c>
      <c r="FX23" s="327">
        <v>3508840</v>
      </c>
      <c r="FY23" s="331">
        <v>4665736</v>
      </c>
      <c r="FZ23" s="332">
        <v>0</v>
      </c>
      <c r="GA23" s="327">
        <v>6323818</v>
      </c>
      <c r="GB23" s="327">
        <v>14775791</v>
      </c>
      <c r="GC23" s="327">
        <v>11804929</v>
      </c>
      <c r="GD23" s="327">
        <v>10188545</v>
      </c>
      <c r="GE23" s="327">
        <v>8931794</v>
      </c>
      <c r="GF23" s="328">
        <v>52024877</v>
      </c>
      <c r="GG23" s="334">
        <v>56690613</v>
      </c>
      <c r="GH23" s="333">
        <v>104298</v>
      </c>
      <c r="GI23" s="327">
        <v>95204</v>
      </c>
      <c r="GJ23" s="331">
        <v>199502</v>
      </c>
      <c r="GK23" s="332">
        <v>0</v>
      </c>
      <c r="GL23" s="327">
        <v>179160</v>
      </c>
      <c r="GM23" s="327">
        <v>442969</v>
      </c>
      <c r="GN23" s="327">
        <v>243584</v>
      </c>
      <c r="GO23" s="327">
        <v>164011</v>
      </c>
      <c r="GP23" s="327">
        <v>123063</v>
      </c>
      <c r="GQ23" s="328">
        <v>1152787</v>
      </c>
      <c r="GR23" s="330">
        <v>1352289</v>
      </c>
      <c r="GS23" s="326">
        <v>1078866</v>
      </c>
      <c r="GT23" s="327">
        <v>844402</v>
      </c>
      <c r="GU23" s="328">
        <v>1923268</v>
      </c>
      <c r="GV23" s="326">
        <v>0</v>
      </c>
      <c r="GW23" s="327">
        <v>909680</v>
      </c>
      <c r="GX23" s="327">
        <v>980910</v>
      </c>
      <c r="GY23" s="327">
        <v>304800</v>
      </c>
      <c r="GZ23" s="327">
        <v>15400</v>
      </c>
      <c r="HA23" s="327">
        <v>226800</v>
      </c>
      <c r="HB23" s="331">
        <v>2437590</v>
      </c>
      <c r="HC23" s="330">
        <v>4360858</v>
      </c>
      <c r="HD23" s="326">
        <v>1846084</v>
      </c>
      <c r="HE23" s="327">
        <v>855874</v>
      </c>
      <c r="HF23" s="331">
        <v>2701958</v>
      </c>
      <c r="HG23" s="332">
        <v>0</v>
      </c>
      <c r="HH23" s="327">
        <v>22061136</v>
      </c>
      <c r="HI23" s="327">
        <v>22232863</v>
      </c>
      <c r="HJ23" s="327">
        <v>26425643</v>
      </c>
      <c r="HK23" s="327">
        <v>26560733</v>
      </c>
      <c r="HL23" s="327">
        <v>20348274</v>
      </c>
      <c r="HM23" s="328">
        <v>117628649</v>
      </c>
      <c r="HN23" s="329">
        <v>120330607</v>
      </c>
      <c r="HO23" s="333">
        <v>1734290</v>
      </c>
      <c r="HP23" s="327">
        <v>3432631</v>
      </c>
      <c r="HQ23" s="328">
        <v>5166921</v>
      </c>
      <c r="HR23" s="326">
        <v>0</v>
      </c>
      <c r="HS23" s="327">
        <v>25743795</v>
      </c>
      <c r="HT23" s="327">
        <v>24636239</v>
      </c>
      <c r="HU23" s="327">
        <v>16731561</v>
      </c>
      <c r="HV23" s="327">
        <v>10932493</v>
      </c>
      <c r="HW23" s="327">
        <v>6818296</v>
      </c>
      <c r="HX23" s="331">
        <v>84862384</v>
      </c>
      <c r="HY23" s="330">
        <v>90029305</v>
      </c>
      <c r="HZ23" s="335">
        <v>212405</v>
      </c>
      <c r="IA23" s="336">
        <v>1831527</v>
      </c>
      <c r="IB23" s="337">
        <v>2043932</v>
      </c>
      <c r="IC23" s="338">
        <v>0</v>
      </c>
      <c r="ID23" s="336">
        <v>39808553</v>
      </c>
      <c r="IE23" s="339">
        <v>47377633</v>
      </c>
      <c r="IF23" s="337">
        <v>58903773</v>
      </c>
      <c r="IG23" s="336">
        <v>46752693</v>
      </c>
      <c r="IH23" s="337">
        <v>25843891</v>
      </c>
      <c r="II23" s="340">
        <v>218686543</v>
      </c>
      <c r="IJ23" s="341">
        <v>220730475</v>
      </c>
      <c r="IK23" s="342">
        <v>0</v>
      </c>
      <c r="IL23" s="343">
        <v>0</v>
      </c>
      <c r="IM23" s="344">
        <v>0</v>
      </c>
      <c r="IN23" s="404">
        <v>0</v>
      </c>
      <c r="IO23" s="345">
        <v>963371</v>
      </c>
      <c r="IP23" s="345">
        <v>1402507</v>
      </c>
      <c r="IQ23" s="345">
        <v>768653</v>
      </c>
      <c r="IR23" s="345">
        <v>3479896</v>
      </c>
      <c r="IS23" s="345">
        <v>2019293</v>
      </c>
      <c r="IT23" s="346">
        <v>8633720</v>
      </c>
      <c r="IU23" s="347">
        <v>8633720</v>
      </c>
      <c r="IV23" s="348">
        <v>0</v>
      </c>
      <c r="IW23" s="345">
        <v>0</v>
      </c>
      <c r="IX23" s="349">
        <v>0</v>
      </c>
      <c r="IY23" s="413">
        <v>0</v>
      </c>
      <c r="IZ23" s="345">
        <v>0</v>
      </c>
      <c r="JA23" s="345">
        <v>0</v>
      </c>
      <c r="JB23" s="345">
        <v>44923</v>
      </c>
      <c r="JC23" s="345">
        <v>0</v>
      </c>
      <c r="JD23" s="345">
        <v>145537</v>
      </c>
      <c r="JE23" s="349">
        <v>190460</v>
      </c>
      <c r="JF23" s="350">
        <v>190460</v>
      </c>
      <c r="JG23" s="348">
        <v>0</v>
      </c>
      <c r="JH23" s="345">
        <v>0</v>
      </c>
      <c r="JI23" s="346">
        <v>0</v>
      </c>
      <c r="JJ23" s="351">
        <v>0</v>
      </c>
      <c r="JK23" s="345">
        <v>14843007</v>
      </c>
      <c r="JL23" s="345">
        <v>13321213</v>
      </c>
      <c r="JM23" s="345">
        <v>8876495</v>
      </c>
      <c r="JN23" s="345">
        <v>4908743</v>
      </c>
      <c r="JO23" s="345">
        <v>2108523</v>
      </c>
      <c r="JP23" s="349">
        <v>44057981</v>
      </c>
      <c r="JQ23" s="347">
        <v>44057981</v>
      </c>
      <c r="JR23" s="348">
        <v>0</v>
      </c>
      <c r="JS23" s="345">
        <v>0</v>
      </c>
      <c r="JT23" s="346">
        <v>0</v>
      </c>
      <c r="JU23" s="351">
        <v>0</v>
      </c>
      <c r="JV23" s="345">
        <v>932809</v>
      </c>
      <c r="JW23" s="345">
        <v>1175270</v>
      </c>
      <c r="JX23" s="345">
        <v>3550278</v>
      </c>
      <c r="JY23" s="345">
        <v>1716138</v>
      </c>
      <c r="JZ23" s="345">
        <v>866383</v>
      </c>
      <c r="KA23" s="349">
        <v>8240878</v>
      </c>
      <c r="KB23" s="347">
        <v>8240878</v>
      </c>
      <c r="KC23" s="352">
        <v>212405</v>
      </c>
      <c r="KD23" s="353">
        <v>1082364</v>
      </c>
      <c r="KE23" s="349">
        <v>1294769</v>
      </c>
      <c r="KF23" s="351">
        <v>0</v>
      </c>
      <c r="KG23" s="345">
        <v>7414702</v>
      </c>
      <c r="KH23" s="345">
        <v>7524741</v>
      </c>
      <c r="KI23" s="345">
        <v>12920059</v>
      </c>
      <c r="KJ23" s="345">
        <v>4737575</v>
      </c>
      <c r="KK23" s="345">
        <v>3263449</v>
      </c>
      <c r="KL23" s="349">
        <v>35860526</v>
      </c>
      <c r="KM23" s="354">
        <v>37155295</v>
      </c>
      <c r="KN23" s="342">
        <v>0</v>
      </c>
      <c r="KO23" s="343">
        <v>749163</v>
      </c>
      <c r="KP23" s="344">
        <v>749163</v>
      </c>
      <c r="KQ23" s="413">
        <v>0</v>
      </c>
      <c r="KR23" s="345">
        <v>14515468</v>
      </c>
      <c r="KS23" s="345">
        <v>21484038</v>
      </c>
      <c r="KT23" s="345">
        <v>27267488</v>
      </c>
      <c r="KU23" s="345">
        <v>19685858</v>
      </c>
      <c r="KV23" s="345">
        <v>5009178</v>
      </c>
      <c r="KW23" s="349">
        <v>87962030</v>
      </c>
      <c r="KX23" s="347">
        <v>88711193</v>
      </c>
      <c r="KY23" s="348">
        <v>0</v>
      </c>
      <c r="KZ23" s="345">
        <v>0</v>
      </c>
      <c r="LA23" s="349">
        <v>0</v>
      </c>
      <c r="LB23" s="413">
        <v>0</v>
      </c>
      <c r="LC23" s="345">
        <v>0</v>
      </c>
      <c r="LD23" s="345">
        <v>0</v>
      </c>
      <c r="LE23" s="345">
        <v>0</v>
      </c>
      <c r="LF23" s="345">
        <v>0</v>
      </c>
      <c r="LG23" s="345">
        <v>0</v>
      </c>
      <c r="LH23" s="349">
        <v>0</v>
      </c>
      <c r="LI23" s="350">
        <v>0</v>
      </c>
      <c r="LJ23" s="348">
        <v>0</v>
      </c>
      <c r="LK23" s="345">
        <v>0</v>
      </c>
      <c r="LL23" s="349">
        <v>0</v>
      </c>
      <c r="LM23" s="413">
        <v>0</v>
      </c>
      <c r="LN23" s="345">
        <v>0</v>
      </c>
      <c r="LO23" s="345">
        <v>282224</v>
      </c>
      <c r="LP23" s="345">
        <v>1721441</v>
      </c>
      <c r="LQ23" s="345">
        <v>4604421</v>
      </c>
      <c r="LR23" s="345">
        <v>1540124</v>
      </c>
      <c r="LS23" s="349">
        <v>8148210</v>
      </c>
      <c r="LT23" s="347">
        <v>8148210</v>
      </c>
      <c r="LU23" s="348">
        <v>0</v>
      </c>
      <c r="LV23" s="345">
        <v>0</v>
      </c>
      <c r="LW23" s="349">
        <v>0</v>
      </c>
      <c r="LX23" s="413">
        <v>0</v>
      </c>
      <c r="LY23" s="345">
        <v>1139196</v>
      </c>
      <c r="LZ23" s="345">
        <v>2187640</v>
      </c>
      <c r="MA23" s="345">
        <v>3754436</v>
      </c>
      <c r="MB23" s="345">
        <v>7620062</v>
      </c>
      <c r="MC23" s="345">
        <v>10891404</v>
      </c>
      <c r="MD23" s="349">
        <v>25592738</v>
      </c>
      <c r="ME23" s="350">
        <v>25592738</v>
      </c>
      <c r="MF23" s="348">
        <v>0</v>
      </c>
      <c r="MG23" s="345">
        <v>0</v>
      </c>
      <c r="MH23" s="349">
        <v>0</v>
      </c>
      <c r="MI23" s="413">
        <v>0</v>
      </c>
      <c r="MJ23" s="345">
        <v>8078922</v>
      </c>
      <c r="MK23" s="345">
        <v>22254657</v>
      </c>
      <c r="ML23" s="345">
        <v>88619336</v>
      </c>
      <c r="MM23" s="345">
        <v>160607652</v>
      </c>
      <c r="MN23" s="345">
        <v>112640013</v>
      </c>
      <c r="MO23" s="349">
        <v>392200580</v>
      </c>
      <c r="MP23" s="354">
        <v>392200580</v>
      </c>
      <c r="MQ23" s="348">
        <v>0</v>
      </c>
      <c r="MR23" s="345">
        <v>0</v>
      </c>
      <c r="MS23" s="349">
        <v>0</v>
      </c>
      <c r="MT23" s="413">
        <v>0</v>
      </c>
      <c r="MU23" s="345">
        <v>1438402</v>
      </c>
      <c r="MV23" s="345">
        <v>3515375</v>
      </c>
      <c r="MW23" s="345">
        <v>55807663</v>
      </c>
      <c r="MX23" s="345">
        <v>117290749</v>
      </c>
      <c r="MY23" s="345">
        <v>80893473</v>
      </c>
      <c r="MZ23" s="349">
        <v>258945662</v>
      </c>
      <c r="NA23" s="354">
        <v>258945662</v>
      </c>
      <c r="NB23" s="348">
        <v>0</v>
      </c>
      <c r="NC23" s="345">
        <v>0</v>
      </c>
      <c r="ND23" s="349">
        <v>0</v>
      </c>
      <c r="NE23" s="413">
        <v>0</v>
      </c>
      <c r="NF23" s="345">
        <v>6640520</v>
      </c>
      <c r="NG23" s="345">
        <v>18460624</v>
      </c>
      <c r="NH23" s="345">
        <v>32426347</v>
      </c>
      <c r="NI23" s="345">
        <v>37455418</v>
      </c>
      <c r="NJ23" s="345">
        <v>24664831</v>
      </c>
      <c r="NK23" s="349">
        <v>119647740</v>
      </c>
      <c r="NL23" s="347">
        <v>119647740</v>
      </c>
      <c r="NM23" s="348">
        <v>0</v>
      </c>
      <c r="NN23" s="345">
        <v>0</v>
      </c>
      <c r="NO23" s="349">
        <v>0</v>
      </c>
      <c r="NP23" s="413">
        <v>0</v>
      </c>
      <c r="NQ23" s="345">
        <v>0</v>
      </c>
      <c r="NR23" s="345">
        <v>0</v>
      </c>
      <c r="NS23" s="345">
        <v>0</v>
      </c>
      <c r="NT23" s="345">
        <v>0</v>
      </c>
      <c r="NU23" s="345">
        <v>0</v>
      </c>
      <c r="NV23" s="349">
        <v>0</v>
      </c>
      <c r="NW23" s="350">
        <v>0</v>
      </c>
      <c r="NX23" s="348">
        <v>0</v>
      </c>
      <c r="NY23" s="345">
        <v>0</v>
      </c>
      <c r="NZ23" s="349">
        <v>0</v>
      </c>
      <c r="OA23" s="413">
        <v>0</v>
      </c>
      <c r="OB23" s="345">
        <v>0</v>
      </c>
      <c r="OC23" s="345">
        <v>278658</v>
      </c>
      <c r="OD23" s="345">
        <v>385326</v>
      </c>
      <c r="OE23" s="345">
        <v>5861485</v>
      </c>
      <c r="OF23" s="345">
        <v>7081709</v>
      </c>
      <c r="OG23" s="349">
        <v>13607178</v>
      </c>
      <c r="OH23" s="350">
        <v>13607178</v>
      </c>
      <c r="OI23" s="348">
        <v>10232666</v>
      </c>
      <c r="OJ23" s="345">
        <v>21640253</v>
      </c>
      <c r="OK23" s="346">
        <v>31872919</v>
      </c>
      <c r="OL23" s="351">
        <v>0</v>
      </c>
      <c r="OM23" s="345">
        <v>198771591</v>
      </c>
      <c r="ON23" s="345">
        <v>257017613</v>
      </c>
      <c r="OO23" s="345">
        <v>329659570</v>
      </c>
      <c r="OP23" s="345">
        <v>363423707</v>
      </c>
      <c r="OQ23" s="345">
        <v>261978254</v>
      </c>
      <c r="OR23" s="349">
        <v>1410850735</v>
      </c>
      <c r="OS23" s="354">
        <v>1442723654</v>
      </c>
    </row>
    <row r="24" spans="2:409" s="70" customFormat="1" ht="21" customHeight="1" x14ac:dyDescent="0.2">
      <c r="B24" s="410" t="s">
        <v>19</v>
      </c>
      <c r="C24" s="326">
        <v>6334573</v>
      </c>
      <c r="D24" s="327">
        <v>10965314</v>
      </c>
      <c r="E24" s="328">
        <v>17299887</v>
      </c>
      <c r="F24" s="329">
        <v>0</v>
      </c>
      <c r="G24" s="327">
        <v>67992638</v>
      </c>
      <c r="H24" s="327">
        <v>74806015</v>
      </c>
      <c r="I24" s="327">
        <v>67372530</v>
      </c>
      <c r="J24" s="327">
        <v>49437334</v>
      </c>
      <c r="K24" s="327">
        <v>42013070</v>
      </c>
      <c r="L24" s="329">
        <v>301621587</v>
      </c>
      <c r="M24" s="330">
        <v>318921474</v>
      </c>
      <c r="N24" s="326">
        <v>1640371</v>
      </c>
      <c r="O24" s="327">
        <v>2395479</v>
      </c>
      <c r="P24" s="328">
        <v>4035850</v>
      </c>
      <c r="Q24" s="326">
        <v>0</v>
      </c>
      <c r="R24" s="327">
        <v>17985604</v>
      </c>
      <c r="S24" s="327">
        <v>18902721</v>
      </c>
      <c r="T24" s="327">
        <v>20273670</v>
      </c>
      <c r="U24" s="327">
        <v>18816185</v>
      </c>
      <c r="V24" s="327">
        <v>18274971</v>
      </c>
      <c r="W24" s="328">
        <v>94253151</v>
      </c>
      <c r="X24" s="330">
        <v>98289001</v>
      </c>
      <c r="Y24" s="326">
        <v>0</v>
      </c>
      <c r="Z24" s="327">
        <v>0</v>
      </c>
      <c r="AA24" s="328">
        <v>0</v>
      </c>
      <c r="AB24" s="326">
        <v>0</v>
      </c>
      <c r="AC24" s="327">
        <v>6919488</v>
      </c>
      <c r="AD24" s="327">
        <v>8390773</v>
      </c>
      <c r="AE24" s="327">
        <v>10490102</v>
      </c>
      <c r="AF24" s="327">
        <v>10916159</v>
      </c>
      <c r="AG24" s="327">
        <v>10420060</v>
      </c>
      <c r="AH24" s="328">
        <v>47136582</v>
      </c>
      <c r="AI24" s="330">
        <v>47136582</v>
      </c>
      <c r="AJ24" s="326">
        <v>0</v>
      </c>
      <c r="AK24" s="327">
        <v>0</v>
      </c>
      <c r="AL24" s="328">
        <v>0</v>
      </c>
      <c r="AM24" s="326">
        <v>0</v>
      </c>
      <c r="AN24" s="327">
        <v>308758</v>
      </c>
      <c r="AO24" s="327">
        <v>372201</v>
      </c>
      <c r="AP24" s="327">
        <v>853819</v>
      </c>
      <c r="AQ24" s="327">
        <v>960898</v>
      </c>
      <c r="AR24" s="327">
        <v>1606299</v>
      </c>
      <c r="AS24" s="328">
        <v>4101975</v>
      </c>
      <c r="AT24" s="330">
        <v>4101975</v>
      </c>
      <c r="AU24" s="326">
        <v>1039088</v>
      </c>
      <c r="AV24" s="327">
        <v>1696981</v>
      </c>
      <c r="AW24" s="328">
        <v>2736069</v>
      </c>
      <c r="AX24" s="326">
        <v>0</v>
      </c>
      <c r="AY24" s="327">
        <v>6958695</v>
      </c>
      <c r="AZ24" s="327">
        <v>6386530</v>
      </c>
      <c r="BA24" s="327">
        <v>5219056</v>
      </c>
      <c r="BB24" s="327">
        <v>4006109</v>
      </c>
      <c r="BC24" s="327">
        <v>3856982</v>
      </c>
      <c r="BD24" s="328">
        <v>26427372</v>
      </c>
      <c r="BE24" s="330">
        <v>29163441</v>
      </c>
      <c r="BF24" s="326">
        <v>89919</v>
      </c>
      <c r="BG24" s="327">
        <v>164259</v>
      </c>
      <c r="BH24" s="331">
        <v>254178</v>
      </c>
      <c r="BI24" s="332">
        <v>0</v>
      </c>
      <c r="BJ24" s="327">
        <v>726453</v>
      </c>
      <c r="BK24" s="327">
        <v>590177</v>
      </c>
      <c r="BL24" s="327">
        <v>370979</v>
      </c>
      <c r="BM24" s="327">
        <v>420937</v>
      </c>
      <c r="BN24" s="327">
        <v>111312</v>
      </c>
      <c r="BO24" s="328">
        <v>2219858</v>
      </c>
      <c r="BP24" s="330">
        <v>2474036</v>
      </c>
      <c r="BQ24" s="326">
        <v>511364</v>
      </c>
      <c r="BR24" s="327">
        <v>534239</v>
      </c>
      <c r="BS24" s="328">
        <v>1045603</v>
      </c>
      <c r="BT24" s="326">
        <v>0</v>
      </c>
      <c r="BU24" s="327">
        <v>3072210</v>
      </c>
      <c r="BV24" s="327">
        <v>3163040</v>
      </c>
      <c r="BW24" s="327">
        <v>3339714</v>
      </c>
      <c r="BX24" s="327">
        <v>2512082</v>
      </c>
      <c r="BY24" s="327">
        <v>2280318</v>
      </c>
      <c r="BZ24" s="328">
        <v>14367364</v>
      </c>
      <c r="CA24" s="330">
        <v>15412967</v>
      </c>
      <c r="CB24" s="326">
        <v>954852</v>
      </c>
      <c r="CC24" s="327">
        <v>3151318</v>
      </c>
      <c r="CD24" s="328">
        <v>4106170</v>
      </c>
      <c r="CE24" s="326">
        <v>0</v>
      </c>
      <c r="CF24" s="327">
        <v>20976994</v>
      </c>
      <c r="CG24" s="327">
        <v>25213576</v>
      </c>
      <c r="CH24" s="327">
        <v>18604679</v>
      </c>
      <c r="CI24" s="327">
        <v>9605050</v>
      </c>
      <c r="CJ24" s="327">
        <v>7961208</v>
      </c>
      <c r="CK24" s="328">
        <v>82361507</v>
      </c>
      <c r="CL24" s="330">
        <v>86467677</v>
      </c>
      <c r="CM24" s="326">
        <v>0</v>
      </c>
      <c r="CN24" s="327">
        <v>0</v>
      </c>
      <c r="CO24" s="328">
        <v>0</v>
      </c>
      <c r="CP24" s="332">
        <v>0</v>
      </c>
      <c r="CQ24" s="327">
        <v>14939616</v>
      </c>
      <c r="CR24" s="327">
        <v>17733347</v>
      </c>
      <c r="CS24" s="327">
        <v>14143849</v>
      </c>
      <c r="CT24" s="327">
        <v>6678036</v>
      </c>
      <c r="CU24" s="327">
        <v>7038846</v>
      </c>
      <c r="CV24" s="328">
        <v>60533694</v>
      </c>
      <c r="CW24" s="330">
        <v>60533694</v>
      </c>
      <c r="CX24" s="326">
        <v>954852</v>
      </c>
      <c r="CY24" s="327">
        <v>3151318</v>
      </c>
      <c r="CZ24" s="328">
        <v>4106170</v>
      </c>
      <c r="DA24" s="326">
        <v>0</v>
      </c>
      <c r="DB24" s="327">
        <v>6037378</v>
      </c>
      <c r="DC24" s="327">
        <v>7480229</v>
      </c>
      <c r="DD24" s="327">
        <v>4460830</v>
      </c>
      <c r="DE24" s="327">
        <v>2927014</v>
      </c>
      <c r="DF24" s="327">
        <v>922362</v>
      </c>
      <c r="DG24" s="328">
        <v>21827813</v>
      </c>
      <c r="DH24" s="330">
        <v>25933983</v>
      </c>
      <c r="DI24" s="326">
        <v>54376</v>
      </c>
      <c r="DJ24" s="327">
        <v>129346</v>
      </c>
      <c r="DK24" s="331">
        <v>183722</v>
      </c>
      <c r="DL24" s="332">
        <v>0</v>
      </c>
      <c r="DM24" s="327">
        <v>1941812</v>
      </c>
      <c r="DN24" s="327">
        <v>3718534</v>
      </c>
      <c r="DO24" s="327">
        <v>6186551</v>
      </c>
      <c r="DP24" s="327">
        <v>2366474</v>
      </c>
      <c r="DQ24" s="327">
        <v>1299911</v>
      </c>
      <c r="DR24" s="328">
        <v>15513282</v>
      </c>
      <c r="DS24" s="330">
        <v>15697004</v>
      </c>
      <c r="DT24" s="326">
        <v>54376</v>
      </c>
      <c r="DU24" s="327">
        <v>129346</v>
      </c>
      <c r="DV24" s="328">
        <v>183722</v>
      </c>
      <c r="DW24" s="326">
        <v>0</v>
      </c>
      <c r="DX24" s="327">
        <v>1538353</v>
      </c>
      <c r="DY24" s="327">
        <v>2834584</v>
      </c>
      <c r="DZ24" s="327">
        <v>5576503</v>
      </c>
      <c r="EA24" s="327">
        <v>1654796</v>
      </c>
      <c r="EB24" s="327">
        <v>1134686</v>
      </c>
      <c r="EC24" s="328">
        <v>12738922</v>
      </c>
      <c r="ED24" s="330">
        <v>12922644</v>
      </c>
      <c r="EE24" s="326">
        <v>0</v>
      </c>
      <c r="EF24" s="331">
        <v>0</v>
      </c>
      <c r="EG24" s="328">
        <v>0</v>
      </c>
      <c r="EH24" s="326">
        <v>0</v>
      </c>
      <c r="EI24" s="327">
        <v>403459</v>
      </c>
      <c r="EJ24" s="327">
        <v>883950</v>
      </c>
      <c r="EK24" s="327">
        <v>610048</v>
      </c>
      <c r="EL24" s="327">
        <v>711678</v>
      </c>
      <c r="EM24" s="327">
        <v>165225</v>
      </c>
      <c r="EN24" s="331">
        <v>2774360</v>
      </c>
      <c r="EO24" s="330">
        <v>2774360</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1741060</v>
      </c>
      <c r="FM24" s="327">
        <v>1988324</v>
      </c>
      <c r="FN24" s="328">
        <v>3729384</v>
      </c>
      <c r="FO24" s="326">
        <v>0</v>
      </c>
      <c r="FP24" s="327">
        <v>4434378</v>
      </c>
      <c r="FQ24" s="327">
        <v>6545400</v>
      </c>
      <c r="FR24" s="327">
        <v>5377486</v>
      </c>
      <c r="FS24" s="327">
        <v>3571298</v>
      </c>
      <c r="FT24" s="327">
        <v>3198935</v>
      </c>
      <c r="FU24" s="328">
        <v>23127497</v>
      </c>
      <c r="FV24" s="330">
        <v>26856881</v>
      </c>
      <c r="FW24" s="333">
        <v>999797</v>
      </c>
      <c r="FX24" s="327">
        <v>1683120</v>
      </c>
      <c r="FY24" s="331">
        <v>2682917</v>
      </c>
      <c r="FZ24" s="332">
        <v>0</v>
      </c>
      <c r="GA24" s="327">
        <v>3817177</v>
      </c>
      <c r="GB24" s="327">
        <v>5978669</v>
      </c>
      <c r="GC24" s="327">
        <v>5002128</v>
      </c>
      <c r="GD24" s="327">
        <v>3478058</v>
      </c>
      <c r="GE24" s="327">
        <v>3116507</v>
      </c>
      <c r="GF24" s="328">
        <v>21392539</v>
      </c>
      <c r="GG24" s="334">
        <v>24075456</v>
      </c>
      <c r="GH24" s="333">
        <v>158199</v>
      </c>
      <c r="GI24" s="327">
        <v>156780</v>
      </c>
      <c r="GJ24" s="331">
        <v>314979</v>
      </c>
      <c r="GK24" s="332">
        <v>0</v>
      </c>
      <c r="GL24" s="327">
        <v>84546</v>
      </c>
      <c r="GM24" s="327">
        <v>138889</v>
      </c>
      <c r="GN24" s="327">
        <v>236223</v>
      </c>
      <c r="GO24" s="327">
        <v>93240</v>
      </c>
      <c r="GP24" s="327">
        <v>82428</v>
      </c>
      <c r="GQ24" s="328">
        <v>635326</v>
      </c>
      <c r="GR24" s="330">
        <v>950305</v>
      </c>
      <c r="GS24" s="326">
        <v>583064</v>
      </c>
      <c r="GT24" s="327">
        <v>148424</v>
      </c>
      <c r="GU24" s="328">
        <v>731488</v>
      </c>
      <c r="GV24" s="326">
        <v>0</v>
      </c>
      <c r="GW24" s="327">
        <v>532655</v>
      </c>
      <c r="GX24" s="327">
        <v>427842</v>
      </c>
      <c r="GY24" s="327">
        <v>139135</v>
      </c>
      <c r="GZ24" s="327">
        <v>0</v>
      </c>
      <c r="HA24" s="327">
        <v>0</v>
      </c>
      <c r="HB24" s="331">
        <v>1099632</v>
      </c>
      <c r="HC24" s="330">
        <v>1831120</v>
      </c>
      <c r="HD24" s="326">
        <v>803647</v>
      </c>
      <c r="HE24" s="327">
        <v>1733465</v>
      </c>
      <c r="HF24" s="331">
        <v>2537112</v>
      </c>
      <c r="HG24" s="332">
        <v>0</v>
      </c>
      <c r="HH24" s="327">
        <v>11284568</v>
      </c>
      <c r="HI24" s="327">
        <v>11758932</v>
      </c>
      <c r="HJ24" s="327">
        <v>10958363</v>
      </c>
      <c r="HK24" s="327">
        <v>11732576</v>
      </c>
      <c r="HL24" s="327">
        <v>9045425</v>
      </c>
      <c r="HM24" s="328">
        <v>54779864</v>
      </c>
      <c r="HN24" s="329">
        <v>57316976</v>
      </c>
      <c r="HO24" s="333">
        <v>1140267</v>
      </c>
      <c r="HP24" s="327">
        <v>1567382</v>
      </c>
      <c r="HQ24" s="328">
        <v>2707649</v>
      </c>
      <c r="HR24" s="326">
        <v>0</v>
      </c>
      <c r="HS24" s="327">
        <v>11369282</v>
      </c>
      <c r="HT24" s="327">
        <v>8666852</v>
      </c>
      <c r="HU24" s="327">
        <v>5971781</v>
      </c>
      <c r="HV24" s="327">
        <v>3345751</v>
      </c>
      <c r="HW24" s="327">
        <v>2232620</v>
      </c>
      <c r="HX24" s="331">
        <v>31586286</v>
      </c>
      <c r="HY24" s="330">
        <v>34293935</v>
      </c>
      <c r="HZ24" s="358">
        <v>25817</v>
      </c>
      <c r="IA24" s="356">
        <v>187296</v>
      </c>
      <c r="IB24" s="358">
        <v>213113</v>
      </c>
      <c r="IC24" s="355">
        <v>0</v>
      </c>
      <c r="ID24" s="356">
        <v>15633317</v>
      </c>
      <c r="IE24" s="357">
        <v>21825183</v>
      </c>
      <c r="IF24" s="358">
        <v>22242345</v>
      </c>
      <c r="IG24" s="356">
        <v>15998390</v>
      </c>
      <c r="IH24" s="358">
        <v>13714542</v>
      </c>
      <c r="II24" s="359">
        <v>89413777</v>
      </c>
      <c r="IJ24" s="358">
        <v>89626890</v>
      </c>
      <c r="IK24" s="342">
        <v>0</v>
      </c>
      <c r="IL24" s="343">
        <v>0</v>
      </c>
      <c r="IM24" s="344">
        <v>0</v>
      </c>
      <c r="IN24" s="404">
        <v>0</v>
      </c>
      <c r="IO24" s="345">
        <v>816157</v>
      </c>
      <c r="IP24" s="345">
        <v>1158559</v>
      </c>
      <c r="IQ24" s="345">
        <v>1329405</v>
      </c>
      <c r="IR24" s="345">
        <v>782155</v>
      </c>
      <c r="IS24" s="345">
        <v>967591</v>
      </c>
      <c r="IT24" s="346">
        <v>5053867</v>
      </c>
      <c r="IU24" s="347">
        <v>5053867</v>
      </c>
      <c r="IV24" s="348">
        <v>0</v>
      </c>
      <c r="IW24" s="345">
        <v>0</v>
      </c>
      <c r="IX24" s="349">
        <v>0</v>
      </c>
      <c r="IY24" s="413">
        <v>0</v>
      </c>
      <c r="IZ24" s="345">
        <v>11661</v>
      </c>
      <c r="JA24" s="345">
        <v>9069</v>
      </c>
      <c r="JB24" s="345">
        <v>30005</v>
      </c>
      <c r="JC24" s="345">
        <v>93773</v>
      </c>
      <c r="JD24" s="345">
        <v>0</v>
      </c>
      <c r="JE24" s="349">
        <v>144508</v>
      </c>
      <c r="JF24" s="350">
        <v>144508</v>
      </c>
      <c r="JG24" s="348">
        <v>0</v>
      </c>
      <c r="JH24" s="345">
        <v>0</v>
      </c>
      <c r="JI24" s="346">
        <v>0</v>
      </c>
      <c r="JJ24" s="351">
        <v>0</v>
      </c>
      <c r="JK24" s="345">
        <v>6022070</v>
      </c>
      <c r="JL24" s="345">
        <v>6269282</v>
      </c>
      <c r="JM24" s="345">
        <v>4363332</v>
      </c>
      <c r="JN24" s="345">
        <v>2512963</v>
      </c>
      <c r="JO24" s="345">
        <v>1512963</v>
      </c>
      <c r="JP24" s="349">
        <v>20680610</v>
      </c>
      <c r="JQ24" s="347">
        <v>20680610</v>
      </c>
      <c r="JR24" s="348">
        <v>25817</v>
      </c>
      <c r="JS24" s="345">
        <v>0</v>
      </c>
      <c r="JT24" s="346">
        <v>25817</v>
      </c>
      <c r="JU24" s="351">
        <v>0</v>
      </c>
      <c r="JV24" s="345">
        <v>1114680</v>
      </c>
      <c r="JW24" s="345">
        <v>2072861</v>
      </c>
      <c r="JX24" s="345">
        <v>1886463</v>
      </c>
      <c r="JY24" s="345">
        <v>601913</v>
      </c>
      <c r="JZ24" s="345">
        <v>669241</v>
      </c>
      <c r="KA24" s="349">
        <v>6345158</v>
      </c>
      <c r="KB24" s="347">
        <v>6370975</v>
      </c>
      <c r="KC24" s="352">
        <v>0</v>
      </c>
      <c r="KD24" s="353">
        <v>187296</v>
      </c>
      <c r="KE24" s="349">
        <v>187296</v>
      </c>
      <c r="KF24" s="351">
        <v>0</v>
      </c>
      <c r="KG24" s="345">
        <v>3358427</v>
      </c>
      <c r="KH24" s="345">
        <v>5065818</v>
      </c>
      <c r="KI24" s="345">
        <v>5256526</v>
      </c>
      <c r="KJ24" s="345">
        <v>4651185</v>
      </c>
      <c r="KK24" s="345">
        <v>2259719</v>
      </c>
      <c r="KL24" s="349">
        <v>20591675</v>
      </c>
      <c r="KM24" s="354">
        <v>20778971</v>
      </c>
      <c r="KN24" s="342">
        <v>0</v>
      </c>
      <c r="KO24" s="343">
        <v>0</v>
      </c>
      <c r="KP24" s="344">
        <v>0</v>
      </c>
      <c r="KQ24" s="413">
        <v>0</v>
      </c>
      <c r="KR24" s="345">
        <v>4310322</v>
      </c>
      <c r="KS24" s="345">
        <v>6193563</v>
      </c>
      <c r="KT24" s="345">
        <v>8099320</v>
      </c>
      <c r="KU24" s="345">
        <v>5283894</v>
      </c>
      <c r="KV24" s="345">
        <v>5165421</v>
      </c>
      <c r="KW24" s="349">
        <v>29052520</v>
      </c>
      <c r="KX24" s="347">
        <v>29052520</v>
      </c>
      <c r="KY24" s="348">
        <v>0</v>
      </c>
      <c r="KZ24" s="345">
        <v>0</v>
      </c>
      <c r="LA24" s="349">
        <v>0</v>
      </c>
      <c r="LB24" s="413">
        <v>0</v>
      </c>
      <c r="LC24" s="345">
        <v>0</v>
      </c>
      <c r="LD24" s="345">
        <v>0</v>
      </c>
      <c r="LE24" s="345">
        <v>0</v>
      </c>
      <c r="LF24" s="345">
        <v>0</v>
      </c>
      <c r="LG24" s="345">
        <v>0</v>
      </c>
      <c r="LH24" s="349">
        <v>0</v>
      </c>
      <c r="LI24" s="350">
        <v>0</v>
      </c>
      <c r="LJ24" s="348">
        <v>0</v>
      </c>
      <c r="LK24" s="345">
        <v>0</v>
      </c>
      <c r="LL24" s="349">
        <v>0</v>
      </c>
      <c r="LM24" s="413">
        <v>0</v>
      </c>
      <c r="LN24" s="345">
        <v>0</v>
      </c>
      <c r="LO24" s="345">
        <v>0</v>
      </c>
      <c r="LP24" s="345">
        <v>0</v>
      </c>
      <c r="LQ24" s="345">
        <v>0</v>
      </c>
      <c r="LR24" s="345">
        <v>0</v>
      </c>
      <c r="LS24" s="349">
        <v>0</v>
      </c>
      <c r="LT24" s="347">
        <v>0</v>
      </c>
      <c r="LU24" s="348">
        <v>0</v>
      </c>
      <c r="LV24" s="345">
        <v>0</v>
      </c>
      <c r="LW24" s="349">
        <v>0</v>
      </c>
      <c r="LX24" s="413">
        <v>0</v>
      </c>
      <c r="LY24" s="345">
        <v>0</v>
      </c>
      <c r="LZ24" s="345">
        <v>1056031</v>
      </c>
      <c r="MA24" s="345">
        <v>1277294</v>
      </c>
      <c r="MB24" s="345">
        <v>2072507</v>
      </c>
      <c r="MC24" s="345">
        <v>3139607</v>
      </c>
      <c r="MD24" s="349">
        <v>7545439</v>
      </c>
      <c r="ME24" s="350">
        <v>7545439</v>
      </c>
      <c r="MF24" s="348">
        <v>0</v>
      </c>
      <c r="MG24" s="345">
        <v>0</v>
      </c>
      <c r="MH24" s="349">
        <v>0</v>
      </c>
      <c r="MI24" s="413">
        <v>0</v>
      </c>
      <c r="MJ24" s="345">
        <v>7709167</v>
      </c>
      <c r="MK24" s="345">
        <v>16013563</v>
      </c>
      <c r="ML24" s="345">
        <v>61291057</v>
      </c>
      <c r="MM24" s="345">
        <v>56236180</v>
      </c>
      <c r="MN24" s="345">
        <v>48364913</v>
      </c>
      <c r="MO24" s="349">
        <v>189614880</v>
      </c>
      <c r="MP24" s="354">
        <v>189614880</v>
      </c>
      <c r="MQ24" s="348">
        <v>0</v>
      </c>
      <c r="MR24" s="345">
        <v>0</v>
      </c>
      <c r="MS24" s="349">
        <v>0</v>
      </c>
      <c r="MT24" s="413">
        <v>0</v>
      </c>
      <c r="MU24" s="345">
        <v>0</v>
      </c>
      <c r="MV24" s="345">
        <v>1477845</v>
      </c>
      <c r="MW24" s="345">
        <v>37750064</v>
      </c>
      <c r="MX24" s="345">
        <v>37110792</v>
      </c>
      <c r="MY24" s="345">
        <v>35950334</v>
      </c>
      <c r="MZ24" s="349">
        <v>112289035</v>
      </c>
      <c r="NA24" s="354">
        <v>112289035</v>
      </c>
      <c r="NB24" s="348">
        <v>0</v>
      </c>
      <c r="NC24" s="345">
        <v>0</v>
      </c>
      <c r="ND24" s="349">
        <v>0</v>
      </c>
      <c r="NE24" s="413">
        <v>0</v>
      </c>
      <c r="NF24" s="345">
        <v>7709167</v>
      </c>
      <c r="NG24" s="345">
        <v>14535718</v>
      </c>
      <c r="NH24" s="345">
        <v>23540993</v>
      </c>
      <c r="NI24" s="345">
        <v>17942694</v>
      </c>
      <c r="NJ24" s="345">
        <v>10052627</v>
      </c>
      <c r="NK24" s="349">
        <v>73781199</v>
      </c>
      <c r="NL24" s="347">
        <v>73781199</v>
      </c>
      <c r="NM24" s="348">
        <v>0</v>
      </c>
      <c r="NN24" s="345">
        <v>0</v>
      </c>
      <c r="NO24" s="349">
        <v>0</v>
      </c>
      <c r="NP24" s="413">
        <v>0</v>
      </c>
      <c r="NQ24" s="345">
        <v>0</v>
      </c>
      <c r="NR24" s="345">
        <v>0</v>
      </c>
      <c r="NS24" s="345">
        <v>0</v>
      </c>
      <c r="NT24" s="345">
        <v>0</v>
      </c>
      <c r="NU24" s="345">
        <v>0</v>
      </c>
      <c r="NV24" s="349">
        <v>0</v>
      </c>
      <c r="NW24" s="350">
        <v>0</v>
      </c>
      <c r="NX24" s="348">
        <v>0</v>
      </c>
      <c r="NY24" s="345">
        <v>0</v>
      </c>
      <c r="NZ24" s="349">
        <v>0</v>
      </c>
      <c r="OA24" s="413">
        <v>0</v>
      </c>
      <c r="OB24" s="345">
        <v>0</v>
      </c>
      <c r="OC24" s="345">
        <v>0</v>
      </c>
      <c r="OD24" s="345">
        <v>0</v>
      </c>
      <c r="OE24" s="345">
        <v>1182694</v>
      </c>
      <c r="OF24" s="345">
        <v>2361952</v>
      </c>
      <c r="OG24" s="349">
        <v>3544646</v>
      </c>
      <c r="OH24" s="350">
        <v>3544646</v>
      </c>
      <c r="OI24" s="348">
        <v>6360390</v>
      </c>
      <c r="OJ24" s="345">
        <v>11152610</v>
      </c>
      <c r="OK24" s="346">
        <v>17513000</v>
      </c>
      <c r="OL24" s="351">
        <v>0</v>
      </c>
      <c r="OM24" s="345">
        <v>91335122</v>
      </c>
      <c r="ON24" s="345">
        <v>112644761</v>
      </c>
      <c r="OO24" s="345">
        <v>150905932</v>
      </c>
      <c r="OP24" s="345">
        <v>121671904</v>
      </c>
      <c r="OQ24" s="345">
        <v>104092525</v>
      </c>
      <c r="OR24" s="349">
        <v>580650244</v>
      </c>
      <c r="OS24" s="354">
        <v>598163244</v>
      </c>
    </row>
    <row r="25" spans="2:409" s="70" customFormat="1" ht="21" customHeight="1" x14ac:dyDescent="0.2">
      <c r="B25" s="410" t="s">
        <v>20</v>
      </c>
      <c r="C25" s="326">
        <v>5761443</v>
      </c>
      <c r="D25" s="327">
        <v>12641866</v>
      </c>
      <c r="E25" s="328">
        <v>18403309</v>
      </c>
      <c r="F25" s="326">
        <v>0</v>
      </c>
      <c r="G25" s="327">
        <v>97395107</v>
      </c>
      <c r="H25" s="327">
        <v>87313675</v>
      </c>
      <c r="I25" s="327">
        <v>84372994</v>
      </c>
      <c r="J25" s="327">
        <v>74326261</v>
      </c>
      <c r="K25" s="327">
        <v>51727382</v>
      </c>
      <c r="L25" s="367">
        <v>395135419</v>
      </c>
      <c r="M25" s="330">
        <v>413538728</v>
      </c>
      <c r="N25" s="326">
        <v>1759934</v>
      </c>
      <c r="O25" s="327">
        <v>4239380</v>
      </c>
      <c r="P25" s="328">
        <v>5999314</v>
      </c>
      <c r="Q25" s="326">
        <v>0</v>
      </c>
      <c r="R25" s="327">
        <v>28961641</v>
      </c>
      <c r="S25" s="327">
        <v>29285821</v>
      </c>
      <c r="T25" s="327">
        <v>28193156</v>
      </c>
      <c r="U25" s="327">
        <v>27837201</v>
      </c>
      <c r="V25" s="327">
        <v>27419267</v>
      </c>
      <c r="W25" s="328">
        <v>141697086</v>
      </c>
      <c r="X25" s="330">
        <v>147696400</v>
      </c>
      <c r="Y25" s="326">
        <v>0</v>
      </c>
      <c r="Z25" s="327">
        <v>0</v>
      </c>
      <c r="AA25" s="328">
        <v>0</v>
      </c>
      <c r="AB25" s="326">
        <v>0</v>
      </c>
      <c r="AC25" s="327">
        <v>12562718</v>
      </c>
      <c r="AD25" s="327">
        <v>13664024</v>
      </c>
      <c r="AE25" s="327">
        <v>15175040</v>
      </c>
      <c r="AF25" s="327">
        <v>16173958</v>
      </c>
      <c r="AG25" s="327">
        <v>18515645</v>
      </c>
      <c r="AH25" s="328">
        <v>76091385</v>
      </c>
      <c r="AI25" s="330">
        <v>76091385</v>
      </c>
      <c r="AJ25" s="326">
        <v>0</v>
      </c>
      <c r="AK25" s="327">
        <v>0</v>
      </c>
      <c r="AL25" s="328">
        <v>0</v>
      </c>
      <c r="AM25" s="326">
        <v>0</v>
      </c>
      <c r="AN25" s="327">
        <v>54855</v>
      </c>
      <c r="AO25" s="327">
        <v>329323</v>
      </c>
      <c r="AP25" s="327">
        <v>598511</v>
      </c>
      <c r="AQ25" s="327">
        <v>1806663</v>
      </c>
      <c r="AR25" s="327">
        <v>2621652</v>
      </c>
      <c r="AS25" s="328">
        <v>5411004</v>
      </c>
      <c r="AT25" s="330">
        <v>5411004</v>
      </c>
      <c r="AU25" s="326">
        <v>1016070</v>
      </c>
      <c r="AV25" s="327">
        <v>2537551</v>
      </c>
      <c r="AW25" s="328">
        <v>3553621</v>
      </c>
      <c r="AX25" s="326">
        <v>0</v>
      </c>
      <c r="AY25" s="327">
        <v>9949969</v>
      </c>
      <c r="AZ25" s="327">
        <v>9140614</v>
      </c>
      <c r="BA25" s="327">
        <v>6294638</v>
      </c>
      <c r="BB25" s="327">
        <v>5060991</v>
      </c>
      <c r="BC25" s="327">
        <v>2938275</v>
      </c>
      <c r="BD25" s="328">
        <v>33384487</v>
      </c>
      <c r="BE25" s="330">
        <v>36938108</v>
      </c>
      <c r="BF25" s="326">
        <v>347181</v>
      </c>
      <c r="BG25" s="327">
        <v>1270579</v>
      </c>
      <c r="BH25" s="331">
        <v>1617760</v>
      </c>
      <c r="BI25" s="332">
        <v>0</v>
      </c>
      <c r="BJ25" s="327">
        <v>2614033</v>
      </c>
      <c r="BK25" s="327">
        <v>1956842</v>
      </c>
      <c r="BL25" s="327">
        <v>1608056</v>
      </c>
      <c r="BM25" s="327">
        <v>1369906</v>
      </c>
      <c r="BN25" s="327">
        <v>340324</v>
      </c>
      <c r="BO25" s="328">
        <v>7889161</v>
      </c>
      <c r="BP25" s="330">
        <v>9506921</v>
      </c>
      <c r="BQ25" s="326">
        <v>396683</v>
      </c>
      <c r="BR25" s="327">
        <v>431250</v>
      </c>
      <c r="BS25" s="328">
        <v>827933</v>
      </c>
      <c r="BT25" s="326">
        <v>0</v>
      </c>
      <c r="BU25" s="327">
        <v>3780066</v>
      </c>
      <c r="BV25" s="327">
        <v>4195018</v>
      </c>
      <c r="BW25" s="327">
        <v>4516911</v>
      </c>
      <c r="BX25" s="327">
        <v>3425683</v>
      </c>
      <c r="BY25" s="327">
        <v>3003371</v>
      </c>
      <c r="BZ25" s="328">
        <v>18921049</v>
      </c>
      <c r="CA25" s="330">
        <v>19748982</v>
      </c>
      <c r="CB25" s="326">
        <v>303082</v>
      </c>
      <c r="CC25" s="327">
        <v>1454486</v>
      </c>
      <c r="CD25" s="328">
        <v>1757568</v>
      </c>
      <c r="CE25" s="326">
        <v>0</v>
      </c>
      <c r="CF25" s="327">
        <v>27194432</v>
      </c>
      <c r="CG25" s="327">
        <v>24104974</v>
      </c>
      <c r="CH25" s="327">
        <v>20065542</v>
      </c>
      <c r="CI25" s="327">
        <v>13487212</v>
      </c>
      <c r="CJ25" s="327">
        <v>4136671</v>
      </c>
      <c r="CK25" s="328">
        <v>88988831</v>
      </c>
      <c r="CL25" s="330">
        <v>90746399</v>
      </c>
      <c r="CM25" s="326">
        <v>0</v>
      </c>
      <c r="CN25" s="327">
        <v>0</v>
      </c>
      <c r="CO25" s="328">
        <v>0</v>
      </c>
      <c r="CP25" s="332">
        <v>0</v>
      </c>
      <c r="CQ25" s="327">
        <v>20322864</v>
      </c>
      <c r="CR25" s="327">
        <v>18141600</v>
      </c>
      <c r="CS25" s="327">
        <v>16628617</v>
      </c>
      <c r="CT25" s="327">
        <v>9594390</v>
      </c>
      <c r="CU25" s="327">
        <v>2700154</v>
      </c>
      <c r="CV25" s="328">
        <v>67387625</v>
      </c>
      <c r="CW25" s="330">
        <v>67387625</v>
      </c>
      <c r="CX25" s="326">
        <v>303082</v>
      </c>
      <c r="CY25" s="327">
        <v>1454486</v>
      </c>
      <c r="CZ25" s="328">
        <v>1757568</v>
      </c>
      <c r="DA25" s="326">
        <v>0</v>
      </c>
      <c r="DB25" s="327">
        <v>6871568</v>
      </c>
      <c r="DC25" s="327">
        <v>5963374</v>
      </c>
      <c r="DD25" s="327">
        <v>3436925</v>
      </c>
      <c r="DE25" s="327">
        <v>3892822</v>
      </c>
      <c r="DF25" s="327">
        <v>1436517</v>
      </c>
      <c r="DG25" s="328">
        <v>21601206</v>
      </c>
      <c r="DH25" s="330">
        <v>23358774</v>
      </c>
      <c r="DI25" s="326">
        <v>49647</v>
      </c>
      <c r="DJ25" s="327">
        <v>107435</v>
      </c>
      <c r="DK25" s="331">
        <v>157082</v>
      </c>
      <c r="DL25" s="332">
        <v>0</v>
      </c>
      <c r="DM25" s="327">
        <v>4109792</v>
      </c>
      <c r="DN25" s="327">
        <v>4534056</v>
      </c>
      <c r="DO25" s="327">
        <v>8458982</v>
      </c>
      <c r="DP25" s="327">
        <v>6982235</v>
      </c>
      <c r="DQ25" s="327">
        <v>5449659</v>
      </c>
      <c r="DR25" s="328">
        <v>29534724</v>
      </c>
      <c r="DS25" s="330">
        <v>29691806</v>
      </c>
      <c r="DT25" s="326">
        <v>49647</v>
      </c>
      <c r="DU25" s="327">
        <v>107435</v>
      </c>
      <c r="DV25" s="328">
        <v>157082</v>
      </c>
      <c r="DW25" s="326">
        <v>0</v>
      </c>
      <c r="DX25" s="327">
        <v>3802856</v>
      </c>
      <c r="DY25" s="327">
        <v>4135048</v>
      </c>
      <c r="DZ25" s="327">
        <v>8228089</v>
      </c>
      <c r="EA25" s="327">
        <v>6330160</v>
      </c>
      <c r="EB25" s="327">
        <v>4965734</v>
      </c>
      <c r="EC25" s="328">
        <v>27461887</v>
      </c>
      <c r="ED25" s="330">
        <v>27618969</v>
      </c>
      <c r="EE25" s="326">
        <v>0</v>
      </c>
      <c r="EF25" s="331">
        <v>0</v>
      </c>
      <c r="EG25" s="328">
        <v>0</v>
      </c>
      <c r="EH25" s="326">
        <v>0</v>
      </c>
      <c r="EI25" s="327">
        <v>306936</v>
      </c>
      <c r="EJ25" s="327">
        <v>399008</v>
      </c>
      <c r="EK25" s="327">
        <v>230893</v>
      </c>
      <c r="EL25" s="327">
        <v>652075</v>
      </c>
      <c r="EM25" s="327">
        <v>483925</v>
      </c>
      <c r="EN25" s="331">
        <v>2072837</v>
      </c>
      <c r="EO25" s="330">
        <v>207283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1722425</v>
      </c>
      <c r="FM25" s="327">
        <v>3548955</v>
      </c>
      <c r="FN25" s="328">
        <v>5271380</v>
      </c>
      <c r="FO25" s="326">
        <v>0</v>
      </c>
      <c r="FP25" s="327">
        <v>6787578</v>
      </c>
      <c r="FQ25" s="327">
        <v>7638244</v>
      </c>
      <c r="FR25" s="327">
        <v>6498902</v>
      </c>
      <c r="FS25" s="327">
        <v>5845291</v>
      </c>
      <c r="FT25" s="327">
        <v>3606674</v>
      </c>
      <c r="FU25" s="328">
        <v>30376689</v>
      </c>
      <c r="FV25" s="330">
        <v>35648069</v>
      </c>
      <c r="FW25" s="333">
        <v>918410</v>
      </c>
      <c r="FX25" s="327">
        <v>2384049</v>
      </c>
      <c r="FY25" s="331">
        <v>3302459</v>
      </c>
      <c r="FZ25" s="332">
        <v>0</v>
      </c>
      <c r="GA25" s="327">
        <v>5782619</v>
      </c>
      <c r="GB25" s="327">
        <v>7165098</v>
      </c>
      <c r="GC25" s="327">
        <v>5989601</v>
      </c>
      <c r="GD25" s="327">
        <v>5507799</v>
      </c>
      <c r="GE25" s="327">
        <v>3266642</v>
      </c>
      <c r="GF25" s="328">
        <v>27711759</v>
      </c>
      <c r="GG25" s="334">
        <v>31014218</v>
      </c>
      <c r="GH25" s="333">
        <v>120015</v>
      </c>
      <c r="GI25" s="327">
        <v>101106</v>
      </c>
      <c r="GJ25" s="331">
        <v>221121</v>
      </c>
      <c r="GK25" s="332">
        <v>0</v>
      </c>
      <c r="GL25" s="327">
        <v>120019</v>
      </c>
      <c r="GM25" s="327">
        <v>127836</v>
      </c>
      <c r="GN25" s="327">
        <v>297981</v>
      </c>
      <c r="GO25" s="327">
        <v>171964</v>
      </c>
      <c r="GP25" s="327">
        <v>75332</v>
      </c>
      <c r="GQ25" s="328">
        <v>793132</v>
      </c>
      <c r="GR25" s="330">
        <v>1014253</v>
      </c>
      <c r="GS25" s="326">
        <v>684000</v>
      </c>
      <c r="GT25" s="327">
        <v>1063800</v>
      </c>
      <c r="GU25" s="328">
        <v>1747800</v>
      </c>
      <c r="GV25" s="326">
        <v>0</v>
      </c>
      <c r="GW25" s="327">
        <v>884940</v>
      </c>
      <c r="GX25" s="327">
        <v>345310</v>
      </c>
      <c r="GY25" s="327">
        <v>211320</v>
      </c>
      <c r="GZ25" s="327">
        <v>165528</v>
      </c>
      <c r="HA25" s="327">
        <v>264700</v>
      </c>
      <c r="HB25" s="331">
        <v>1871798</v>
      </c>
      <c r="HC25" s="330">
        <v>3619598</v>
      </c>
      <c r="HD25" s="326">
        <v>824560</v>
      </c>
      <c r="HE25" s="327">
        <v>1189413</v>
      </c>
      <c r="HF25" s="331">
        <v>2013973</v>
      </c>
      <c r="HG25" s="332">
        <v>0</v>
      </c>
      <c r="HH25" s="327">
        <v>13959415</v>
      </c>
      <c r="HI25" s="327">
        <v>11530509</v>
      </c>
      <c r="HJ25" s="327">
        <v>13537833</v>
      </c>
      <c r="HK25" s="327">
        <v>15109671</v>
      </c>
      <c r="HL25" s="327">
        <v>8436113</v>
      </c>
      <c r="HM25" s="328">
        <v>62573541</v>
      </c>
      <c r="HN25" s="329">
        <v>64587514</v>
      </c>
      <c r="HO25" s="333">
        <v>1101795</v>
      </c>
      <c r="HP25" s="327">
        <v>2102197</v>
      </c>
      <c r="HQ25" s="328">
        <v>3203992</v>
      </c>
      <c r="HR25" s="326">
        <v>0</v>
      </c>
      <c r="HS25" s="327">
        <v>16382249</v>
      </c>
      <c r="HT25" s="327">
        <v>10220071</v>
      </c>
      <c r="HU25" s="327">
        <v>7618579</v>
      </c>
      <c r="HV25" s="327">
        <v>5064651</v>
      </c>
      <c r="HW25" s="327">
        <v>2678998</v>
      </c>
      <c r="HX25" s="331">
        <v>41964548</v>
      </c>
      <c r="HY25" s="330">
        <v>45168540</v>
      </c>
      <c r="HZ25" s="335">
        <v>0</v>
      </c>
      <c r="IA25" s="336">
        <v>0</v>
      </c>
      <c r="IB25" s="337">
        <v>0</v>
      </c>
      <c r="IC25" s="338">
        <v>0</v>
      </c>
      <c r="ID25" s="336">
        <v>14789307</v>
      </c>
      <c r="IE25" s="339">
        <v>17136657</v>
      </c>
      <c r="IF25" s="337">
        <v>25282014</v>
      </c>
      <c r="IG25" s="336">
        <v>7963907</v>
      </c>
      <c r="IH25" s="337">
        <v>6737454</v>
      </c>
      <c r="II25" s="340">
        <v>71909339</v>
      </c>
      <c r="IJ25" s="341">
        <v>71909339</v>
      </c>
      <c r="IK25" s="342">
        <v>0</v>
      </c>
      <c r="IL25" s="343">
        <v>0</v>
      </c>
      <c r="IM25" s="344">
        <v>0</v>
      </c>
      <c r="IN25" s="404">
        <v>0</v>
      </c>
      <c r="IO25" s="345">
        <v>100865</v>
      </c>
      <c r="IP25" s="345">
        <v>0</v>
      </c>
      <c r="IQ25" s="345">
        <v>0</v>
      </c>
      <c r="IR25" s="345">
        <v>0</v>
      </c>
      <c r="IS25" s="345">
        <v>74652</v>
      </c>
      <c r="IT25" s="346">
        <v>175517</v>
      </c>
      <c r="IU25" s="347">
        <v>175517</v>
      </c>
      <c r="IV25" s="348">
        <v>0</v>
      </c>
      <c r="IW25" s="345">
        <v>0</v>
      </c>
      <c r="IX25" s="349">
        <v>0</v>
      </c>
      <c r="IY25" s="413">
        <v>0</v>
      </c>
      <c r="IZ25" s="345">
        <v>0</v>
      </c>
      <c r="JA25" s="345">
        <v>0</v>
      </c>
      <c r="JB25" s="345">
        <v>0</v>
      </c>
      <c r="JC25" s="345">
        <v>0</v>
      </c>
      <c r="JD25" s="345">
        <v>0</v>
      </c>
      <c r="JE25" s="349">
        <v>0</v>
      </c>
      <c r="JF25" s="350">
        <v>0</v>
      </c>
      <c r="JG25" s="348">
        <v>0</v>
      </c>
      <c r="JH25" s="345">
        <v>0</v>
      </c>
      <c r="JI25" s="346">
        <v>0</v>
      </c>
      <c r="JJ25" s="351">
        <v>0</v>
      </c>
      <c r="JK25" s="345">
        <v>7945890</v>
      </c>
      <c r="JL25" s="345">
        <v>6624487</v>
      </c>
      <c r="JM25" s="345">
        <v>5672601</v>
      </c>
      <c r="JN25" s="345">
        <v>1987185</v>
      </c>
      <c r="JO25" s="345">
        <v>643902</v>
      </c>
      <c r="JP25" s="349">
        <v>22874065</v>
      </c>
      <c r="JQ25" s="347">
        <v>22874065</v>
      </c>
      <c r="JR25" s="348">
        <v>0</v>
      </c>
      <c r="JS25" s="345">
        <v>0</v>
      </c>
      <c r="JT25" s="346">
        <v>0</v>
      </c>
      <c r="JU25" s="351">
        <v>0</v>
      </c>
      <c r="JV25" s="345">
        <v>136838</v>
      </c>
      <c r="JW25" s="345">
        <v>35891</v>
      </c>
      <c r="JX25" s="345">
        <v>1266337</v>
      </c>
      <c r="JY25" s="345">
        <v>335308</v>
      </c>
      <c r="JZ25" s="345">
        <v>61180</v>
      </c>
      <c r="KA25" s="349">
        <v>1835554</v>
      </c>
      <c r="KB25" s="347">
        <v>1835554</v>
      </c>
      <c r="KC25" s="352">
        <v>0</v>
      </c>
      <c r="KD25" s="353">
        <v>0</v>
      </c>
      <c r="KE25" s="349">
        <v>0</v>
      </c>
      <c r="KF25" s="351">
        <v>0</v>
      </c>
      <c r="KG25" s="345">
        <v>2480894</v>
      </c>
      <c r="KH25" s="345">
        <v>1725112</v>
      </c>
      <c r="KI25" s="345">
        <v>3467035</v>
      </c>
      <c r="KJ25" s="345">
        <v>964213</v>
      </c>
      <c r="KK25" s="345">
        <v>935240</v>
      </c>
      <c r="KL25" s="349">
        <v>9572494</v>
      </c>
      <c r="KM25" s="354">
        <v>9572494</v>
      </c>
      <c r="KN25" s="342">
        <v>0</v>
      </c>
      <c r="KO25" s="343">
        <v>0</v>
      </c>
      <c r="KP25" s="344">
        <v>0</v>
      </c>
      <c r="KQ25" s="413">
        <v>0</v>
      </c>
      <c r="KR25" s="345">
        <v>4124820</v>
      </c>
      <c r="KS25" s="345">
        <v>8751167</v>
      </c>
      <c r="KT25" s="345">
        <v>14876041</v>
      </c>
      <c r="KU25" s="345">
        <v>4677201</v>
      </c>
      <c r="KV25" s="345">
        <v>5022480</v>
      </c>
      <c r="KW25" s="349">
        <v>37451709</v>
      </c>
      <c r="KX25" s="347">
        <v>37451709</v>
      </c>
      <c r="KY25" s="348">
        <v>0</v>
      </c>
      <c r="KZ25" s="345">
        <v>0</v>
      </c>
      <c r="LA25" s="349">
        <v>0</v>
      </c>
      <c r="LB25" s="413">
        <v>0</v>
      </c>
      <c r="LC25" s="345">
        <v>0</v>
      </c>
      <c r="LD25" s="345">
        <v>0</v>
      </c>
      <c r="LE25" s="345">
        <v>0</v>
      </c>
      <c r="LF25" s="345">
        <v>0</v>
      </c>
      <c r="LG25" s="345">
        <v>0</v>
      </c>
      <c r="LH25" s="349">
        <v>0</v>
      </c>
      <c r="LI25" s="350">
        <v>0</v>
      </c>
      <c r="LJ25" s="348">
        <v>0</v>
      </c>
      <c r="LK25" s="345">
        <v>0</v>
      </c>
      <c r="LL25" s="349">
        <v>0</v>
      </c>
      <c r="LM25" s="413">
        <v>0</v>
      </c>
      <c r="LN25" s="345">
        <v>0</v>
      </c>
      <c r="LO25" s="345">
        <v>0</v>
      </c>
      <c r="LP25" s="345">
        <v>0</v>
      </c>
      <c r="LQ25" s="345">
        <v>0</v>
      </c>
      <c r="LR25" s="345">
        <v>0</v>
      </c>
      <c r="LS25" s="349">
        <v>0</v>
      </c>
      <c r="LT25" s="347">
        <v>0</v>
      </c>
      <c r="LU25" s="348">
        <v>0</v>
      </c>
      <c r="LV25" s="345">
        <v>0</v>
      </c>
      <c r="LW25" s="349">
        <v>0</v>
      </c>
      <c r="LX25" s="413">
        <v>0</v>
      </c>
      <c r="LY25" s="345">
        <v>0</v>
      </c>
      <c r="LZ25" s="345">
        <v>0</v>
      </c>
      <c r="MA25" s="345">
        <v>0</v>
      </c>
      <c r="MB25" s="345">
        <v>0</v>
      </c>
      <c r="MC25" s="345">
        <v>0</v>
      </c>
      <c r="MD25" s="349">
        <v>0</v>
      </c>
      <c r="ME25" s="350">
        <v>0</v>
      </c>
      <c r="MF25" s="348">
        <v>0</v>
      </c>
      <c r="MG25" s="345">
        <v>0</v>
      </c>
      <c r="MH25" s="349">
        <v>0</v>
      </c>
      <c r="MI25" s="413">
        <v>0</v>
      </c>
      <c r="MJ25" s="345">
        <v>3685029</v>
      </c>
      <c r="MK25" s="345">
        <v>15174423</v>
      </c>
      <c r="ML25" s="345">
        <v>51675427</v>
      </c>
      <c r="MM25" s="345">
        <v>81893051</v>
      </c>
      <c r="MN25" s="345">
        <v>41301854</v>
      </c>
      <c r="MO25" s="349">
        <v>193729784</v>
      </c>
      <c r="MP25" s="354">
        <v>193729784</v>
      </c>
      <c r="MQ25" s="348">
        <v>0</v>
      </c>
      <c r="MR25" s="345">
        <v>0</v>
      </c>
      <c r="MS25" s="349">
        <v>0</v>
      </c>
      <c r="MT25" s="413">
        <v>0</v>
      </c>
      <c r="MU25" s="345">
        <v>677471</v>
      </c>
      <c r="MV25" s="345">
        <v>6017524</v>
      </c>
      <c r="MW25" s="345">
        <v>42001695</v>
      </c>
      <c r="MX25" s="345">
        <v>63437248</v>
      </c>
      <c r="MY25" s="345">
        <v>32107132</v>
      </c>
      <c r="MZ25" s="349">
        <v>144241070</v>
      </c>
      <c r="NA25" s="354">
        <v>144241070</v>
      </c>
      <c r="NB25" s="348">
        <v>0</v>
      </c>
      <c r="NC25" s="345">
        <v>0</v>
      </c>
      <c r="ND25" s="349">
        <v>0</v>
      </c>
      <c r="NE25" s="413">
        <v>0</v>
      </c>
      <c r="NF25" s="345">
        <v>3007558</v>
      </c>
      <c r="NG25" s="345">
        <v>9156899</v>
      </c>
      <c r="NH25" s="345">
        <v>9673732</v>
      </c>
      <c r="NI25" s="345">
        <v>17670870</v>
      </c>
      <c r="NJ25" s="345">
        <v>7493402</v>
      </c>
      <c r="NK25" s="349">
        <v>47002461</v>
      </c>
      <c r="NL25" s="347">
        <v>47002461</v>
      </c>
      <c r="NM25" s="348">
        <v>0</v>
      </c>
      <c r="NN25" s="345">
        <v>0</v>
      </c>
      <c r="NO25" s="349">
        <v>0</v>
      </c>
      <c r="NP25" s="413">
        <v>0</v>
      </c>
      <c r="NQ25" s="345">
        <v>0</v>
      </c>
      <c r="NR25" s="345">
        <v>0</v>
      </c>
      <c r="NS25" s="345">
        <v>0</v>
      </c>
      <c r="NT25" s="345">
        <v>0</v>
      </c>
      <c r="NU25" s="345">
        <v>0</v>
      </c>
      <c r="NV25" s="349">
        <v>0</v>
      </c>
      <c r="NW25" s="350">
        <v>0</v>
      </c>
      <c r="NX25" s="348">
        <v>0</v>
      </c>
      <c r="NY25" s="345">
        <v>0</v>
      </c>
      <c r="NZ25" s="349">
        <v>0</v>
      </c>
      <c r="OA25" s="413">
        <v>0</v>
      </c>
      <c r="OB25" s="345">
        <v>0</v>
      </c>
      <c r="OC25" s="345">
        <v>0</v>
      </c>
      <c r="OD25" s="345">
        <v>0</v>
      </c>
      <c r="OE25" s="345">
        <v>784933</v>
      </c>
      <c r="OF25" s="345">
        <v>1701320</v>
      </c>
      <c r="OG25" s="349">
        <v>2486253</v>
      </c>
      <c r="OH25" s="350">
        <v>2486253</v>
      </c>
      <c r="OI25" s="348">
        <v>5761443</v>
      </c>
      <c r="OJ25" s="345">
        <v>12641866</v>
      </c>
      <c r="OK25" s="346">
        <v>18403309</v>
      </c>
      <c r="OL25" s="351">
        <v>0</v>
      </c>
      <c r="OM25" s="345">
        <v>115869443</v>
      </c>
      <c r="ON25" s="345">
        <v>119624755</v>
      </c>
      <c r="OO25" s="345">
        <v>161330435</v>
      </c>
      <c r="OP25" s="345">
        <v>164183219</v>
      </c>
      <c r="OQ25" s="345">
        <v>99766690</v>
      </c>
      <c r="OR25" s="349">
        <v>660774542</v>
      </c>
      <c r="OS25" s="354">
        <v>679177851</v>
      </c>
    </row>
    <row r="26" spans="2:409" s="70" customFormat="1" ht="21" customHeight="1" x14ac:dyDescent="0.2">
      <c r="B26" s="410" t="s">
        <v>21</v>
      </c>
      <c r="C26" s="326">
        <v>7247345</v>
      </c>
      <c r="D26" s="327">
        <v>12457559</v>
      </c>
      <c r="E26" s="328">
        <v>19704904</v>
      </c>
      <c r="F26" s="329">
        <v>0</v>
      </c>
      <c r="G26" s="327">
        <v>84181612</v>
      </c>
      <c r="H26" s="327">
        <v>112268565</v>
      </c>
      <c r="I26" s="327">
        <v>106482921</v>
      </c>
      <c r="J26" s="327">
        <v>78271481</v>
      </c>
      <c r="K26" s="327">
        <v>61527345</v>
      </c>
      <c r="L26" s="367">
        <v>442731924</v>
      </c>
      <c r="M26" s="330">
        <v>462436828</v>
      </c>
      <c r="N26" s="326">
        <v>2347484</v>
      </c>
      <c r="O26" s="327">
        <v>4211161</v>
      </c>
      <c r="P26" s="328">
        <v>6558645</v>
      </c>
      <c r="Q26" s="326">
        <v>0</v>
      </c>
      <c r="R26" s="327">
        <v>25016430</v>
      </c>
      <c r="S26" s="327">
        <v>39576142</v>
      </c>
      <c r="T26" s="327">
        <v>39033573</v>
      </c>
      <c r="U26" s="327">
        <v>29431735</v>
      </c>
      <c r="V26" s="327">
        <v>32465608</v>
      </c>
      <c r="W26" s="328">
        <v>165523488</v>
      </c>
      <c r="X26" s="330">
        <v>172082133</v>
      </c>
      <c r="Y26" s="326">
        <v>0</v>
      </c>
      <c r="Z26" s="327">
        <v>0</v>
      </c>
      <c r="AA26" s="328">
        <v>0</v>
      </c>
      <c r="AB26" s="326">
        <v>0</v>
      </c>
      <c r="AC26" s="327">
        <v>11466399</v>
      </c>
      <c r="AD26" s="327">
        <v>21410579</v>
      </c>
      <c r="AE26" s="327">
        <v>24895704</v>
      </c>
      <c r="AF26" s="327">
        <v>18996136</v>
      </c>
      <c r="AG26" s="327">
        <v>21112628</v>
      </c>
      <c r="AH26" s="328">
        <v>97881446</v>
      </c>
      <c r="AI26" s="330">
        <v>97881446</v>
      </c>
      <c r="AJ26" s="326">
        <v>0</v>
      </c>
      <c r="AK26" s="327">
        <v>0</v>
      </c>
      <c r="AL26" s="328">
        <v>0</v>
      </c>
      <c r="AM26" s="326">
        <v>0</v>
      </c>
      <c r="AN26" s="327">
        <v>15648</v>
      </c>
      <c r="AO26" s="327">
        <v>229729</v>
      </c>
      <c r="AP26" s="327">
        <v>384788</v>
      </c>
      <c r="AQ26" s="327">
        <v>1521773</v>
      </c>
      <c r="AR26" s="327">
        <v>3126116</v>
      </c>
      <c r="AS26" s="328">
        <v>5278054</v>
      </c>
      <c r="AT26" s="330">
        <v>5278054</v>
      </c>
      <c r="AU26" s="326">
        <v>1271870</v>
      </c>
      <c r="AV26" s="327">
        <v>2749777</v>
      </c>
      <c r="AW26" s="328">
        <v>4021647</v>
      </c>
      <c r="AX26" s="326">
        <v>0</v>
      </c>
      <c r="AY26" s="327">
        <v>8510516</v>
      </c>
      <c r="AZ26" s="327">
        <v>10604360</v>
      </c>
      <c r="BA26" s="327">
        <v>7410660</v>
      </c>
      <c r="BB26" s="327">
        <v>4659229</v>
      </c>
      <c r="BC26" s="327">
        <v>4919580</v>
      </c>
      <c r="BD26" s="328">
        <v>36104345</v>
      </c>
      <c r="BE26" s="330">
        <v>40125992</v>
      </c>
      <c r="BF26" s="326">
        <v>392186</v>
      </c>
      <c r="BG26" s="327">
        <v>939248</v>
      </c>
      <c r="BH26" s="331">
        <v>1331434</v>
      </c>
      <c r="BI26" s="332">
        <v>0</v>
      </c>
      <c r="BJ26" s="327">
        <v>878033</v>
      </c>
      <c r="BK26" s="327">
        <v>1650964</v>
      </c>
      <c r="BL26" s="327">
        <v>1318243</v>
      </c>
      <c r="BM26" s="327">
        <v>329007</v>
      </c>
      <c r="BN26" s="327">
        <v>195071</v>
      </c>
      <c r="BO26" s="328">
        <v>4371318</v>
      </c>
      <c r="BP26" s="330">
        <v>5702752</v>
      </c>
      <c r="BQ26" s="326">
        <v>683428</v>
      </c>
      <c r="BR26" s="327">
        <v>522136</v>
      </c>
      <c r="BS26" s="328">
        <v>1205564</v>
      </c>
      <c r="BT26" s="326">
        <v>0</v>
      </c>
      <c r="BU26" s="327">
        <v>4145834</v>
      </c>
      <c r="BV26" s="327">
        <v>5680510</v>
      </c>
      <c r="BW26" s="327">
        <v>5024178</v>
      </c>
      <c r="BX26" s="327">
        <v>3925590</v>
      </c>
      <c r="BY26" s="327">
        <v>3112213</v>
      </c>
      <c r="BZ26" s="328">
        <v>21888325</v>
      </c>
      <c r="CA26" s="330">
        <v>23093889</v>
      </c>
      <c r="CB26" s="326">
        <v>489416</v>
      </c>
      <c r="CC26" s="327">
        <v>1473161</v>
      </c>
      <c r="CD26" s="328">
        <v>1962577</v>
      </c>
      <c r="CE26" s="326">
        <v>0</v>
      </c>
      <c r="CF26" s="327">
        <v>23841544</v>
      </c>
      <c r="CG26" s="327">
        <v>32009511</v>
      </c>
      <c r="CH26" s="327">
        <v>26687976</v>
      </c>
      <c r="CI26" s="327">
        <v>11913414</v>
      </c>
      <c r="CJ26" s="327">
        <v>6731218</v>
      </c>
      <c r="CK26" s="328">
        <v>101183663</v>
      </c>
      <c r="CL26" s="330">
        <v>103146240</v>
      </c>
      <c r="CM26" s="326">
        <v>0</v>
      </c>
      <c r="CN26" s="327">
        <v>0</v>
      </c>
      <c r="CO26" s="328">
        <v>0</v>
      </c>
      <c r="CP26" s="332">
        <v>0</v>
      </c>
      <c r="CQ26" s="327">
        <v>20458905</v>
      </c>
      <c r="CR26" s="327">
        <v>27751365</v>
      </c>
      <c r="CS26" s="327">
        <v>23801730</v>
      </c>
      <c r="CT26" s="327">
        <v>10453402</v>
      </c>
      <c r="CU26" s="327">
        <v>5726254</v>
      </c>
      <c r="CV26" s="328">
        <v>88191656</v>
      </c>
      <c r="CW26" s="330">
        <v>88191656</v>
      </c>
      <c r="CX26" s="326">
        <v>489416</v>
      </c>
      <c r="CY26" s="327">
        <v>1473161</v>
      </c>
      <c r="CZ26" s="328">
        <v>1962577</v>
      </c>
      <c r="DA26" s="326">
        <v>0</v>
      </c>
      <c r="DB26" s="327">
        <v>3382639</v>
      </c>
      <c r="DC26" s="327">
        <v>4258146</v>
      </c>
      <c r="DD26" s="327">
        <v>2886246</v>
      </c>
      <c r="DE26" s="327">
        <v>1460012</v>
      </c>
      <c r="DF26" s="327">
        <v>1004964</v>
      </c>
      <c r="DG26" s="328">
        <v>12992007</v>
      </c>
      <c r="DH26" s="330">
        <v>14954584</v>
      </c>
      <c r="DI26" s="326">
        <v>21087</v>
      </c>
      <c r="DJ26" s="327">
        <v>142612</v>
      </c>
      <c r="DK26" s="331">
        <v>163699</v>
      </c>
      <c r="DL26" s="332">
        <v>0</v>
      </c>
      <c r="DM26" s="327">
        <v>2558647</v>
      </c>
      <c r="DN26" s="327">
        <v>4030016</v>
      </c>
      <c r="DO26" s="327">
        <v>10083024</v>
      </c>
      <c r="DP26" s="327">
        <v>10709366</v>
      </c>
      <c r="DQ26" s="327">
        <v>5087280</v>
      </c>
      <c r="DR26" s="328">
        <v>32468333</v>
      </c>
      <c r="DS26" s="330">
        <v>32632032</v>
      </c>
      <c r="DT26" s="326">
        <v>21087</v>
      </c>
      <c r="DU26" s="327">
        <v>37465</v>
      </c>
      <c r="DV26" s="328">
        <v>58552</v>
      </c>
      <c r="DW26" s="326">
        <v>0</v>
      </c>
      <c r="DX26" s="327">
        <v>2532619</v>
      </c>
      <c r="DY26" s="327">
        <v>3943502</v>
      </c>
      <c r="DZ26" s="327">
        <v>9856946</v>
      </c>
      <c r="EA26" s="327">
        <v>10957804</v>
      </c>
      <c r="EB26" s="327">
        <v>4588926</v>
      </c>
      <c r="EC26" s="328">
        <v>31879797</v>
      </c>
      <c r="ED26" s="330">
        <v>31938349</v>
      </c>
      <c r="EE26" s="326">
        <v>0</v>
      </c>
      <c r="EF26" s="331">
        <v>105147</v>
      </c>
      <c r="EG26" s="328">
        <v>105147</v>
      </c>
      <c r="EH26" s="326">
        <v>0</v>
      </c>
      <c r="EI26" s="327">
        <v>26028</v>
      </c>
      <c r="EJ26" s="327">
        <v>86514</v>
      </c>
      <c r="EK26" s="327">
        <v>226078</v>
      </c>
      <c r="EL26" s="327">
        <v>-248438</v>
      </c>
      <c r="EM26" s="327">
        <v>498354</v>
      </c>
      <c r="EN26" s="331">
        <v>588536</v>
      </c>
      <c r="EO26" s="330">
        <v>693683</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1850538</v>
      </c>
      <c r="FM26" s="327">
        <v>3481774</v>
      </c>
      <c r="FN26" s="328">
        <v>5332312</v>
      </c>
      <c r="FO26" s="326">
        <v>0</v>
      </c>
      <c r="FP26" s="327">
        <v>4780603</v>
      </c>
      <c r="FQ26" s="327">
        <v>10494012</v>
      </c>
      <c r="FR26" s="327">
        <v>8177654</v>
      </c>
      <c r="FS26" s="327">
        <v>5006101</v>
      </c>
      <c r="FT26" s="327">
        <v>4234477</v>
      </c>
      <c r="FU26" s="328">
        <v>32692847</v>
      </c>
      <c r="FV26" s="330">
        <v>38025159</v>
      </c>
      <c r="FW26" s="333">
        <v>1119181</v>
      </c>
      <c r="FX26" s="327">
        <v>2407024</v>
      </c>
      <c r="FY26" s="331">
        <v>3526205</v>
      </c>
      <c r="FZ26" s="332">
        <v>0</v>
      </c>
      <c r="GA26" s="327">
        <v>3676361</v>
      </c>
      <c r="GB26" s="327">
        <v>9794621</v>
      </c>
      <c r="GC26" s="327">
        <v>7809712</v>
      </c>
      <c r="GD26" s="327">
        <v>4874431</v>
      </c>
      <c r="GE26" s="327">
        <v>4211089</v>
      </c>
      <c r="GF26" s="328">
        <v>30366214</v>
      </c>
      <c r="GG26" s="334">
        <v>33892419</v>
      </c>
      <c r="GH26" s="333">
        <v>175830</v>
      </c>
      <c r="GI26" s="327">
        <v>195993</v>
      </c>
      <c r="GJ26" s="331">
        <v>371823</v>
      </c>
      <c r="GK26" s="332">
        <v>0</v>
      </c>
      <c r="GL26" s="327">
        <v>79267</v>
      </c>
      <c r="GM26" s="327">
        <v>477091</v>
      </c>
      <c r="GN26" s="327">
        <v>179932</v>
      </c>
      <c r="GO26" s="327">
        <v>29430</v>
      </c>
      <c r="GP26" s="327">
        <v>23388</v>
      </c>
      <c r="GQ26" s="328">
        <v>789108</v>
      </c>
      <c r="GR26" s="330">
        <v>1160931</v>
      </c>
      <c r="GS26" s="326">
        <v>555527</v>
      </c>
      <c r="GT26" s="327">
        <v>878757</v>
      </c>
      <c r="GU26" s="328">
        <v>1434284</v>
      </c>
      <c r="GV26" s="326">
        <v>0</v>
      </c>
      <c r="GW26" s="327">
        <v>1024975</v>
      </c>
      <c r="GX26" s="327">
        <v>222300</v>
      </c>
      <c r="GY26" s="327">
        <v>188010</v>
      </c>
      <c r="GZ26" s="327">
        <v>102240</v>
      </c>
      <c r="HA26" s="327">
        <v>0</v>
      </c>
      <c r="HB26" s="331">
        <v>1537525</v>
      </c>
      <c r="HC26" s="330">
        <v>2971809</v>
      </c>
      <c r="HD26" s="326">
        <v>1124271</v>
      </c>
      <c r="HE26" s="327">
        <v>991335</v>
      </c>
      <c r="HF26" s="331">
        <v>2115606</v>
      </c>
      <c r="HG26" s="332">
        <v>0</v>
      </c>
      <c r="HH26" s="327">
        <v>13768626</v>
      </c>
      <c r="HI26" s="327">
        <v>12617651</v>
      </c>
      <c r="HJ26" s="327">
        <v>12788779</v>
      </c>
      <c r="HK26" s="327">
        <v>16105011</v>
      </c>
      <c r="HL26" s="327">
        <v>9501887</v>
      </c>
      <c r="HM26" s="328">
        <v>64781954</v>
      </c>
      <c r="HN26" s="329">
        <v>66897560</v>
      </c>
      <c r="HO26" s="333">
        <v>1414549</v>
      </c>
      <c r="HP26" s="327">
        <v>2157516</v>
      </c>
      <c r="HQ26" s="328">
        <v>3572065</v>
      </c>
      <c r="HR26" s="326">
        <v>0</v>
      </c>
      <c r="HS26" s="327">
        <v>14215762</v>
      </c>
      <c r="HT26" s="327">
        <v>13541233</v>
      </c>
      <c r="HU26" s="327">
        <v>9711915</v>
      </c>
      <c r="HV26" s="327">
        <v>5105854</v>
      </c>
      <c r="HW26" s="327">
        <v>3506875</v>
      </c>
      <c r="HX26" s="331">
        <v>46081639</v>
      </c>
      <c r="HY26" s="330">
        <v>49653704</v>
      </c>
      <c r="HZ26" s="358">
        <v>0</v>
      </c>
      <c r="IA26" s="356">
        <v>257697</v>
      </c>
      <c r="IB26" s="358">
        <v>257697</v>
      </c>
      <c r="IC26" s="355">
        <v>0</v>
      </c>
      <c r="ID26" s="356">
        <v>15382793</v>
      </c>
      <c r="IE26" s="357">
        <v>21193186</v>
      </c>
      <c r="IF26" s="358">
        <v>23007498</v>
      </c>
      <c r="IG26" s="356">
        <v>10857164</v>
      </c>
      <c r="IH26" s="358">
        <v>7830714</v>
      </c>
      <c r="II26" s="359">
        <v>78271355</v>
      </c>
      <c r="IJ26" s="358">
        <v>78529052</v>
      </c>
      <c r="IK26" s="342">
        <v>0</v>
      </c>
      <c r="IL26" s="343">
        <v>0</v>
      </c>
      <c r="IM26" s="344">
        <v>0</v>
      </c>
      <c r="IN26" s="404">
        <v>0</v>
      </c>
      <c r="IO26" s="345">
        <v>12216</v>
      </c>
      <c r="IP26" s="345">
        <v>343753</v>
      </c>
      <c r="IQ26" s="345">
        <v>155890</v>
      </c>
      <c r="IR26" s="345">
        <v>0</v>
      </c>
      <c r="IS26" s="345">
        <v>273313</v>
      </c>
      <c r="IT26" s="346">
        <v>785172</v>
      </c>
      <c r="IU26" s="347">
        <v>785172</v>
      </c>
      <c r="IV26" s="348">
        <v>0</v>
      </c>
      <c r="IW26" s="345">
        <v>0</v>
      </c>
      <c r="IX26" s="349">
        <v>0</v>
      </c>
      <c r="IY26" s="413">
        <v>0</v>
      </c>
      <c r="IZ26" s="345">
        <v>0</v>
      </c>
      <c r="JA26" s="345">
        <v>0</v>
      </c>
      <c r="JB26" s="345">
        <v>0</v>
      </c>
      <c r="JC26" s="345">
        <v>0</v>
      </c>
      <c r="JD26" s="345">
        <v>0</v>
      </c>
      <c r="JE26" s="349">
        <v>0</v>
      </c>
      <c r="JF26" s="350">
        <v>0</v>
      </c>
      <c r="JG26" s="348">
        <v>0</v>
      </c>
      <c r="JH26" s="345">
        <v>0</v>
      </c>
      <c r="JI26" s="346">
        <v>0</v>
      </c>
      <c r="JJ26" s="351">
        <v>0</v>
      </c>
      <c r="JK26" s="345">
        <v>10136120</v>
      </c>
      <c r="JL26" s="345">
        <v>9749296</v>
      </c>
      <c r="JM26" s="345">
        <v>8246809</v>
      </c>
      <c r="JN26" s="345">
        <v>3417430</v>
      </c>
      <c r="JO26" s="345">
        <v>2322277</v>
      </c>
      <c r="JP26" s="349">
        <v>33871932</v>
      </c>
      <c r="JQ26" s="347">
        <v>33871932</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05011</v>
      </c>
      <c r="KH26" s="345">
        <v>1621663</v>
      </c>
      <c r="KI26" s="345">
        <v>4111057</v>
      </c>
      <c r="KJ26" s="345">
        <v>1502307</v>
      </c>
      <c r="KK26" s="345">
        <v>1074327</v>
      </c>
      <c r="KL26" s="349">
        <v>9314365</v>
      </c>
      <c r="KM26" s="354">
        <v>9314365</v>
      </c>
      <c r="KN26" s="342">
        <v>0</v>
      </c>
      <c r="KO26" s="343">
        <v>257697</v>
      </c>
      <c r="KP26" s="344">
        <v>257697</v>
      </c>
      <c r="KQ26" s="413">
        <v>0</v>
      </c>
      <c r="KR26" s="345">
        <v>4229446</v>
      </c>
      <c r="KS26" s="345">
        <v>9478474</v>
      </c>
      <c r="KT26" s="345">
        <v>10493742</v>
      </c>
      <c r="KU26" s="345">
        <v>5937427</v>
      </c>
      <c r="KV26" s="345">
        <v>3366200</v>
      </c>
      <c r="KW26" s="349">
        <v>33505289</v>
      </c>
      <c r="KX26" s="347">
        <v>33762986</v>
      </c>
      <c r="KY26" s="348">
        <v>0</v>
      </c>
      <c r="KZ26" s="345">
        <v>0</v>
      </c>
      <c r="LA26" s="349">
        <v>0</v>
      </c>
      <c r="LB26" s="413">
        <v>0</v>
      </c>
      <c r="LC26" s="345">
        <v>0</v>
      </c>
      <c r="LD26" s="345">
        <v>0</v>
      </c>
      <c r="LE26" s="345">
        <v>0</v>
      </c>
      <c r="LF26" s="345">
        <v>0</v>
      </c>
      <c r="LG26" s="345">
        <v>0</v>
      </c>
      <c r="LH26" s="349">
        <v>0</v>
      </c>
      <c r="LI26" s="350">
        <v>0</v>
      </c>
      <c r="LJ26" s="348">
        <v>0</v>
      </c>
      <c r="LK26" s="345">
        <v>0</v>
      </c>
      <c r="LL26" s="349">
        <v>0</v>
      </c>
      <c r="LM26" s="413">
        <v>0</v>
      </c>
      <c r="LN26" s="345">
        <v>0</v>
      </c>
      <c r="LO26" s="345">
        <v>0</v>
      </c>
      <c r="LP26" s="345">
        <v>0</v>
      </c>
      <c r="LQ26" s="345">
        <v>0</v>
      </c>
      <c r="LR26" s="345">
        <v>0</v>
      </c>
      <c r="LS26" s="349">
        <v>0</v>
      </c>
      <c r="LT26" s="347">
        <v>0</v>
      </c>
      <c r="LU26" s="348">
        <v>0</v>
      </c>
      <c r="LV26" s="345">
        <v>0</v>
      </c>
      <c r="LW26" s="349">
        <v>0</v>
      </c>
      <c r="LX26" s="413">
        <v>0</v>
      </c>
      <c r="LY26" s="345">
        <v>0</v>
      </c>
      <c r="LZ26" s="345">
        <v>0</v>
      </c>
      <c r="MA26" s="345">
        <v>0</v>
      </c>
      <c r="MB26" s="345">
        <v>0</v>
      </c>
      <c r="MC26" s="345">
        <v>794597</v>
      </c>
      <c r="MD26" s="349">
        <v>794597</v>
      </c>
      <c r="ME26" s="350">
        <v>794597</v>
      </c>
      <c r="MF26" s="348">
        <v>0</v>
      </c>
      <c r="MG26" s="345">
        <v>0</v>
      </c>
      <c r="MH26" s="349">
        <v>0</v>
      </c>
      <c r="MI26" s="413">
        <v>0</v>
      </c>
      <c r="MJ26" s="345">
        <v>6659070</v>
      </c>
      <c r="MK26" s="345">
        <v>14295996</v>
      </c>
      <c r="ML26" s="345">
        <v>69042936</v>
      </c>
      <c r="MM26" s="345">
        <v>94621535</v>
      </c>
      <c r="MN26" s="345">
        <v>64666012</v>
      </c>
      <c r="MO26" s="349">
        <v>249285549</v>
      </c>
      <c r="MP26" s="354">
        <v>249285549</v>
      </c>
      <c r="MQ26" s="348">
        <v>0</v>
      </c>
      <c r="MR26" s="345">
        <v>0</v>
      </c>
      <c r="MS26" s="349">
        <v>0</v>
      </c>
      <c r="MT26" s="413">
        <v>0</v>
      </c>
      <c r="MU26" s="345">
        <v>934791</v>
      </c>
      <c r="MV26" s="345">
        <v>3215104</v>
      </c>
      <c r="MW26" s="345">
        <v>54136419</v>
      </c>
      <c r="MX26" s="345">
        <v>71818242</v>
      </c>
      <c r="MY26" s="345">
        <v>47852009</v>
      </c>
      <c r="MZ26" s="349">
        <v>177956565</v>
      </c>
      <c r="NA26" s="354">
        <v>177956565</v>
      </c>
      <c r="NB26" s="348">
        <v>0</v>
      </c>
      <c r="NC26" s="345">
        <v>0</v>
      </c>
      <c r="ND26" s="349">
        <v>0</v>
      </c>
      <c r="NE26" s="413">
        <v>0</v>
      </c>
      <c r="NF26" s="345">
        <v>5724279</v>
      </c>
      <c r="NG26" s="345">
        <v>11080892</v>
      </c>
      <c r="NH26" s="345">
        <v>14542172</v>
      </c>
      <c r="NI26" s="345">
        <v>18425214</v>
      </c>
      <c r="NJ26" s="345">
        <v>8678097</v>
      </c>
      <c r="NK26" s="349">
        <v>58450654</v>
      </c>
      <c r="NL26" s="347">
        <v>58450654</v>
      </c>
      <c r="NM26" s="348">
        <v>0</v>
      </c>
      <c r="NN26" s="345">
        <v>0</v>
      </c>
      <c r="NO26" s="349">
        <v>0</v>
      </c>
      <c r="NP26" s="413">
        <v>0</v>
      </c>
      <c r="NQ26" s="345">
        <v>0</v>
      </c>
      <c r="NR26" s="345">
        <v>0</v>
      </c>
      <c r="NS26" s="345">
        <v>0</v>
      </c>
      <c r="NT26" s="345">
        <v>0</v>
      </c>
      <c r="NU26" s="345">
        <v>0</v>
      </c>
      <c r="NV26" s="349">
        <v>0</v>
      </c>
      <c r="NW26" s="350">
        <v>0</v>
      </c>
      <c r="NX26" s="348">
        <v>0</v>
      </c>
      <c r="NY26" s="345">
        <v>0</v>
      </c>
      <c r="NZ26" s="349">
        <v>0</v>
      </c>
      <c r="OA26" s="413">
        <v>0</v>
      </c>
      <c r="OB26" s="345">
        <v>0</v>
      </c>
      <c r="OC26" s="345">
        <v>0</v>
      </c>
      <c r="OD26" s="345">
        <v>364345</v>
      </c>
      <c r="OE26" s="345">
        <v>4378079</v>
      </c>
      <c r="OF26" s="345">
        <v>8135906</v>
      </c>
      <c r="OG26" s="349">
        <v>12878330</v>
      </c>
      <c r="OH26" s="350">
        <v>12878330</v>
      </c>
      <c r="OI26" s="348">
        <v>7247345</v>
      </c>
      <c r="OJ26" s="345">
        <v>12715256</v>
      </c>
      <c r="OK26" s="346">
        <v>19962601</v>
      </c>
      <c r="OL26" s="351">
        <v>0</v>
      </c>
      <c r="OM26" s="345">
        <v>106223475</v>
      </c>
      <c r="ON26" s="345">
        <v>147757747</v>
      </c>
      <c r="OO26" s="345">
        <v>198533355</v>
      </c>
      <c r="OP26" s="345">
        <v>183750180</v>
      </c>
      <c r="OQ26" s="345">
        <v>134024071</v>
      </c>
      <c r="OR26" s="349">
        <v>770288828</v>
      </c>
      <c r="OS26" s="354">
        <v>790251429</v>
      </c>
    </row>
    <row r="27" spans="2:409" s="70" customFormat="1" ht="21" customHeight="1" x14ac:dyDescent="0.2">
      <c r="B27" s="410" t="s">
        <v>22</v>
      </c>
      <c r="C27" s="326">
        <v>1571899</v>
      </c>
      <c r="D27" s="327">
        <v>4041442</v>
      </c>
      <c r="E27" s="328">
        <v>5613341</v>
      </c>
      <c r="F27" s="329">
        <v>0</v>
      </c>
      <c r="G27" s="327">
        <v>26313855</v>
      </c>
      <c r="H27" s="327">
        <v>34061730</v>
      </c>
      <c r="I27" s="327">
        <v>25195135</v>
      </c>
      <c r="J27" s="327">
        <v>26136977</v>
      </c>
      <c r="K27" s="327">
        <v>20484187</v>
      </c>
      <c r="L27" s="367">
        <v>132191884</v>
      </c>
      <c r="M27" s="330">
        <v>137805225</v>
      </c>
      <c r="N27" s="326">
        <v>309333</v>
      </c>
      <c r="O27" s="327">
        <v>476938</v>
      </c>
      <c r="P27" s="328">
        <v>786271</v>
      </c>
      <c r="Q27" s="326">
        <v>0</v>
      </c>
      <c r="R27" s="327">
        <v>5659817</v>
      </c>
      <c r="S27" s="327">
        <v>9337320</v>
      </c>
      <c r="T27" s="327">
        <v>4410199</v>
      </c>
      <c r="U27" s="327">
        <v>9917454</v>
      </c>
      <c r="V27" s="327">
        <v>10231522</v>
      </c>
      <c r="W27" s="328">
        <v>39556312</v>
      </c>
      <c r="X27" s="330">
        <v>40342583</v>
      </c>
      <c r="Y27" s="326">
        <v>0</v>
      </c>
      <c r="Z27" s="327">
        <v>0</v>
      </c>
      <c r="AA27" s="328">
        <v>0</v>
      </c>
      <c r="AB27" s="326">
        <v>0</v>
      </c>
      <c r="AC27" s="327">
        <v>2309516</v>
      </c>
      <c r="AD27" s="327">
        <v>4897519</v>
      </c>
      <c r="AE27" s="327">
        <v>1925422</v>
      </c>
      <c r="AF27" s="327">
        <v>5862262</v>
      </c>
      <c r="AG27" s="327">
        <v>6265700</v>
      </c>
      <c r="AH27" s="328">
        <v>21260419</v>
      </c>
      <c r="AI27" s="330">
        <v>21260419</v>
      </c>
      <c r="AJ27" s="326">
        <v>0</v>
      </c>
      <c r="AK27" s="327">
        <v>0</v>
      </c>
      <c r="AL27" s="328">
        <v>0</v>
      </c>
      <c r="AM27" s="326">
        <v>0</v>
      </c>
      <c r="AN27" s="327">
        <v>152721</v>
      </c>
      <c r="AO27" s="327">
        <v>0</v>
      </c>
      <c r="AP27" s="327">
        <v>101813</v>
      </c>
      <c r="AQ27" s="327">
        <v>684909</v>
      </c>
      <c r="AR27" s="327">
        <v>1456342</v>
      </c>
      <c r="AS27" s="328">
        <v>2395785</v>
      </c>
      <c r="AT27" s="330">
        <v>2395785</v>
      </c>
      <c r="AU27" s="326">
        <v>168534</v>
      </c>
      <c r="AV27" s="327">
        <v>318259</v>
      </c>
      <c r="AW27" s="328">
        <v>486793</v>
      </c>
      <c r="AX27" s="326">
        <v>0</v>
      </c>
      <c r="AY27" s="327">
        <v>1855483</v>
      </c>
      <c r="AZ27" s="327">
        <v>2788505</v>
      </c>
      <c r="BA27" s="327">
        <v>1348760</v>
      </c>
      <c r="BB27" s="327">
        <v>1998173</v>
      </c>
      <c r="BC27" s="327">
        <v>1692768</v>
      </c>
      <c r="BD27" s="328">
        <v>9683689</v>
      </c>
      <c r="BE27" s="330">
        <v>10170482</v>
      </c>
      <c r="BF27" s="326">
        <v>29680</v>
      </c>
      <c r="BG27" s="327">
        <v>33390</v>
      </c>
      <c r="BH27" s="331">
        <v>63070</v>
      </c>
      <c r="BI27" s="332">
        <v>0</v>
      </c>
      <c r="BJ27" s="327">
        <v>381659</v>
      </c>
      <c r="BK27" s="327">
        <v>415561</v>
      </c>
      <c r="BL27" s="327">
        <v>88099</v>
      </c>
      <c r="BM27" s="327">
        <v>141825</v>
      </c>
      <c r="BN27" s="327">
        <v>53152</v>
      </c>
      <c r="BO27" s="328">
        <v>1080296</v>
      </c>
      <c r="BP27" s="330">
        <v>1143366</v>
      </c>
      <c r="BQ27" s="326">
        <v>111119</v>
      </c>
      <c r="BR27" s="327">
        <v>125289</v>
      </c>
      <c r="BS27" s="328">
        <v>236408</v>
      </c>
      <c r="BT27" s="326">
        <v>0</v>
      </c>
      <c r="BU27" s="327">
        <v>960438</v>
      </c>
      <c r="BV27" s="327">
        <v>1235735</v>
      </c>
      <c r="BW27" s="327">
        <v>946105</v>
      </c>
      <c r="BX27" s="327">
        <v>1230285</v>
      </c>
      <c r="BY27" s="327">
        <v>763560</v>
      </c>
      <c r="BZ27" s="328">
        <v>5136123</v>
      </c>
      <c r="CA27" s="330">
        <v>5372531</v>
      </c>
      <c r="CB27" s="326">
        <v>117052</v>
      </c>
      <c r="CC27" s="327">
        <v>478342</v>
      </c>
      <c r="CD27" s="328">
        <v>595394</v>
      </c>
      <c r="CE27" s="326">
        <v>0</v>
      </c>
      <c r="CF27" s="327">
        <v>7064523</v>
      </c>
      <c r="CG27" s="327">
        <v>11061625</v>
      </c>
      <c r="CH27" s="327">
        <v>8019610</v>
      </c>
      <c r="CI27" s="327">
        <v>4315207</v>
      </c>
      <c r="CJ27" s="327">
        <v>2582892</v>
      </c>
      <c r="CK27" s="328">
        <v>33043857</v>
      </c>
      <c r="CL27" s="330">
        <v>33639251</v>
      </c>
      <c r="CM27" s="326">
        <v>0</v>
      </c>
      <c r="CN27" s="327">
        <v>0</v>
      </c>
      <c r="CO27" s="328">
        <v>0</v>
      </c>
      <c r="CP27" s="332">
        <v>0</v>
      </c>
      <c r="CQ27" s="327">
        <v>5596938</v>
      </c>
      <c r="CR27" s="327">
        <v>8578911</v>
      </c>
      <c r="CS27" s="327">
        <v>7328749</v>
      </c>
      <c r="CT27" s="327">
        <v>3220534</v>
      </c>
      <c r="CU27" s="327">
        <v>1896444</v>
      </c>
      <c r="CV27" s="328">
        <v>26621576</v>
      </c>
      <c r="CW27" s="330">
        <v>26621576</v>
      </c>
      <c r="CX27" s="326">
        <v>117052</v>
      </c>
      <c r="CY27" s="327">
        <v>478342</v>
      </c>
      <c r="CZ27" s="328">
        <v>595394</v>
      </c>
      <c r="DA27" s="326">
        <v>0</v>
      </c>
      <c r="DB27" s="327">
        <v>1467585</v>
      </c>
      <c r="DC27" s="327">
        <v>2482714</v>
      </c>
      <c r="DD27" s="327">
        <v>690861</v>
      </c>
      <c r="DE27" s="327">
        <v>1094673</v>
      </c>
      <c r="DF27" s="327">
        <v>686448</v>
      </c>
      <c r="DG27" s="328">
        <v>6422281</v>
      </c>
      <c r="DH27" s="330">
        <v>7017675</v>
      </c>
      <c r="DI27" s="326">
        <v>0</v>
      </c>
      <c r="DJ27" s="327">
        <v>0</v>
      </c>
      <c r="DK27" s="331">
        <v>0</v>
      </c>
      <c r="DL27" s="332">
        <v>0</v>
      </c>
      <c r="DM27" s="327">
        <v>652984</v>
      </c>
      <c r="DN27" s="327">
        <v>1182218</v>
      </c>
      <c r="DO27" s="327">
        <v>2730711</v>
      </c>
      <c r="DP27" s="327">
        <v>1745739</v>
      </c>
      <c r="DQ27" s="327">
        <v>1267829</v>
      </c>
      <c r="DR27" s="328">
        <v>7579481</v>
      </c>
      <c r="DS27" s="330">
        <v>7579481</v>
      </c>
      <c r="DT27" s="326">
        <v>0</v>
      </c>
      <c r="DU27" s="327">
        <v>0</v>
      </c>
      <c r="DV27" s="328">
        <v>0</v>
      </c>
      <c r="DW27" s="326">
        <v>0</v>
      </c>
      <c r="DX27" s="327">
        <v>581758</v>
      </c>
      <c r="DY27" s="327">
        <v>1182218</v>
      </c>
      <c r="DZ27" s="327">
        <v>2541372</v>
      </c>
      <c r="EA27" s="327">
        <v>1698614</v>
      </c>
      <c r="EB27" s="327">
        <v>1173504</v>
      </c>
      <c r="EC27" s="328">
        <v>7177466</v>
      </c>
      <c r="ED27" s="330">
        <v>7177466</v>
      </c>
      <c r="EE27" s="326">
        <v>0</v>
      </c>
      <c r="EF27" s="331">
        <v>0</v>
      </c>
      <c r="EG27" s="328">
        <v>0</v>
      </c>
      <c r="EH27" s="326">
        <v>0</v>
      </c>
      <c r="EI27" s="327">
        <v>71226</v>
      </c>
      <c r="EJ27" s="327">
        <v>0</v>
      </c>
      <c r="EK27" s="327">
        <v>189339</v>
      </c>
      <c r="EL27" s="327">
        <v>47125</v>
      </c>
      <c r="EM27" s="327">
        <v>94325</v>
      </c>
      <c r="EN27" s="331">
        <v>402015</v>
      </c>
      <c r="EO27" s="330">
        <v>402015</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437625</v>
      </c>
      <c r="FM27" s="327">
        <v>1188803</v>
      </c>
      <c r="FN27" s="328">
        <v>1626428</v>
      </c>
      <c r="FO27" s="326">
        <v>0</v>
      </c>
      <c r="FP27" s="327">
        <v>2072441</v>
      </c>
      <c r="FQ27" s="327">
        <v>3540597</v>
      </c>
      <c r="FR27" s="327">
        <v>1934649</v>
      </c>
      <c r="FS27" s="327">
        <v>2355163</v>
      </c>
      <c r="FT27" s="327">
        <v>1753374</v>
      </c>
      <c r="FU27" s="328">
        <v>11656224</v>
      </c>
      <c r="FV27" s="330">
        <v>13282652</v>
      </c>
      <c r="FW27" s="333">
        <v>320835</v>
      </c>
      <c r="FX27" s="327">
        <v>1090352</v>
      </c>
      <c r="FY27" s="331">
        <v>1411187</v>
      </c>
      <c r="FZ27" s="332">
        <v>0</v>
      </c>
      <c r="GA27" s="327">
        <v>1855776</v>
      </c>
      <c r="GB27" s="327">
        <v>3244728</v>
      </c>
      <c r="GC27" s="327">
        <v>1880001</v>
      </c>
      <c r="GD27" s="327">
        <v>2188213</v>
      </c>
      <c r="GE27" s="327">
        <v>1621308</v>
      </c>
      <c r="GF27" s="328">
        <v>10790026</v>
      </c>
      <c r="GG27" s="334">
        <v>12201213</v>
      </c>
      <c r="GH27" s="333">
        <v>96090</v>
      </c>
      <c r="GI27" s="327">
        <v>45276</v>
      </c>
      <c r="GJ27" s="331">
        <v>141366</v>
      </c>
      <c r="GK27" s="332">
        <v>0</v>
      </c>
      <c r="GL27" s="327">
        <v>31185</v>
      </c>
      <c r="GM27" s="327">
        <v>58139</v>
      </c>
      <c r="GN27" s="327">
        <v>54648</v>
      </c>
      <c r="GO27" s="327">
        <v>42075</v>
      </c>
      <c r="GP27" s="327">
        <v>0</v>
      </c>
      <c r="GQ27" s="328">
        <v>186047</v>
      </c>
      <c r="GR27" s="330">
        <v>327413</v>
      </c>
      <c r="GS27" s="326">
        <v>20700</v>
      </c>
      <c r="GT27" s="327">
        <v>53175</v>
      </c>
      <c r="GU27" s="328">
        <v>73875</v>
      </c>
      <c r="GV27" s="326">
        <v>0</v>
      </c>
      <c r="GW27" s="327">
        <v>185480</v>
      </c>
      <c r="GX27" s="327">
        <v>237730</v>
      </c>
      <c r="GY27" s="327">
        <v>0</v>
      </c>
      <c r="GZ27" s="327">
        <v>124875</v>
      </c>
      <c r="HA27" s="327">
        <v>132066</v>
      </c>
      <c r="HB27" s="331">
        <v>680151</v>
      </c>
      <c r="HC27" s="330">
        <v>754026</v>
      </c>
      <c r="HD27" s="326">
        <v>402522</v>
      </c>
      <c r="HE27" s="327">
        <v>1119384</v>
      </c>
      <c r="HF27" s="331">
        <v>1521906</v>
      </c>
      <c r="HG27" s="332">
        <v>0</v>
      </c>
      <c r="HH27" s="327">
        <v>5802566</v>
      </c>
      <c r="HI27" s="327">
        <v>4011207</v>
      </c>
      <c r="HJ27" s="327">
        <v>5214449</v>
      </c>
      <c r="HK27" s="327">
        <v>5618119</v>
      </c>
      <c r="HL27" s="327">
        <v>3327738</v>
      </c>
      <c r="HM27" s="328">
        <v>23974079</v>
      </c>
      <c r="HN27" s="329">
        <v>25495985</v>
      </c>
      <c r="HO27" s="333">
        <v>305367</v>
      </c>
      <c r="HP27" s="327">
        <v>777975</v>
      </c>
      <c r="HQ27" s="328">
        <v>1083342</v>
      </c>
      <c r="HR27" s="326">
        <v>0</v>
      </c>
      <c r="HS27" s="327">
        <v>5061524</v>
      </c>
      <c r="HT27" s="327">
        <v>4928763</v>
      </c>
      <c r="HU27" s="327">
        <v>2885517</v>
      </c>
      <c r="HV27" s="327">
        <v>2185295</v>
      </c>
      <c r="HW27" s="327">
        <v>1320832</v>
      </c>
      <c r="HX27" s="331">
        <v>16381931</v>
      </c>
      <c r="HY27" s="330">
        <v>17465273</v>
      </c>
      <c r="HZ27" s="335">
        <v>329284</v>
      </c>
      <c r="IA27" s="336">
        <v>624217</v>
      </c>
      <c r="IB27" s="337">
        <v>953501</v>
      </c>
      <c r="IC27" s="338">
        <v>0</v>
      </c>
      <c r="ID27" s="336">
        <v>11745816</v>
      </c>
      <c r="IE27" s="339">
        <v>19428335</v>
      </c>
      <c r="IF27" s="337">
        <v>16698658</v>
      </c>
      <c r="IG27" s="336">
        <v>14916324</v>
      </c>
      <c r="IH27" s="337">
        <v>7335903</v>
      </c>
      <c r="II27" s="340">
        <v>70125036</v>
      </c>
      <c r="IJ27" s="341">
        <v>71078537</v>
      </c>
      <c r="IK27" s="342">
        <v>0</v>
      </c>
      <c r="IL27" s="343">
        <v>0</v>
      </c>
      <c r="IM27" s="344">
        <v>0</v>
      </c>
      <c r="IN27" s="404">
        <v>0</v>
      </c>
      <c r="IO27" s="345">
        <v>0</v>
      </c>
      <c r="IP27" s="345">
        <v>546911</v>
      </c>
      <c r="IQ27" s="345">
        <v>942405</v>
      </c>
      <c r="IR27" s="345">
        <v>835805</v>
      </c>
      <c r="IS27" s="345">
        <v>0</v>
      </c>
      <c r="IT27" s="346">
        <v>2325121</v>
      </c>
      <c r="IU27" s="347">
        <v>2325121</v>
      </c>
      <c r="IV27" s="348">
        <v>0</v>
      </c>
      <c r="IW27" s="345">
        <v>0</v>
      </c>
      <c r="IX27" s="349">
        <v>0</v>
      </c>
      <c r="IY27" s="413">
        <v>0</v>
      </c>
      <c r="IZ27" s="345">
        <v>0</v>
      </c>
      <c r="JA27" s="345">
        <v>0</v>
      </c>
      <c r="JB27" s="345">
        <v>0</v>
      </c>
      <c r="JC27" s="345">
        <v>0</v>
      </c>
      <c r="JD27" s="345">
        <v>0</v>
      </c>
      <c r="JE27" s="349">
        <v>0</v>
      </c>
      <c r="JF27" s="350">
        <v>0</v>
      </c>
      <c r="JG27" s="348">
        <v>0</v>
      </c>
      <c r="JH27" s="345">
        <v>0</v>
      </c>
      <c r="JI27" s="346">
        <v>0</v>
      </c>
      <c r="JJ27" s="351">
        <v>0</v>
      </c>
      <c r="JK27" s="345">
        <v>6282232</v>
      </c>
      <c r="JL27" s="345">
        <v>7783679</v>
      </c>
      <c r="JM27" s="345">
        <v>4654447</v>
      </c>
      <c r="JN27" s="345">
        <v>3422540</v>
      </c>
      <c r="JO27" s="345">
        <v>1124782</v>
      </c>
      <c r="JP27" s="349">
        <v>23267680</v>
      </c>
      <c r="JQ27" s="347">
        <v>23267680</v>
      </c>
      <c r="JR27" s="348">
        <v>0</v>
      </c>
      <c r="JS27" s="345">
        <v>0</v>
      </c>
      <c r="JT27" s="346">
        <v>0</v>
      </c>
      <c r="JU27" s="351">
        <v>0</v>
      </c>
      <c r="JV27" s="345">
        <v>224796</v>
      </c>
      <c r="JW27" s="345">
        <v>149531</v>
      </c>
      <c r="JX27" s="345">
        <v>1056549</v>
      </c>
      <c r="JY27" s="345">
        <v>542038</v>
      </c>
      <c r="JZ27" s="345">
        <v>0</v>
      </c>
      <c r="KA27" s="349">
        <v>1972914</v>
      </c>
      <c r="KB27" s="347">
        <v>1972914</v>
      </c>
      <c r="KC27" s="352">
        <v>329284</v>
      </c>
      <c r="KD27" s="353">
        <v>531117</v>
      </c>
      <c r="KE27" s="349">
        <v>860401</v>
      </c>
      <c r="KF27" s="351">
        <v>0</v>
      </c>
      <c r="KG27" s="345">
        <v>2908386</v>
      </c>
      <c r="KH27" s="345">
        <v>5129617</v>
      </c>
      <c r="KI27" s="345">
        <v>3279555</v>
      </c>
      <c r="KJ27" s="345">
        <v>2562338</v>
      </c>
      <c r="KK27" s="345">
        <v>2379515</v>
      </c>
      <c r="KL27" s="349">
        <v>16259411</v>
      </c>
      <c r="KM27" s="354">
        <v>17119812</v>
      </c>
      <c r="KN27" s="342">
        <v>0</v>
      </c>
      <c r="KO27" s="343">
        <v>93100</v>
      </c>
      <c r="KP27" s="344">
        <v>93100</v>
      </c>
      <c r="KQ27" s="413">
        <v>0</v>
      </c>
      <c r="KR27" s="345">
        <v>2330402</v>
      </c>
      <c r="KS27" s="345">
        <v>5326109</v>
      </c>
      <c r="KT27" s="345">
        <v>5056188</v>
      </c>
      <c r="KU27" s="345">
        <v>3412217</v>
      </c>
      <c r="KV27" s="345">
        <v>1167037</v>
      </c>
      <c r="KW27" s="349">
        <v>17291953</v>
      </c>
      <c r="KX27" s="347">
        <v>17385053</v>
      </c>
      <c r="KY27" s="348">
        <v>0</v>
      </c>
      <c r="KZ27" s="345">
        <v>0</v>
      </c>
      <c r="LA27" s="349">
        <v>0</v>
      </c>
      <c r="LB27" s="413">
        <v>0</v>
      </c>
      <c r="LC27" s="345">
        <v>0</v>
      </c>
      <c r="LD27" s="345">
        <v>0</v>
      </c>
      <c r="LE27" s="345">
        <v>0</v>
      </c>
      <c r="LF27" s="345">
        <v>0</v>
      </c>
      <c r="LG27" s="345">
        <v>0</v>
      </c>
      <c r="LH27" s="349">
        <v>0</v>
      </c>
      <c r="LI27" s="350">
        <v>0</v>
      </c>
      <c r="LJ27" s="348">
        <v>0</v>
      </c>
      <c r="LK27" s="345">
        <v>0</v>
      </c>
      <c r="LL27" s="349">
        <v>0</v>
      </c>
      <c r="LM27" s="413">
        <v>0</v>
      </c>
      <c r="LN27" s="345">
        <v>0</v>
      </c>
      <c r="LO27" s="345">
        <v>492488</v>
      </c>
      <c r="LP27" s="345">
        <v>1709514</v>
      </c>
      <c r="LQ27" s="345">
        <v>4141386</v>
      </c>
      <c r="LR27" s="345">
        <v>2664569</v>
      </c>
      <c r="LS27" s="349">
        <v>9007957</v>
      </c>
      <c r="LT27" s="347">
        <v>9007957</v>
      </c>
      <c r="LU27" s="348">
        <v>0</v>
      </c>
      <c r="LV27" s="345">
        <v>0</v>
      </c>
      <c r="LW27" s="349">
        <v>0</v>
      </c>
      <c r="LX27" s="413">
        <v>0</v>
      </c>
      <c r="LY27" s="345">
        <v>0</v>
      </c>
      <c r="LZ27" s="345">
        <v>0</v>
      </c>
      <c r="MA27" s="345">
        <v>0</v>
      </c>
      <c r="MB27" s="345">
        <v>0</v>
      </c>
      <c r="MC27" s="345">
        <v>0</v>
      </c>
      <c r="MD27" s="349">
        <v>0</v>
      </c>
      <c r="ME27" s="350">
        <v>0</v>
      </c>
      <c r="MF27" s="348">
        <v>0</v>
      </c>
      <c r="MG27" s="345">
        <v>0</v>
      </c>
      <c r="MH27" s="349">
        <v>0</v>
      </c>
      <c r="MI27" s="413">
        <v>0</v>
      </c>
      <c r="MJ27" s="345">
        <v>2849402</v>
      </c>
      <c r="MK27" s="345">
        <v>7255972</v>
      </c>
      <c r="ML27" s="345">
        <v>20189707</v>
      </c>
      <c r="MM27" s="345">
        <v>34379929</v>
      </c>
      <c r="MN27" s="345">
        <v>18306268</v>
      </c>
      <c r="MO27" s="349">
        <v>82981278</v>
      </c>
      <c r="MP27" s="354">
        <v>82981278</v>
      </c>
      <c r="MQ27" s="348">
        <v>0</v>
      </c>
      <c r="MR27" s="345">
        <v>0</v>
      </c>
      <c r="MS27" s="349">
        <v>0</v>
      </c>
      <c r="MT27" s="413">
        <v>0</v>
      </c>
      <c r="MU27" s="345">
        <v>421318</v>
      </c>
      <c r="MV27" s="345">
        <v>1308387</v>
      </c>
      <c r="MW27" s="345">
        <v>11616752</v>
      </c>
      <c r="MX27" s="345">
        <v>19095272</v>
      </c>
      <c r="MY27" s="345">
        <v>9755144</v>
      </c>
      <c r="MZ27" s="349">
        <v>42196873</v>
      </c>
      <c r="NA27" s="354">
        <v>42196873</v>
      </c>
      <c r="NB27" s="348">
        <v>0</v>
      </c>
      <c r="NC27" s="345">
        <v>0</v>
      </c>
      <c r="ND27" s="349">
        <v>0</v>
      </c>
      <c r="NE27" s="413">
        <v>0</v>
      </c>
      <c r="NF27" s="345">
        <v>2428084</v>
      </c>
      <c r="NG27" s="345">
        <v>5947585</v>
      </c>
      <c r="NH27" s="345">
        <v>8192426</v>
      </c>
      <c r="NI27" s="345">
        <v>13532695</v>
      </c>
      <c r="NJ27" s="345">
        <v>6380817</v>
      </c>
      <c r="NK27" s="349">
        <v>36481607</v>
      </c>
      <c r="NL27" s="347">
        <v>36481607</v>
      </c>
      <c r="NM27" s="348">
        <v>0</v>
      </c>
      <c r="NN27" s="345">
        <v>0</v>
      </c>
      <c r="NO27" s="349">
        <v>0</v>
      </c>
      <c r="NP27" s="413">
        <v>0</v>
      </c>
      <c r="NQ27" s="345">
        <v>0</v>
      </c>
      <c r="NR27" s="345">
        <v>0</v>
      </c>
      <c r="NS27" s="345">
        <v>0</v>
      </c>
      <c r="NT27" s="345">
        <v>0</v>
      </c>
      <c r="NU27" s="345">
        <v>0</v>
      </c>
      <c r="NV27" s="349">
        <v>0</v>
      </c>
      <c r="NW27" s="350">
        <v>0</v>
      </c>
      <c r="NX27" s="348">
        <v>0</v>
      </c>
      <c r="NY27" s="345">
        <v>0</v>
      </c>
      <c r="NZ27" s="349">
        <v>0</v>
      </c>
      <c r="OA27" s="413">
        <v>0</v>
      </c>
      <c r="OB27" s="345">
        <v>0</v>
      </c>
      <c r="OC27" s="345">
        <v>0</v>
      </c>
      <c r="OD27" s="345">
        <v>380529</v>
      </c>
      <c r="OE27" s="345">
        <v>1751962</v>
      </c>
      <c r="OF27" s="345">
        <v>2170307</v>
      </c>
      <c r="OG27" s="349">
        <v>4302798</v>
      </c>
      <c r="OH27" s="350">
        <v>4302798</v>
      </c>
      <c r="OI27" s="348">
        <v>1901183</v>
      </c>
      <c r="OJ27" s="345">
        <v>4665659</v>
      </c>
      <c r="OK27" s="346">
        <v>6566842</v>
      </c>
      <c r="OL27" s="351">
        <v>0</v>
      </c>
      <c r="OM27" s="345">
        <v>40909073</v>
      </c>
      <c r="ON27" s="345">
        <v>60746037</v>
      </c>
      <c r="OO27" s="345">
        <v>62083500</v>
      </c>
      <c r="OP27" s="345">
        <v>75433230</v>
      </c>
      <c r="OQ27" s="345">
        <v>46126358</v>
      </c>
      <c r="OR27" s="349">
        <v>285298198</v>
      </c>
      <c r="OS27" s="354">
        <v>291865040</v>
      </c>
    </row>
    <row r="28" spans="2:409" s="70" customFormat="1" ht="21" customHeight="1" x14ac:dyDescent="0.2">
      <c r="B28" s="410" t="s">
        <v>23</v>
      </c>
      <c r="C28" s="326">
        <v>4047845</v>
      </c>
      <c r="D28" s="327">
        <v>7542584</v>
      </c>
      <c r="E28" s="328">
        <v>11590429</v>
      </c>
      <c r="F28" s="329">
        <v>0</v>
      </c>
      <c r="G28" s="327">
        <v>52953203</v>
      </c>
      <c r="H28" s="327">
        <v>67500146</v>
      </c>
      <c r="I28" s="327">
        <v>51159736</v>
      </c>
      <c r="J28" s="327">
        <v>52613155</v>
      </c>
      <c r="K28" s="327">
        <v>35007512</v>
      </c>
      <c r="L28" s="367">
        <v>259233752</v>
      </c>
      <c r="M28" s="330">
        <v>270824181</v>
      </c>
      <c r="N28" s="326">
        <v>1353875</v>
      </c>
      <c r="O28" s="327">
        <v>2791600</v>
      </c>
      <c r="P28" s="328">
        <v>4145475</v>
      </c>
      <c r="Q28" s="326">
        <v>0</v>
      </c>
      <c r="R28" s="327">
        <v>12661379</v>
      </c>
      <c r="S28" s="327">
        <v>19272322</v>
      </c>
      <c r="T28" s="327">
        <v>14088260</v>
      </c>
      <c r="U28" s="327">
        <v>18023337</v>
      </c>
      <c r="V28" s="327">
        <v>16825139</v>
      </c>
      <c r="W28" s="328">
        <v>80870437</v>
      </c>
      <c r="X28" s="330">
        <v>85015912</v>
      </c>
      <c r="Y28" s="326">
        <v>0</v>
      </c>
      <c r="Z28" s="327">
        <v>0</v>
      </c>
      <c r="AA28" s="328">
        <v>0</v>
      </c>
      <c r="AB28" s="326">
        <v>0</v>
      </c>
      <c r="AC28" s="327">
        <v>5692937</v>
      </c>
      <c r="AD28" s="327">
        <v>7620609</v>
      </c>
      <c r="AE28" s="327">
        <v>7209095</v>
      </c>
      <c r="AF28" s="327">
        <v>9569372</v>
      </c>
      <c r="AG28" s="327">
        <v>10276684</v>
      </c>
      <c r="AH28" s="328">
        <v>40368697</v>
      </c>
      <c r="AI28" s="330">
        <v>40368697</v>
      </c>
      <c r="AJ28" s="326">
        <v>0</v>
      </c>
      <c r="AK28" s="327">
        <v>0</v>
      </c>
      <c r="AL28" s="328">
        <v>0</v>
      </c>
      <c r="AM28" s="326">
        <v>0</v>
      </c>
      <c r="AN28" s="327">
        <v>27804</v>
      </c>
      <c r="AO28" s="327">
        <v>421370</v>
      </c>
      <c r="AP28" s="327">
        <v>336083</v>
      </c>
      <c r="AQ28" s="327">
        <v>1150353</v>
      </c>
      <c r="AR28" s="327">
        <v>1684351</v>
      </c>
      <c r="AS28" s="328">
        <v>3619961</v>
      </c>
      <c r="AT28" s="330">
        <v>3619961</v>
      </c>
      <c r="AU28" s="326">
        <v>918999</v>
      </c>
      <c r="AV28" s="327">
        <v>2180056</v>
      </c>
      <c r="AW28" s="328">
        <v>3099055</v>
      </c>
      <c r="AX28" s="326">
        <v>0</v>
      </c>
      <c r="AY28" s="327">
        <v>3931462</v>
      </c>
      <c r="AZ28" s="327">
        <v>7666019</v>
      </c>
      <c r="BA28" s="327">
        <v>3759309</v>
      </c>
      <c r="BB28" s="327">
        <v>4010255</v>
      </c>
      <c r="BC28" s="327">
        <v>2834182</v>
      </c>
      <c r="BD28" s="328">
        <v>22201227</v>
      </c>
      <c r="BE28" s="330">
        <v>25300282</v>
      </c>
      <c r="BF28" s="326">
        <v>106317</v>
      </c>
      <c r="BG28" s="327">
        <v>465701</v>
      </c>
      <c r="BH28" s="331">
        <v>572018</v>
      </c>
      <c r="BI28" s="332">
        <v>0</v>
      </c>
      <c r="BJ28" s="327">
        <v>325552</v>
      </c>
      <c r="BK28" s="327">
        <v>730858</v>
      </c>
      <c r="BL28" s="327">
        <v>558755</v>
      </c>
      <c r="BM28" s="327">
        <v>326727</v>
      </c>
      <c r="BN28" s="327">
        <v>62099</v>
      </c>
      <c r="BO28" s="328">
        <v>2003991</v>
      </c>
      <c r="BP28" s="330">
        <v>2576009</v>
      </c>
      <c r="BQ28" s="326">
        <v>328559</v>
      </c>
      <c r="BR28" s="327">
        <v>145843</v>
      </c>
      <c r="BS28" s="328">
        <v>474402</v>
      </c>
      <c r="BT28" s="326">
        <v>0</v>
      </c>
      <c r="BU28" s="327">
        <v>2683624</v>
      </c>
      <c r="BV28" s="327">
        <v>2833466</v>
      </c>
      <c r="BW28" s="327">
        <v>2225018</v>
      </c>
      <c r="BX28" s="327">
        <v>2966630</v>
      </c>
      <c r="BY28" s="327">
        <v>1967823</v>
      </c>
      <c r="BZ28" s="328">
        <v>12676561</v>
      </c>
      <c r="CA28" s="330">
        <v>13150963</v>
      </c>
      <c r="CB28" s="326">
        <v>82909</v>
      </c>
      <c r="CC28" s="327">
        <v>621465</v>
      </c>
      <c r="CD28" s="328">
        <v>704374</v>
      </c>
      <c r="CE28" s="326">
        <v>0</v>
      </c>
      <c r="CF28" s="327">
        <v>16937926</v>
      </c>
      <c r="CG28" s="327">
        <v>22372589</v>
      </c>
      <c r="CH28" s="327">
        <v>15094707</v>
      </c>
      <c r="CI28" s="327">
        <v>10051196</v>
      </c>
      <c r="CJ28" s="327">
        <v>3816654</v>
      </c>
      <c r="CK28" s="328">
        <v>68273072</v>
      </c>
      <c r="CL28" s="330">
        <v>68977446</v>
      </c>
      <c r="CM28" s="326">
        <v>0</v>
      </c>
      <c r="CN28" s="327">
        <v>0</v>
      </c>
      <c r="CO28" s="328">
        <v>0</v>
      </c>
      <c r="CP28" s="332">
        <v>0</v>
      </c>
      <c r="CQ28" s="327">
        <v>14991950</v>
      </c>
      <c r="CR28" s="327">
        <v>18857938</v>
      </c>
      <c r="CS28" s="327">
        <v>13014873</v>
      </c>
      <c r="CT28" s="327">
        <v>7843281</v>
      </c>
      <c r="CU28" s="327">
        <v>3354145</v>
      </c>
      <c r="CV28" s="328">
        <v>58062187</v>
      </c>
      <c r="CW28" s="330">
        <v>58062187</v>
      </c>
      <c r="CX28" s="326">
        <v>82909</v>
      </c>
      <c r="CY28" s="327">
        <v>621465</v>
      </c>
      <c r="CZ28" s="328">
        <v>704374</v>
      </c>
      <c r="DA28" s="326">
        <v>0</v>
      </c>
      <c r="DB28" s="327">
        <v>1945976</v>
      </c>
      <c r="DC28" s="327">
        <v>3514651</v>
      </c>
      <c r="DD28" s="327">
        <v>2079834</v>
      </c>
      <c r="DE28" s="327">
        <v>2207915</v>
      </c>
      <c r="DF28" s="327">
        <v>462509</v>
      </c>
      <c r="DG28" s="328">
        <v>10210885</v>
      </c>
      <c r="DH28" s="330">
        <v>10915259</v>
      </c>
      <c r="DI28" s="326">
        <v>0</v>
      </c>
      <c r="DJ28" s="327">
        <v>33355</v>
      </c>
      <c r="DK28" s="331">
        <v>33355</v>
      </c>
      <c r="DL28" s="332">
        <v>0</v>
      </c>
      <c r="DM28" s="327">
        <v>2078242</v>
      </c>
      <c r="DN28" s="327">
        <v>1821130</v>
      </c>
      <c r="DO28" s="327">
        <v>4918453</v>
      </c>
      <c r="DP28" s="327">
        <v>4578160</v>
      </c>
      <c r="DQ28" s="327">
        <v>1458303</v>
      </c>
      <c r="DR28" s="328">
        <v>14854288</v>
      </c>
      <c r="DS28" s="330">
        <v>14887643</v>
      </c>
      <c r="DT28" s="326">
        <v>0</v>
      </c>
      <c r="DU28" s="327">
        <v>33355</v>
      </c>
      <c r="DV28" s="328">
        <v>33355</v>
      </c>
      <c r="DW28" s="326">
        <v>0</v>
      </c>
      <c r="DX28" s="327">
        <v>1928913</v>
      </c>
      <c r="DY28" s="327">
        <v>1706878</v>
      </c>
      <c r="DZ28" s="327">
        <v>4811070</v>
      </c>
      <c r="EA28" s="327">
        <v>4296329</v>
      </c>
      <c r="EB28" s="327">
        <v>1144052</v>
      </c>
      <c r="EC28" s="328">
        <v>13887242</v>
      </c>
      <c r="ED28" s="330">
        <v>13920597</v>
      </c>
      <c r="EE28" s="326">
        <v>0</v>
      </c>
      <c r="EF28" s="331">
        <v>0</v>
      </c>
      <c r="EG28" s="328">
        <v>0</v>
      </c>
      <c r="EH28" s="326">
        <v>0</v>
      </c>
      <c r="EI28" s="327">
        <v>149329</v>
      </c>
      <c r="EJ28" s="327">
        <v>114252</v>
      </c>
      <c r="EK28" s="327">
        <v>107383</v>
      </c>
      <c r="EL28" s="327">
        <v>281831</v>
      </c>
      <c r="EM28" s="327">
        <v>314251</v>
      </c>
      <c r="EN28" s="331">
        <v>967046</v>
      </c>
      <c r="EO28" s="330">
        <v>967046</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1219948</v>
      </c>
      <c r="FM28" s="327">
        <v>2226444</v>
      </c>
      <c r="FN28" s="328">
        <v>3446392</v>
      </c>
      <c r="FO28" s="326">
        <v>0</v>
      </c>
      <c r="FP28" s="327">
        <v>2845512</v>
      </c>
      <c r="FQ28" s="327">
        <v>6618750</v>
      </c>
      <c r="FR28" s="327">
        <v>3878275</v>
      </c>
      <c r="FS28" s="327">
        <v>4011618</v>
      </c>
      <c r="FT28" s="327">
        <v>2357825</v>
      </c>
      <c r="FU28" s="328">
        <v>19711980</v>
      </c>
      <c r="FV28" s="330">
        <v>23158372</v>
      </c>
      <c r="FW28" s="333">
        <v>646868</v>
      </c>
      <c r="FX28" s="327">
        <v>1864680</v>
      </c>
      <c r="FY28" s="331">
        <v>2511548</v>
      </c>
      <c r="FZ28" s="332">
        <v>0</v>
      </c>
      <c r="GA28" s="327">
        <v>2351612</v>
      </c>
      <c r="GB28" s="327">
        <v>6158525</v>
      </c>
      <c r="GC28" s="327">
        <v>3501355</v>
      </c>
      <c r="GD28" s="327">
        <v>3873018</v>
      </c>
      <c r="GE28" s="327">
        <v>2317718</v>
      </c>
      <c r="GF28" s="328">
        <v>18202228</v>
      </c>
      <c r="GG28" s="334">
        <v>20713776</v>
      </c>
      <c r="GH28" s="333">
        <v>20400</v>
      </c>
      <c r="GI28" s="327">
        <v>110214</v>
      </c>
      <c r="GJ28" s="331">
        <v>130614</v>
      </c>
      <c r="GK28" s="332">
        <v>0</v>
      </c>
      <c r="GL28" s="327">
        <v>0</v>
      </c>
      <c r="GM28" s="327">
        <v>121105</v>
      </c>
      <c r="GN28" s="327">
        <v>38538</v>
      </c>
      <c r="GO28" s="327">
        <v>39600</v>
      </c>
      <c r="GP28" s="327">
        <v>24960</v>
      </c>
      <c r="GQ28" s="328">
        <v>224203</v>
      </c>
      <c r="GR28" s="330">
        <v>354817</v>
      </c>
      <c r="GS28" s="326">
        <v>552680</v>
      </c>
      <c r="GT28" s="327">
        <v>251550</v>
      </c>
      <c r="GU28" s="328">
        <v>804230</v>
      </c>
      <c r="GV28" s="326">
        <v>0</v>
      </c>
      <c r="GW28" s="327">
        <v>493900</v>
      </c>
      <c r="GX28" s="327">
        <v>339120</v>
      </c>
      <c r="GY28" s="327">
        <v>338382</v>
      </c>
      <c r="GZ28" s="327">
        <v>99000</v>
      </c>
      <c r="HA28" s="327">
        <v>15147</v>
      </c>
      <c r="HB28" s="331">
        <v>1285549</v>
      </c>
      <c r="HC28" s="330">
        <v>2089779</v>
      </c>
      <c r="HD28" s="326">
        <v>660984</v>
      </c>
      <c r="HE28" s="327">
        <v>292804</v>
      </c>
      <c r="HF28" s="331">
        <v>953788</v>
      </c>
      <c r="HG28" s="332">
        <v>0</v>
      </c>
      <c r="HH28" s="327">
        <v>10170040</v>
      </c>
      <c r="HI28" s="327">
        <v>8847259</v>
      </c>
      <c r="HJ28" s="327">
        <v>7915089</v>
      </c>
      <c r="HK28" s="327">
        <v>12279477</v>
      </c>
      <c r="HL28" s="327">
        <v>8549215</v>
      </c>
      <c r="HM28" s="328">
        <v>47761080</v>
      </c>
      <c r="HN28" s="329">
        <v>48714868</v>
      </c>
      <c r="HO28" s="333">
        <v>730129</v>
      </c>
      <c r="HP28" s="327">
        <v>1576916</v>
      </c>
      <c r="HQ28" s="328">
        <v>2307045</v>
      </c>
      <c r="HR28" s="326">
        <v>0</v>
      </c>
      <c r="HS28" s="327">
        <v>8260104</v>
      </c>
      <c r="HT28" s="327">
        <v>8568096</v>
      </c>
      <c r="HU28" s="327">
        <v>5264952</v>
      </c>
      <c r="HV28" s="327">
        <v>3669367</v>
      </c>
      <c r="HW28" s="327">
        <v>2000376</v>
      </c>
      <c r="HX28" s="331">
        <v>27762895</v>
      </c>
      <c r="HY28" s="330">
        <v>30069940</v>
      </c>
      <c r="HZ28" s="358">
        <v>0</v>
      </c>
      <c r="IA28" s="356">
        <v>0</v>
      </c>
      <c r="IB28" s="358">
        <v>0</v>
      </c>
      <c r="IC28" s="355">
        <v>0</v>
      </c>
      <c r="ID28" s="356">
        <v>13735623</v>
      </c>
      <c r="IE28" s="357">
        <v>8964722</v>
      </c>
      <c r="IF28" s="358">
        <v>13303537</v>
      </c>
      <c r="IG28" s="356">
        <v>10576562</v>
      </c>
      <c r="IH28" s="358">
        <v>5169950</v>
      </c>
      <c r="II28" s="359">
        <v>51750394</v>
      </c>
      <c r="IJ28" s="358">
        <v>51750394</v>
      </c>
      <c r="IK28" s="342">
        <v>0</v>
      </c>
      <c r="IL28" s="343">
        <v>0</v>
      </c>
      <c r="IM28" s="344">
        <v>0</v>
      </c>
      <c r="IN28" s="404">
        <v>0</v>
      </c>
      <c r="IO28" s="345">
        <v>0</v>
      </c>
      <c r="IP28" s="345">
        <v>0</v>
      </c>
      <c r="IQ28" s="345">
        <v>0</v>
      </c>
      <c r="IR28" s="345">
        <v>0</v>
      </c>
      <c r="IS28" s="345">
        <v>278616</v>
      </c>
      <c r="IT28" s="346">
        <v>278616</v>
      </c>
      <c r="IU28" s="347">
        <v>278616</v>
      </c>
      <c r="IV28" s="348">
        <v>0</v>
      </c>
      <c r="IW28" s="345">
        <v>0</v>
      </c>
      <c r="IX28" s="349">
        <v>0</v>
      </c>
      <c r="IY28" s="413">
        <v>0</v>
      </c>
      <c r="IZ28" s="345">
        <v>0</v>
      </c>
      <c r="JA28" s="345">
        <v>0</v>
      </c>
      <c r="JB28" s="345">
        <v>0</v>
      </c>
      <c r="JC28" s="345">
        <v>0</v>
      </c>
      <c r="JD28" s="345">
        <v>0</v>
      </c>
      <c r="JE28" s="349">
        <v>0</v>
      </c>
      <c r="JF28" s="350">
        <v>0</v>
      </c>
      <c r="JG28" s="348">
        <v>0</v>
      </c>
      <c r="JH28" s="345">
        <v>0</v>
      </c>
      <c r="JI28" s="346">
        <v>0</v>
      </c>
      <c r="JJ28" s="351">
        <v>0</v>
      </c>
      <c r="JK28" s="345">
        <v>3674715</v>
      </c>
      <c r="JL28" s="345">
        <v>3109781</v>
      </c>
      <c r="JM28" s="345">
        <v>3304982</v>
      </c>
      <c r="JN28" s="345">
        <v>2883683</v>
      </c>
      <c r="JO28" s="345">
        <v>845062</v>
      </c>
      <c r="JP28" s="349">
        <v>13818223</v>
      </c>
      <c r="JQ28" s="347">
        <v>13818223</v>
      </c>
      <c r="JR28" s="348">
        <v>0</v>
      </c>
      <c r="JS28" s="345">
        <v>0</v>
      </c>
      <c r="JT28" s="346">
        <v>0</v>
      </c>
      <c r="JU28" s="351">
        <v>0</v>
      </c>
      <c r="JV28" s="345">
        <v>0</v>
      </c>
      <c r="JW28" s="345">
        <v>0</v>
      </c>
      <c r="JX28" s="345">
        <v>300531</v>
      </c>
      <c r="JY28" s="345">
        <v>0</v>
      </c>
      <c r="JZ28" s="345">
        <v>0</v>
      </c>
      <c r="KA28" s="349">
        <v>300531</v>
      </c>
      <c r="KB28" s="347">
        <v>300531</v>
      </c>
      <c r="KC28" s="352">
        <v>0</v>
      </c>
      <c r="KD28" s="353">
        <v>0</v>
      </c>
      <c r="KE28" s="349">
        <v>0</v>
      </c>
      <c r="KF28" s="351">
        <v>0</v>
      </c>
      <c r="KG28" s="345">
        <v>649030</v>
      </c>
      <c r="KH28" s="345">
        <v>376816</v>
      </c>
      <c r="KI28" s="345">
        <v>1021263</v>
      </c>
      <c r="KJ28" s="345">
        <v>0</v>
      </c>
      <c r="KK28" s="345">
        <v>320845</v>
      </c>
      <c r="KL28" s="349">
        <v>2367954</v>
      </c>
      <c r="KM28" s="354">
        <v>2367954</v>
      </c>
      <c r="KN28" s="342">
        <v>0</v>
      </c>
      <c r="KO28" s="343">
        <v>0</v>
      </c>
      <c r="KP28" s="344">
        <v>0</v>
      </c>
      <c r="KQ28" s="413">
        <v>0</v>
      </c>
      <c r="KR28" s="345">
        <v>9411878</v>
      </c>
      <c r="KS28" s="345">
        <v>5404106</v>
      </c>
      <c r="KT28" s="345">
        <v>6392841</v>
      </c>
      <c r="KU28" s="345">
        <v>5448119</v>
      </c>
      <c r="KV28" s="345">
        <v>2855565</v>
      </c>
      <c r="KW28" s="349">
        <v>29512509</v>
      </c>
      <c r="KX28" s="347">
        <v>29512509</v>
      </c>
      <c r="KY28" s="348">
        <v>0</v>
      </c>
      <c r="KZ28" s="345">
        <v>0</v>
      </c>
      <c r="LA28" s="349">
        <v>0</v>
      </c>
      <c r="LB28" s="413">
        <v>0</v>
      </c>
      <c r="LC28" s="345">
        <v>0</v>
      </c>
      <c r="LD28" s="345">
        <v>0</v>
      </c>
      <c r="LE28" s="345">
        <v>0</v>
      </c>
      <c r="LF28" s="345">
        <v>0</v>
      </c>
      <c r="LG28" s="345">
        <v>0</v>
      </c>
      <c r="LH28" s="349">
        <v>0</v>
      </c>
      <c r="LI28" s="350">
        <v>0</v>
      </c>
      <c r="LJ28" s="348">
        <v>0</v>
      </c>
      <c r="LK28" s="345">
        <v>0</v>
      </c>
      <c r="LL28" s="349">
        <v>0</v>
      </c>
      <c r="LM28" s="413">
        <v>0</v>
      </c>
      <c r="LN28" s="345">
        <v>0</v>
      </c>
      <c r="LO28" s="345">
        <v>0</v>
      </c>
      <c r="LP28" s="345">
        <v>0</v>
      </c>
      <c r="LQ28" s="345">
        <v>0</v>
      </c>
      <c r="LR28" s="345">
        <v>0</v>
      </c>
      <c r="LS28" s="349">
        <v>0</v>
      </c>
      <c r="LT28" s="347">
        <v>0</v>
      </c>
      <c r="LU28" s="348">
        <v>0</v>
      </c>
      <c r="LV28" s="345">
        <v>0</v>
      </c>
      <c r="LW28" s="349">
        <v>0</v>
      </c>
      <c r="LX28" s="413">
        <v>0</v>
      </c>
      <c r="LY28" s="345">
        <v>0</v>
      </c>
      <c r="LZ28" s="345">
        <v>74019</v>
      </c>
      <c r="MA28" s="345">
        <v>2283920</v>
      </c>
      <c r="MB28" s="345">
        <v>2244760</v>
      </c>
      <c r="MC28" s="345">
        <v>869862</v>
      </c>
      <c r="MD28" s="349">
        <v>5472561</v>
      </c>
      <c r="ME28" s="350">
        <v>5472561</v>
      </c>
      <c r="MF28" s="348">
        <v>0</v>
      </c>
      <c r="MG28" s="345">
        <v>0</v>
      </c>
      <c r="MH28" s="349">
        <v>0</v>
      </c>
      <c r="MI28" s="413">
        <v>0</v>
      </c>
      <c r="MJ28" s="345">
        <v>7058029</v>
      </c>
      <c r="MK28" s="345">
        <v>11680373</v>
      </c>
      <c r="ML28" s="345">
        <v>36181609</v>
      </c>
      <c r="MM28" s="345">
        <v>64056689</v>
      </c>
      <c r="MN28" s="345">
        <v>41620918</v>
      </c>
      <c r="MO28" s="349">
        <v>160597618</v>
      </c>
      <c r="MP28" s="354">
        <v>160597618</v>
      </c>
      <c r="MQ28" s="348">
        <v>0</v>
      </c>
      <c r="MR28" s="345">
        <v>0</v>
      </c>
      <c r="MS28" s="349">
        <v>0</v>
      </c>
      <c r="MT28" s="413">
        <v>0</v>
      </c>
      <c r="MU28" s="345">
        <v>817608</v>
      </c>
      <c r="MV28" s="345">
        <v>2983209</v>
      </c>
      <c r="MW28" s="345">
        <v>24124389</v>
      </c>
      <c r="MX28" s="345">
        <v>43823978</v>
      </c>
      <c r="MY28" s="345">
        <v>26845869</v>
      </c>
      <c r="MZ28" s="349">
        <v>98595053</v>
      </c>
      <c r="NA28" s="354">
        <v>98595053</v>
      </c>
      <c r="NB28" s="348">
        <v>0</v>
      </c>
      <c r="NC28" s="345">
        <v>0</v>
      </c>
      <c r="ND28" s="349">
        <v>0</v>
      </c>
      <c r="NE28" s="413">
        <v>0</v>
      </c>
      <c r="NF28" s="345">
        <v>6240421</v>
      </c>
      <c r="NG28" s="345">
        <v>8697164</v>
      </c>
      <c r="NH28" s="345">
        <v>12057220</v>
      </c>
      <c r="NI28" s="345">
        <v>18644795</v>
      </c>
      <c r="NJ28" s="345">
        <v>10670257</v>
      </c>
      <c r="NK28" s="349">
        <v>56309857</v>
      </c>
      <c r="NL28" s="347">
        <v>56309857</v>
      </c>
      <c r="NM28" s="348">
        <v>0</v>
      </c>
      <c r="NN28" s="345">
        <v>0</v>
      </c>
      <c r="NO28" s="349">
        <v>0</v>
      </c>
      <c r="NP28" s="413">
        <v>0</v>
      </c>
      <c r="NQ28" s="345">
        <v>0</v>
      </c>
      <c r="NR28" s="345">
        <v>0</v>
      </c>
      <c r="NS28" s="345">
        <v>0</v>
      </c>
      <c r="NT28" s="345">
        <v>0</v>
      </c>
      <c r="NU28" s="345">
        <v>0</v>
      </c>
      <c r="NV28" s="349">
        <v>0</v>
      </c>
      <c r="NW28" s="350">
        <v>0</v>
      </c>
      <c r="NX28" s="348">
        <v>0</v>
      </c>
      <c r="NY28" s="345">
        <v>0</v>
      </c>
      <c r="NZ28" s="349">
        <v>0</v>
      </c>
      <c r="OA28" s="413">
        <v>0</v>
      </c>
      <c r="OB28" s="345">
        <v>0</v>
      </c>
      <c r="OC28" s="345">
        <v>0</v>
      </c>
      <c r="OD28" s="345">
        <v>0</v>
      </c>
      <c r="OE28" s="345">
        <v>1587916</v>
      </c>
      <c r="OF28" s="345">
        <v>4104792</v>
      </c>
      <c r="OG28" s="349">
        <v>5692708</v>
      </c>
      <c r="OH28" s="350">
        <v>5692708</v>
      </c>
      <c r="OI28" s="348">
        <v>4047845</v>
      </c>
      <c r="OJ28" s="345">
        <v>7542584</v>
      </c>
      <c r="OK28" s="346">
        <v>11590429</v>
      </c>
      <c r="OL28" s="351">
        <v>0</v>
      </c>
      <c r="OM28" s="345">
        <v>73746855</v>
      </c>
      <c r="ON28" s="345">
        <v>88145241</v>
      </c>
      <c r="OO28" s="345">
        <v>100644882</v>
      </c>
      <c r="OP28" s="345">
        <v>127246406</v>
      </c>
      <c r="OQ28" s="345">
        <v>81798380</v>
      </c>
      <c r="OR28" s="349">
        <v>471581764</v>
      </c>
      <c r="OS28" s="354">
        <v>483172193</v>
      </c>
    </row>
    <row r="29" spans="2:409" s="70" customFormat="1" ht="21" customHeight="1" x14ac:dyDescent="0.2">
      <c r="B29" s="410" t="s">
        <v>24</v>
      </c>
      <c r="C29" s="326">
        <v>2972706</v>
      </c>
      <c r="D29" s="327">
        <v>4089002</v>
      </c>
      <c r="E29" s="328">
        <v>7061708</v>
      </c>
      <c r="F29" s="329">
        <v>0</v>
      </c>
      <c r="G29" s="327">
        <v>29212973</v>
      </c>
      <c r="H29" s="327">
        <v>28908286</v>
      </c>
      <c r="I29" s="327">
        <v>28065548</v>
      </c>
      <c r="J29" s="327">
        <v>28418689</v>
      </c>
      <c r="K29" s="327">
        <v>22221691</v>
      </c>
      <c r="L29" s="367">
        <v>136827187</v>
      </c>
      <c r="M29" s="330">
        <v>143888895</v>
      </c>
      <c r="N29" s="326">
        <v>613926</v>
      </c>
      <c r="O29" s="327">
        <v>1016052</v>
      </c>
      <c r="P29" s="328">
        <v>1629978</v>
      </c>
      <c r="Q29" s="326">
        <v>0</v>
      </c>
      <c r="R29" s="327">
        <v>6050555</v>
      </c>
      <c r="S29" s="327">
        <v>7595745</v>
      </c>
      <c r="T29" s="327">
        <v>9451642</v>
      </c>
      <c r="U29" s="327">
        <v>10570071</v>
      </c>
      <c r="V29" s="327">
        <v>10590829</v>
      </c>
      <c r="W29" s="328">
        <v>44258842</v>
      </c>
      <c r="X29" s="330">
        <v>45888820</v>
      </c>
      <c r="Y29" s="326">
        <v>0</v>
      </c>
      <c r="Z29" s="327">
        <v>0</v>
      </c>
      <c r="AA29" s="328">
        <v>0</v>
      </c>
      <c r="AB29" s="326">
        <v>0</v>
      </c>
      <c r="AC29" s="327">
        <v>2268692</v>
      </c>
      <c r="AD29" s="327">
        <v>3147399</v>
      </c>
      <c r="AE29" s="327">
        <v>4661924</v>
      </c>
      <c r="AF29" s="327">
        <v>6399312</v>
      </c>
      <c r="AG29" s="327">
        <v>5576941</v>
      </c>
      <c r="AH29" s="328">
        <v>22054268</v>
      </c>
      <c r="AI29" s="330">
        <v>22054268</v>
      </c>
      <c r="AJ29" s="326">
        <v>0</v>
      </c>
      <c r="AK29" s="327">
        <v>0</v>
      </c>
      <c r="AL29" s="328">
        <v>0</v>
      </c>
      <c r="AM29" s="326">
        <v>0</v>
      </c>
      <c r="AN29" s="327">
        <v>0</v>
      </c>
      <c r="AO29" s="327">
        <v>121606</v>
      </c>
      <c r="AP29" s="327">
        <v>316094</v>
      </c>
      <c r="AQ29" s="327">
        <v>354261</v>
      </c>
      <c r="AR29" s="327">
        <v>1669814</v>
      </c>
      <c r="AS29" s="328">
        <v>2461775</v>
      </c>
      <c r="AT29" s="330">
        <v>2461775</v>
      </c>
      <c r="AU29" s="326">
        <v>307693</v>
      </c>
      <c r="AV29" s="327">
        <v>818359</v>
      </c>
      <c r="AW29" s="328">
        <v>1126052</v>
      </c>
      <c r="AX29" s="326">
        <v>0</v>
      </c>
      <c r="AY29" s="327">
        <v>2509280</v>
      </c>
      <c r="AZ29" s="327">
        <v>2954097</v>
      </c>
      <c r="BA29" s="327">
        <v>2973708</v>
      </c>
      <c r="BB29" s="327">
        <v>2256513</v>
      </c>
      <c r="BC29" s="327">
        <v>2085937</v>
      </c>
      <c r="BD29" s="328">
        <v>12779535</v>
      </c>
      <c r="BE29" s="330">
        <v>13905587</v>
      </c>
      <c r="BF29" s="326">
        <v>17498</v>
      </c>
      <c r="BG29" s="327">
        <v>23332</v>
      </c>
      <c r="BH29" s="331">
        <v>40830</v>
      </c>
      <c r="BI29" s="332">
        <v>0</v>
      </c>
      <c r="BJ29" s="327">
        <v>110805</v>
      </c>
      <c r="BK29" s="327">
        <v>153181</v>
      </c>
      <c r="BL29" s="327">
        <v>135939</v>
      </c>
      <c r="BM29" s="327">
        <v>127292</v>
      </c>
      <c r="BN29" s="327">
        <v>113082</v>
      </c>
      <c r="BO29" s="328">
        <v>640299</v>
      </c>
      <c r="BP29" s="330">
        <v>681129</v>
      </c>
      <c r="BQ29" s="326">
        <v>288735</v>
      </c>
      <c r="BR29" s="327">
        <v>174361</v>
      </c>
      <c r="BS29" s="328">
        <v>463096</v>
      </c>
      <c r="BT29" s="326">
        <v>0</v>
      </c>
      <c r="BU29" s="327">
        <v>1161778</v>
      </c>
      <c r="BV29" s="327">
        <v>1219462</v>
      </c>
      <c r="BW29" s="327">
        <v>1363977</v>
      </c>
      <c r="BX29" s="327">
        <v>1432693</v>
      </c>
      <c r="BY29" s="327">
        <v>1145055</v>
      </c>
      <c r="BZ29" s="328">
        <v>6322965</v>
      </c>
      <c r="CA29" s="330">
        <v>6786061</v>
      </c>
      <c r="CB29" s="326">
        <v>246295</v>
      </c>
      <c r="CC29" s="327">
        <v>728922</v>
      </c>
      <c r="CD29" s="328">
        <v>975217</v>
      </c>
      <c r="CE29" s="326">
        <v>0</v>
      </c>
      <c r="CF29" s="327">
        <v>9100149</v>
      </c>
      <c r="CG29" s="327">
        <v>8542605</v>
      </c>
      <c r="CH29" s="327">
        <v>5748233</v>
      </c>
      <c r="CI29" s="327">
        <v>3756437</v>
      </c>
      <c r="CJ29" s="327">
        <v>2258105</v>
      </c>
      <c r="CK29" s="328">
        <v>29405529</v>
      </c>
      <c r="CL29" s="330">
        <v>30380746</v>
      </c>
      <c r="CM29" s="326">
        <v>0</v>
      </c>
      <c r="CN29" s="327">
        <v>0</v>
      </c>
      <c r="CO29" s="328">
        <v>0</v>
      </c>
      <c r="CP29" s="332">
        <v>0</v>
      </c>
      <c r="CQ29" s="327">
        <v>6386198</v>
      </c>
      <c r="CR29" s="327">
        <v>6253894</v>
      </c>
      <c r="CS29" s="327">
        <v>3697675</v>
      </c>
      <c r="CT29" s="327">
        <v>2534792</v>
      </c>
      <c r="CU29" s="327">
        <v>1077872</v>
      </c>
      <c r="CV29" s="328">
        <v>19950431</v>
      </c>
      <c r="CW29" s="330">
        <v>19950431</v>
      </c>
      <c r="CX29" s="326">
        <v>246295</v>
      </c>
      <c r="CY29" s="327">
        <v>728922</v>
      </c>
      <c r="CZ29" s="328">
        <v>975217</v>
      </c>
      <c r="DA29" s="326">
        <v>0</v>
      </c>
      <c r="DB29" s="327">
        <v>2713951</v>
      </c>
      <c r="DC29" s="327">
        <v>2288711</v>
      </c>
      <c r="DD29" s="327">
        <v>2050558</v>
      </c>
      <c r="DE29" s="327">
        <v>1221645</v>
      </c>
      <c r="DF29" s="327">
        <v>1180233</v>
      </c>
      <c r="DG29" s="328">
        <v>9455098</v>
      </c>
      <c r="DH29" s="330">
        <v>10430315</v>
      </c>
      <c r="DI29" s="326">
        <v>65628</v>
      </c>
      <c r="DJ29" s="327">
        <v>104794</v>
      </c>
      <c r="DK29" s="331">
        <v>170422</v>
      </c>
      <c r="DL29" s="332">
        <v>0</v>
      </c>
      <c r="DM29" s="327">
        <v>1174310</v>
      </c>
      <c r="DN29" s="327">
        <v>1814512</v>
      </c>
      <c r="DO29" s="327">
        <v>2091200</v>
      </c>
      <c r="DP29" s="327">
        <v>2081727</v>
      </c>
      <c r="DQ29" s="327">
        <v>1315537</v>
      </c>
      <c r="DR29" s="328">
        <v>8477286</v>
      </c>
      <c r="DS29" s="330">
        <v>8647708</v>
      </c>
      <c r="DT29" s="326">
        <v>65628</v>
      </c>
      <c r="DU29" s="327">
        <v>104794</v>
      </c>
      <c r="DV29" s="328">
        <v>170422</v>
      </c>
      <c r="DW29" s="326">
        <v>0</v>
      </c>
      <c r="DX29" s="327">
        <v>1110271</v>
      </c>
      <c r="DY29" s="327">
        <v>1814512</v>
      </c>
      <c r="DZ29" s="327">
        <v>1842978</v>
      </c>
      <c r="EA29" s="327">
        <v>2013909</v>
      </c>
      <c r="EB29" s="327">
        <v>1080305</v>
      </c>
      <c r="EC29" s="328">
        <v>7861975</v>
      </c>
      <c r="ED29" s="330">
        <v>8032397</v>
      </c>
      <c r="EE29" s="326">
        <v>0</v>
      </c>
      <c r="EF29" s="331">
        <v>0</v>
      </c>
      <c r="EG29" s="328">
        <v>0</v>
      </c>
      <c r="EH29" s="326">
        <v>0</v>
      </c>
      <c r="EI29" s="327">
        <v>64039</v>
      </c>
      <c r="EJ29" s="327">
        <v>0</v>
      </c>
      <c r="EK29" s="327">
        <v>248222</v>
      </c>
      <c r="EL29" s="327">
        <v>67818</v>
      </c>
      <c r="EM29" s="327">
        <v>235232</v>
      </c>
      <c r="EN29" s="331">
        <v>615311</v>
      </c>
      <c r="EO29" s="330">
        <v>615311</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758859</v>
      </c>
      <c r="FM29" s="327">
        <v>956847</v>
      </c>
      <c r="FN29" s="328">
        <v>1715706</v>
      </c>
      <c r="FO29" s="326">
        <v>0</v>
      </c>
      <c r="FP29" s="327">
        <v>1767522</v>
      </c>
      <c r="FQ29" s="327">
        <v>2509113</v>
      </c>
      <c r="FR29" s="327">
        <v>2243516</v>
      </c>
      <c r="FS29" s="327">
        <v>1754500</v>
      </c>
      <c r="FT29" s="327">
        <v>1423188</v>
      </c>
      <c r="FU29" s="328">
        <v>9697839</v>
      </c>
      <c r="FV29" s="330">
        <v>11413545</v>
      </c>
      <c r="FW29" s="333">
        <v>359162</v>
      </c>
      <c r="FX29" s="327">
        <v>522695</v>
      </c>
      <c r="FY29" s="331">
        <v>881857</v>
      </c>
      <c r="FZ29" s="332">
        <v>0</v>
      </c>
      <c r="GA29" s="327">
        <v>1084026</v>
      </c>
      <c r="GB29" s="327">
        <v>2027613</v>
      </c>
      <c r="GC29" s="327">
        <v>1918189</v>
      </c>
      <c r="GD29" s="327">
        <v>1536463</v>
      </c>
      <c r="GE29" s="327">
        <v>1328268</v>
      </c>
      <c r="GF29" s="328">
        <v>7894559</v>
      </c>
      <c r="GG29" s="334">
        <v>8776416</v>
      </c>
      <c r="GH29" s="333">
        <v>71667</v>
      </c>
      <c r="GI29" s="327">
        <v>65252</v>
      </c>
      <c r="GJ29" s="331">
        <v>136919</v>
      </c>
      <c r="GK29" s="332">
        <v>0</v>
      </c>
      <c r="GL29" s="327">
        <v>66074</v>
      </c>
      <c r="GM29" s="327">
        <v>0</v>
      </c>
      <c r="GN29" s="327">
        <v>47047</v>
      </c>
      <c r="GO29" s="327">
        <v>49737</v>
      </c>
      <c r="GP29" s="327">
        <v>12320</v>
      </c>
      <c r="GQ29" s="328">
        <v>175178</v>
      </c>
      <c r="GR29" s="330">
        <v>312097</v>
      </c>
      <c r="GS29" s="326">
        <v>328030</v>
      </c>
      <c r="GT29" s="327">
        <v>368900</v>
      </c>
      <c r="GU29" s="328">
        <v>696930</v>
      </c>
      <c r="GV29" s="326">
        <v>0</v>
      </c>
      <c r="GW29" s="327">
        <v>617422</v>
      </c>
      <c r="GX29" s="327">
        <v>481500</v>
      </c>
      <c r="GY29" s="327">
        <v>278280</v>
      </c>
      <c r="GZ29" s="327">
        <v>168300</v>
      </c>
      <c r="HA29" s="327">
        <v>82600</v>
      </c>
      <c r="HB29" s="331">
        <v>1628102</v>
      </c>
      <c r="HC29" s="330">
        <v>2325032</v>
      </c>
      <c r="HD29" s="326">
        <v>823144</v>
      </c>
      <c r="HE29" s="327">
        <v>677772</v>
      </c>
      <c r="HF29" s="331">
        <v>1500916</v>
      </c>
      <c r="HG29" s="332">
        <v>0</v>
      </c>
      <c r="HH29" s="327">
        <v>6971783</v>
      </c>
      <c r="HI29" s="327">
        <v>5524503</v>
      </c>
      <c r="HJ29" s="327">
        <v>6005019</v>
      </c>
      <c r="HK29" s="327">
        <v>8609638</v>
      </c>
      <c r="HL29" s="327">
        <v>5561690</v>
      </c>
      <c r="HM29" s="328">
        <v>32672633</v>
      </c>
      <c r="HN29" s="329">
        <v>34173549</v>
      </c>
      <c r="HO29" s="333">
        <v>464854</v>
      </c>
      <c r="HP29" s="327">
        <v>604615</v>
      </c>
      <c r="HQ29" s="328">
        <v>1069469</v>
      </c>
      <c r="HR29" s="326">
        <v>0</v>
      </c>
      <c r="HS29" s="327">
        <v>4148654</v>
      </c>
      <c r="HT29" s="327">
        <v>2921808</v>
      </c>
      <c r="HU29" s="327">
        <v>2525938</v>
      </c>
      <c r="HV29" s="327">
        <v>1646316</v>
      </c>
      <c r="HW29" s="327">
        <v>1072342</v>
      </c>
      <c r="HX29" s="331">
        <v>12315058</v>
      </c>
      <c r="HY29" s="330">
        <v>13384527</v>
      </c>
      <c r="HZ29" s="335">
        <v>247832</v>
      </c>
      <c r="IA29" s="336">
        <v>259334</v>
      </c>
      <c r="IB29" s="337">
        <v>507166</v>
      </c>
      <c r="IC29" s="338">
        <v>0</v>
      </c>
      <c r="ID29" s="336">
        <v>3603016</v>
      </c>
      <c r="IE29" s="339">
        <v>5182737</v>
      </c>
      <c r="IF29" s="337">
        <v>4737077</v>
      </c>
      <c r="IG29" s="336">
        <v>3460147</v>
      </c>
      <c r="IH29" s="337">
        <v>1143143</v>
      </c>
      <c r="II29" s="340">
        <v>18126120</v>
      </c>
      <c r="IJ29" s="341">
        <v>18633286</v>
      </c>
      <c r="IK29" s="342">
        <v>0</v>
      </c>
      <c r="IL29" s="343">
        <v>0</v>
      </c>
      <c r="IM29" s="344">
        <v>0</v>
      </c>
      <c r="IN29" s="404">
        <v>0</v>
      </c>
      <c r="IO29" s="345">
        <v>114520</v>
      </c>
      <c r="IP29" s="345">
        <v>0</v>
      </c>
      <c r="IQ29" s="345">
        <v>367093</v>
      </c>
      <c r="IR29" s="345">
        <v>853766</v>
      </c>
      <c r="IS29" s="345">
        <v>287224</v>
      </c>
      <c r="IT29" s="346">
        <v>1622603</v>
      </c>
      <c r="IU29" s="347">
        <v>1622603</v>
      </c>
      <c r="IV29" s="348">
        <v>0</v>
      </c>
      <c r="IW29" s="345">
        <v>0</v>
      </c>
      <c r="IX29" s="349">
        <v>0</v>
      </c>
      <c r="IY29" s="413">
        <v>0</v>
      </c>
      <c r="IZ29" s="345">
        <v>0</v>
      </c>
      <c r="JA29" s="345">
        <v>0</v>
      </c>
      <c r="JB29" s="345">
        <v>0</v>
      </c>
      <c r="JC29" s="345">
        <v>0</v>
      </c>
      <c r="JD29" s="345">
        <v>0</v>
      </c>
      <c r="JE29" s="349">
        <v>0</v>
      </c>
      <c r="JF29" s="350">
        <v>0</v>
      </c>
      <c r="JG29" s="348">
        <v>0</v>
      </c>
      <c r="JH29" s="345">
        <v>0</v>
      </c>
      <c r="JI29" s="346">
        <v>0</v>
      </c>
      <c r="JJ29" s="351">
        <v>0</v>
      </c>
      <c r="JK29" s="345">
        <v>1194014</v>
      </c>
      <c r="JL29" s="345">
        <v>781140</v>
      </c>
      <c r="JM29" s="345">
        <v>1734166</v>
      </c>
      <c r="JN29" s="345">
        <v>410220</v>
      </c>
      <c r="JO29" s="345">
        <v>276657</v>
      </c>
      <c r="JP29" s="349">
        <v>4396197</v>
      </c>
      <c r="JQ29" s="347">
        <v>4396197</v>
      </c>
      <c r="JR29" s="348">
        <v>0</v>
      </c>
      <c r="JS29" s="345">
        <v>0</v>
      </c>
      <c r="JT29" s="346">
        <v>0</v>
      </c>
      <c r="JU29" s="351">
        <v>0</v>
      </c>
      <c r="JV29" s="345">
        <v>581193</v>
      </c>
      <c r="JW29" s="345">
        <v>431620</v>
      </c>
      <c r="JX29" s="345">
        <v>276348</v>
      </c>
      <c r="JY29" s="345">
        <v>330159</v>
      </c>
      <c r="JZ29" s="345">
        <v>74052</v>
      </c>
      <c r="KA29" s="349">
        <v>1693372</v>
      </c>
      <c r="KB29" s="347">
        <v>1693372</v>
      </c>
      <c r="KC29" s="352">
        <v>247832</v>
      </c>
      <c r="KD29" s="353">
        <v>259334</v>
      </c>
      <c r="KE29" s="349">
        <v>507166</v>
      </c>
      <c r="KF29" s="351">
        <v>0</v>
      </c>
      <c r="KG29" s="345">
        <v>1460690</v>
      </c>
      <c r="KH29" s="345">
        <v>2459035</v>
      </c>
      <c r="KI29" s="345">
        <v>811175</v>
      </c>
      <c r="KJ29" s="345">
        <v>819493</v>
      </c>
      <c r="KK29" s="345">
        <v>0</v>
      </c>
      <c r="KL29" s="349">
        <v>5550393</v>
      </c>
      <c r="KM29" s="354">
        <v>6057559</v>
      </c>
      <c r="KN29" s="342">
        <v>0</v>
      </c>
      <c r="KO29" s="343">
        <v>0</v>
      </c>
      <c r="KP29" s="344">
        <v>0</v>
      </c>
      <c r="KQ29" s="413">
        <v>0</v>
      </c>
      <c r="KR29" s="345">
        <v>252599</v>
      </c>
      <c r="KS29" s="345">
        <v>1510942</v>
      </c>
      <c r="KT29" s="345">
        <v>1548295</v>
      </c>
      <c r="KU29" s="345">
        <v>1046509</v>
      </c>
      <c r="KV29" s="345">
        <v>505210</v>
      </c>
      <c r="KW29" s="349">
        <v>4863555</v>
      </c>
      <c r="KX29" s="347">
        <v>4863555</v>
      </c>
      <c r="KY29" s="348">
        <v>0</v>
      </c>
      <c r="KZ29" s="345">
        <v>0</v>
      </c>
      <c r="LA29" s="349">
        <v>0</v>
      </c>
      <c r="LB29" s="413">
        <v>0</v>
      </c>
      <c r="LC29" s="345">
        <v>0</v>
      </c>
      <c r="LD29" s="345">
        <v>0</v>
      </c>
      <c r="LE29" s="345">
        <v>0</v>
      </c>
      <c r="LF29" s="345">
        <v>0</v>
      </c>
      <c r="LG29" s="345">
        <v>0</v>
      </c>
      <c r="LH29" s="349">
        <v>0</v>
      </c>
      <c r="LI29" s="350">
        <v>0</v>
      </c>
      <c r="LJ29" s="348">
        <v>0</v>
      </c>
      <c r="LK29" s="345">
        <v>0</v>
      </c>
      <c r="LL29" s="349">
        <v>0</v>
      </c>
      <c r="LM29" s="413">
        <v>0</v>
      </c>
      <c r="LN29" s="345">
        <v>0</v>
      </c>
      <c r="LO29" s="345">
        <v>0</v>
      </c>
      <c r="LP29" s="345">
        <v>0</v>
      </c>
      <c r="LQ29" s="345">
        <v>0</v>
      </c>
      <c r="LR29" s="345">
        <v>0</v>
      </c>
      <c r="LS29" s="349">
        <v>0</v>
      </c>
      <c r="LT29" s="347">
        <v>0</v>
      </c>
      <c r="LU29" s="348">
        <v>0</v>
      </c>
      <c r="LV29" s="345">
        <v>0</v>
      </c>
      <c r="LW29" s="349">
        <v>0</v>
      </c>
      <c r="LX29" s="413">
        <v>0</v>
      </c>
      <c r="LY29" s="345">
        <v>0</v>
      </c>
      <c r="LZ29" s="345">
        <v>0</v>
      </c>
      <c r="MA29" s="345">
        <v>0</v>
      </c>
      <c r="MB29" s="345">
        <v>0</v>
      </c>
      <c r="MC29" s="345">
        <v>0</v>
      </c>
      <c r="MD29" s="349">
        <v>0</v>
      </c>
      <c r="ME29" s="350">
        <v>0</v>
      </c>
      <c r="MF29" s="348">
        <v>0</v>
      </c>
      <c r="MG29" s="345">
        <v>0</v>
      </c>
      <c r="MH29" s="349">
        <v>0</v>
      </c>
      <c r="MI29" s="413">
        <v>0</v>
      </c>
      <c r="MJ29" s="345">
        <v>2644872</v>
      </c>
      <c r="MK29" s="345">
        <v>3869553</v>
      </c>
      <c r="ML29" s="345">
        <v>14074902</v>
      </c>
      <c r="MM29" s="345">
        <v>36497392</v>
      </c>
      <c r="MN29" s="345">
        <v>20587402</v>
      </c>
      <c r="MO29" s="349">
        <v>77674121</v>
      </c>
      <c r="MP29" s="354">
        <v>77674121</v>
      </c>
      <c r="MQ29" s="348">
        <v>0</v>
      </c>
      <c r="MR29" s="345">
        <v>0</v>
      </c>
      <c r="MS29" s="349">
        <v>0</v>
      </c>
      <c r="MT29" s="413">
        <v>0</v>
      </c>
      <c r="MU29" s="345">
        <v>253076</v>
      </c>
      <c r="MV29" s="345">
        <v>280138</v>
      </c>
      <c r="MW29" s="345">
        <v>8012432</v>
      </c>
      <c r="MX29" s="345">
        <v>26380910</v>
      </c>
      <c r="MY29" s="345">
        <v>16974623</v>
      </c>
      <c r="MZ29" s="349">
        <v>51901179</v>
      </c>
      <c r="NA29" s="354">
        <v>51901179</v>
      </c>
      <c r="NB29" s="348">
        <v>0</v>
      </c>
      <c r="NC29" s="345">
        <v>0</v>
      </c>
      <c r="ND29" s="349">
        <v>0</v>
      </c>
      <c r="NE29" s="413">
        <v>0</v>
      </c>
      <c r="NF29" s="345">
        <v>2391796</v>
      </c>
      <c r="NG29" s="345">
        <v>3589415</v>
      </c>
      <c r="NH29" s="345">
        <v>6062470</v>
      </c>
      <c r="NI29" s="345">
        <v>10116482</v>
      </c>
      <c r="NJ29" s="345">
        <v>3175805</v>
      </c>
      <c r="NK29" s="349">
        <v>25335968</v>
      </c>
      <c r="NL29" s="347">
        <v>25335968</v>
      </c>
      <c r="NM29" s="348">
        <v>0</v>
      </c>
      <c r="NN29" s="345">
        <v>0</v>
      </c>
      <c r="NO29" s="349">
        <v>0</v>
      </c>
      <c r="NP29" s="413">
        <v>0</v>
      </c>
      <c r="NQ29" s="345">
        <v>0</v>
      </c>
      <c r="NR29" s="345">
        <v>0</v>
      </c>
      <c r="NS29" s="345">
        <v>0</v>
      </c>
      <c r="NT29" s="345">
        <v>0</v>
      </c>
      <c r="NU29" s="345">
        <v>0</v>
      </c>
      <c r="NV29" s="349">
        <v>0</v>
      </c>
      <c r="NW29" s="350">
        <v>0</v>
      </c>
      <c r="NX29" s="348">
        <v>0</v>
      </c>
      <c r="NY29" s="345">
        <v>0</v>
      </c>
      <c r="NZ29" s="349">
        <v>0</v>
      </c>
      <c r="OA29" s="413">
        <v>0</v>
      </c>
      <c r="OB29" s="345">
        <v>0</v>
      </c>
      <c r="OC29" s="345">
        <v>0</v>
      </c>
      <c r="OD29" s="345">
        <v>0</v>
      </c>
      <c r="OE29" s="345">
        <v>0</v>
      </c>
      <c r="OF29" s="345">
        <v>436974</v>
      </c>
      <c r="OG29" s="349">
        <v>436974</v>
      </c>
      <c r="OH29" s="350">
        <v>436974</v>
      </c>
      <c r="OI29" s="348">
        <v>3220538</v>
      </c>
      <c r="OJ29" s="345">
        <v>4348336</v>
      </c>
      <c r="OK29" s="346">
        <v>7568874</v>
      </c>
      <c r="OL29" s="351">
        <v>0</v>
      </c>
      <c r="OM29" s="345">
        <v>35460861</v>
      </c>
      <c r="ON29" s="345">
        <v>37960576</v>
      </c>
      <c r="OO29" s="345">
        <v>46877527</v>
      </c>
      <c r="OP29" s="345">
        <v>68376228</v>
      </c>
      <c r="OQ29" s="345">
        <v>43952236</v>
      </c>
      <c r="OR29" s="349">
        <v>232627428</v>
      </c>
      <c r="OS29" s="354">
        <v>240196302</v>
      </c>
    </row>
    <row r="30" spans="2:409" s="70" customFormat="1" ht="21" customHeight="1" x14ac:dyDescent="0.2">
      <c r="B30" s="410" t="s">
        <v>25</v>
      </c>
      <c r="C30" s="326">
        <v>2119854</v>
      </c>
      <c r="D30" s="327">
        <v>5033308</v>
      </c>
      <c r="E30" s="328">
        <v>7153162</v>
      </c>
      <c r="F30" s="329">
        <v>0</v>
      </c>
      <c r="G30" s="327">
        <v>31575757</v>
      </c>
      <c r="H30" s="327">
        <v>36286780</v>
      </c>
      <c r="I30" s="327">
        <v>24235909</v>
      </c>
      <c r="J30" s="327">
        <v>29542189</v>
      </c>
      <c r="K30" s="327">
        <v>17633921</v>
      </c>
      <c r="L30" s="367">
        <v>139274556</v>
      </c>
      <c r="M30" s="330">
        <v>146427718</v>
      </c>
      <c r="N30" s="326">
        <v>734033</v>
      </c>
      <c r="O30" s="327">
        <v>1687473</v>
      </c>
      <c r="P30" s="328">
        <v>2421506</v>
      </c>
      <c r="Q30" s="326">
        <v>0</v>
      </c>
      <c r="R30" s="327">
        <v>8981253</v>
      </c>
      <c r="S30" s="327">
        <v>11687702</v>
      </c>
      <c r="T30" s="327">
        <v>8682561</v>
      </c>
      <c r="U30" s="327">
        <v>12658790</v>
      </c>
      <c r="V30" s="327">
        <v>9901998</v>
      </c>
      <c r="W30" s="328">
        <v>51912304</v>
      </c>
      <c r="X30" s="330">
        <v>54333810</v>
      </c>
      <c r="Y30" s="326">
        <v>0</v>
      </c>
      <c r="Z30" s="327">
        <v>0</v>
      </c>
      <c r="AA30" s="328">
        <v>0</v>
      </c>
      <c r="AB30" s="326">
        <v>0</v>
      </c>
      <c r="AC30" s="327">
        <v>4786208</v>
      </c>
      <c r="AD30" s="327">
        <v>5563226</v>
      </c>
      <c r="AE30" s="327">
        <v>5023880</v>
      </c>
      <c r="AF30" s="327">
        <v>8198055</v>
      </c>
      <c r="AG30" s="327">
        <v>6190373</v>
      </c>
      <c r="AH30" s="328">
        <v>29761742</v>
      </c>
      <c r="AI30" s="330">
        <v>29761742</v>
      </c>
      <c r="AJ30" s="326">
        <v>0</v>
      </c>
      <c r="AK30" s="327">
        <v>0</v>
      </c>
      <c r="AL30" s="328">
        <v>0</v>
      </c>
      <c r="AM30" s="326">
        <v>0</v>
      </c>
      <c r="AN30" s="327">
        <v>164364</v>
      </c>
      <c r="AO30" s="327">
        <v>470223</v>
      </c>
      <c r="AP30" s="327">
        <v>749170</v>
      </c>
      <c r="AQ30" s="327">
        <v>1019968</v>
      </c>
      <c r="AR30" s="327">
        <v>1188592</v>
      </c>
      <c r="AS30" s="328">
        <v>3592317</v>
      </c>
      <c r="AT30" s="330">
        <v>3592317</v>
      </c>
      <c r="AU30" s="326">
        <v>601301</v>
      </c>
      <c r="AV30" s="327">
        <v>1441108</v>
      </c>
      <c r="AW30" s="328">
        <v>2042409</v>
      </c>
      <c r="AX30" s="326">
        <v>0</v>
      </c>
      <c r="AY30" s="327">
        <v>3113322</v>
      </c>
      <c r="AZ30" s="327">
        <v>4128710</v>
      </c>
      <c r="BA30" s="327">
        <v>1839448</v>
      </c>
      <c r="BB30" s="327">
        <v>2143990</v>
      </c>
      <c r="BC30" s="327">
        <v>1610681</v>
      </c>
      <c r="BD30" s="328">
        <v>12836151</v>
      </c>
      <c r="BE30" s="330">
        <v>14878560</v>
      </c>
      <c r="BF30" s="326">
        <v>46182</v>
      </c>
      <c r="BG30" s="327">
        <v>89848</v>
      </c>
      <c r="BH30" s="331">
        <v>136030</v>
      </c>
      <c r="BI30" s="332">
        <v>0</v>
      </c>
      <c r="BJ30" s="327">
        <v>0</v>
      </c>
      <c r="BK30" s="327">
        <v>541977</v>
      </c>
      <c r="BL30" s="327">
        <v>159750</v>
      </c>
      <c r="BM30" s="327">
        <v>174192</v>
      </c>
      <c r="BN30" s="327">
        <v>66719</v>
      </c>
      <c r="BO30" s="328">
        <v>942638</v>
      </c>
      <c r="BP30" s="330">
        <v>1078668</v>
      </c>
      <c r="BQ30" s="326">
        <v>86550</v>
      </c>
      <c r="BR30" s="327">
        <v>156517</v>
      </c>
      <c r="BS30" s="328">
        <v>243067</v>
      </c>
      <c r="BT30" s="326">
        <v>0</v>
      </c>
      <c r="BU30" s="327">
        <v>917359</v>
      </c>
      <c r="BV30" s="327">
        <v>983566</v>
      </c>
      <c r="BW30" s="327">
        <v>910313</v>
      </c>
      <c r="BX30" s="327">
        <v>1122585</v>
      </c>
      <c r="BY30" s="327">
        <v>845633</v>
      </c>
      <c r="BZ30" s="328">
        <v>4779456</v>
      </c>
      <c r="CA30" s="330">
        <v>5022523</v>
      </c>
      <c r="CB30" s="326">
        <v>0</v>
      </c>
      <c r="CC30" s="327">
        <v>209620</v>
      </c>
      <c r="CD30" s="328">
        <v>209620</v>
      </c>
      <c r="CE30" s="326">
        <v>0</v>
      </c>
      <c r="CF30" s="327">
        <v>11120431</v>
      </c>
      <c r="CG30" s="327">
        <v>12226979</v>
      </c>
      <c r="CH30" s="327">
        <v>7175585</v>
      </c>
      <c r="CI30" s="327">
        <v>6208096</v>
      </c>
      <c r="CJ30" s="327">
        <v>1948096</v>
      </c>
      <c r="CK30" s="328">
        <v>38679187</v>
      </c>
      <c r="CL30" s="330">
        <v>38888807</v>
      </c>
      <c r="CM30" s="326">
        <v>0</v>
      </c>
      <c r="CN30" s="327">
        <v>0</v>
      </c>
      <c r="CO30" s="328">
        <v>0</v>
      </c>
      <c r="CP30" s="332">
        <v>0</v>
      </c>
      <c r="CQ30" s="327">
        <v>9420167</v>
      </c>
      <c r="CR30" s="327">
        <v>7845868</v>
      </c>
      <c r="CS30" s="327">
        <v>5779585</v>
      </c>
      <c r="CT30" s="327">
        <v>4897731</v>
      </c>
      <c r="CU30" s="327">
        <v>1701979</v>
      </c>
      <c r="CV30" s="328">
        <v>29645330</v>
      </c>
      <c r="CW30" s="330">
        <v>29645330</v>
      </c>
      <c r="CX30" s="326">
        <v>0</v>
      </c>
      <c r="CY30" s="327">
        <v>209620</v>
      </c>
      <c r="CZ30" s="328">
        <v>209620</v>
      </c>
      <c r="DA30" s="326">
        <v>0</v>
      </c>
      <c r="DB30" s="327">
        <v>1700264</v>
      </c>
      <c r="DC30" s="327">
        <v>4381111</v>
      </c>
      <c r="DD30" s="327">
        <v>1396000</v>
      </c>
      <c r="DE30" s="327">
        <v>1310365</v>
      </c>
      <c r="DF30" s="327">
        <v>246117</v>
      </c>
      <c r="DG30" s="328">
        <v>9033857</v>
      </c>
      <c r="DH30" s="330">
        <v>9243477</v>
      </c>
      <c r="DI30" s="326">
        <v>0</v>
      </c>
      <c r="DJ30" s="327">
        <v>105049</v>
      </c>
      <c r="DK30" s="331">
        <v>105049</v>
      </c>
      <c r="DL30" s="332">
        <v>0</v>
      </c>
      <c r="DM30" s="327">
        <v>1581546</v>
      </c>
      <c r="DN30" s="327">
        <v>2283804</v>
      </c>
      <c r="DO30" s="327">
        <v>1749824</v>
      </c>
      <c r="DP30" s="327">
        <v>2009099</v>
      </c>
      <c r="DQ30" s="327">
        <v>641210</v>
      </c>
      <c r="DR30" s="328">
        <v>8265483</v>
      </c>
      <c r="DS30" s="330">
        <v>8370532</v>
      </c>
      <c r="DT30" s="326">
        <v>0</v>
      </c>
      <c r="DU30" s="327">
        <v>105049</v>
      </c>
      <c r="DV30" s="328">
        <v>105049</v>
      </c>
      <c r="DW30" s="326">
        <v>0</v>
      </c>
      <c r="DX30" s="327">
        <v>1436163</v>
      </c>
      <c r="DY30" s="327">
        <v>1870278</v>
      </c>
      <c r="DZ30" s="327">
        <v>1249778</v>
      </c>
      <c r="EA30" s="327">
        <v>1449044</v>
      </c>
      <c r="EB30" s="327">
        <v>641210</v>
      </c>
      <c r="EC30" s="328">
        <v>6646473</v>
      </c>
      <c r="ED30" s="330">
        <v>6751522</v>
      </c>
      <c r="EE30" s="326">
        <v>0</v>
      </c>
      <c r="EF30" s="331">
        <v>0</v>
      </c>
      <c r="EG30" s="328">
        <v>0</v>
      </c>
      <c r="EH30" s="326">
        <v>0</v>
      </c>
      <c r="EI30" s="327">
        <v>145383</v>
      </c>
      <c r="EJ30" s="327">
        <v>413526</v>
      </c>
      <c r="EK30" s="327">
        <v>500046</v>
      </c>
      <c r="EL30" s="327">
        <v>560055</v>
      </c>
      <c r="EM30" s="327">
        <v>0</v>
      </c>
      <c r="EN30" s="331">
        <v>1619010</v>
      </c>
      <c r="EO30" s="330">
        <v>1619010</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641286</v>
      </c>
      <c r="FM30" s="327">
        <v>1483922</v>
      </c>
      <c r="FN30" s="328">
        <v>2125208</v>
      </c>
      <c r="FO30" s="326">
        <v>0</v>
      </c>
      <c r="FP30" s="327">
        <v>1647714</v>
      </c>
      <c r="FQ30" s="327">
        <v>4015778</v>
      </c>
      <c r="FR30" s="327">
        <v>2115835</v>
      </c>
      <c r="FS30" s="327">
        <v>2053111</v>
      </c>
      <c r="FT30" s="327">
        <v>1102532</v>
      </c>
      <c r="FU30" s="328">
        <v>10934970</v>
      </c>
      <c r="FV30" s="330">
        <v>13060178</v>
      </c>
      <c r="FW30" s="333">
        <v>569318</v>
      </c>
      <c r="FX30" s="327">
        <v>1255877</v>
      </c>
      <c r="FY30" s="331">
        <v>1825195</v>
      </c>
      <c r="FZ30" s="332">
        <v>0</v>
      </c>
      <c r="GA30" s="327">
        <v>1254270</v>
      </c>
      <c r="GB30" s="327">
        <v>3876488</v>
      </c>
      <c r="GC30" s="327">
        <v>1964723</v>
      </c>
      <c r="GD30" s="327">
        <v>2027911</v>
      </c>
      <c r="GE30" s="327">
        <v>1102532</v>
      </c>
      <c r="GF30" s="328">
        <v>10225924</v>
      </c>
      <c r="GG30" s="334">
        <v>12051119</v>
      </c>
      <c r="GH30" s="333">
        <v>35068</v>
      </c>
      <c r="GI30" s="327">
        <v>48045</v>
      </c>
      <c r="GJ30" s="331">
        <v>83113</v>
      </c>
      <c r="GK30" s="332">
        <v>0</v>
      </c>
      <c r="GL30" s="327">
        <v>64044</v>
      </c>
      <c r="GM30" s="327">
        <v>39930</v>
      </c>
      <c r="GN30" s="327">
        <v>19712</v>
      </c>
      <c r="GO30" s="327">
        <v>0</v>
      </c>
      <c r="GP30" s="327">
        <v>0</v>
      </c>
      <c r="GQ30" s="328">
        <v>123686</v>
      </c>
      <c r="GR30" s="330">
        <v>206799</v>
      </c>
      <c r="GS30" s="326">
        <v>36900</v>
      </c>
      <c r="GT30" s="327">
        <v>180000</v>
      </c>
      <c r="GU30" s="328">
        <v>216900</v>
      </c>
      <c r="GV30" s="326">
        <v>0</v>
      </c>
      <c r="GW30" s="327">
        <v>329400</v>
      </c>
      <c r="GX30" s="327">
        <v>99360</v>
      </c>
      <c r="GY30" s="327">
        <v>131400</v>
      </c>
      <c r="GZ30" s="327">
        <v>25200</v>
      </c>
      <c r="HA30" s="327">
        <v>0</v>
      </c>
      <c r="HB30" s="331">
        <v>585360</v>
      </c>
      <c r="HC30" s="330">
        <v>802260</v>
      </c>
      <c r="HD30" s="326">
        <v>192589</v>
      </c>
      <c r="HE30" s="327">
        <v>599395</v>
      </c>
      <c r="HF30" s="331">
        <v>791984</v>
      </c>
      <c r="HG30" s="332">
        <v>0</v>
      </c>
      <c r="HH30" s="327">
        <v>3684814</v>
      </c>
      <c r="HI30" s="327">
        <v>1761555</v>
      </c>
      <c r="HJ30" s="327">
        <v>2033846</v>
      </c>
      <c r="HK30" s="327">
        <v>4722016</v>
      </c>
      <c r="HL30" s="327">
        <v>3122169</v>
      </c>
      <c r="HM30" s="328">
        <v>15324400</v>
      </c>
      <c r="HN30" s="329">
        <v>16116384</v>
      </c>
      <c r="HO30" s="333">
        <v>551946</v>
      </c>
      <c r="HP30" s="327">
        <v>947849</v>
      </c>
      <c r="HQ30" s="328">
        <v>1499795</v>
      </c>
      <c r="HR30" s="326">
        <v>0</v>
      </c>
      <c r="HS30" s="327">
        <v>4559999</v>
      </c>
      <c r="HT30" s="327">
        <v>4310962</v>
      </c>
      <c r="HU30" s="327">
        <v>2478258</v>
      </c>
      <c r="HV30" s="327">
        <v>1891077</v>
      </c>
      <c r="HW30" s="327">
        <v>917916</v>
      </c>
      <c r="HX30" s="331">
        <v>14158212</v>
      </c>
      <c r="HY30" s="330">
        <v>15658007</v>
      </c>
      <c r="HZ30" s="358">
        <v>0</v>
      </c>
      <c r="IA30" s="356">
        <v>248843</v>
      </c>
      <c r="IB30" s="358">
        <v>248843</v>
      </c>
      <c r="IC30" s="355">
        <v>0</v>
      </c>
      <c r="ID30" s="356">
        <v>6935112</v>
      </c>
      <c r="IE30" s="357">
        <v>4795574</v>
      </c>
      <c r="IF30" s="358">
        <v>4931496</v>
      </c>
      <c r="IG30" s="356">
        <v>3251042</v>
      </c>
      <c r="IH30" s="358">
        <v>578124</v>
      </c>
      <c r="II30" s="359">
        <v>20491348</v>
      </c>
      <c r="IJ30" s="358">
        <v>20740191</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13">
        <v>0</v>
      </c>
      <c r="IZ30" s="345">
        <v>0</v>
      </c>
      <c r="JA30" s="345">
        <v>0</v>
      </c>
      <c r="JB30" s="345">
        <v>0</v>
      </c>
      <c r="JC30" s="345">
        <v>0</v>
      </c>
      <c r="JD30" s="345">
        <v>0</v>
      </c>
      <c r="JE30" s="349">
        <v>0</v>
      </c>
      <c r="JF30" s="350">
        <v>0</v>
      </c>
      <c r="JG30" s="348">
        <v>0</v>
      </c>
      <c r="JH30" s="345">
        <v>0</v>
      </c>
      <c r="JI30" s="346">
        <v>0</v>
      </c>
      <c r="JJ30" s="351">
        <v>0</v>
      </c>
      <c r="JK30" s="345">
        <v>3444418</v>
      </c>
      <c r="JL30" s="345">
        <v>2690639</v>
      </c>
      <c r="JM30" s="345">
        <v>1400234</v>
      </c>
      <c r="JN30" s="345">
        <v>660803</v>
      </c>
      <c r="JO30" s="345">
        <v>0</v>
      </c>
      <c r="JP30" s="349">
        <v>8196094</v>
      </c>
      <c r="JQ30" s="347">
        <v>8196094</v>
      </c>
      <c r="JR30" s="348">
        <v>0</v>
      </c>
      <c r="JS30" s="345">
        <v>0</v>
      </c>
      <c r="JT30" s="346">
        <v>0</v>
      </c>
      <c r="JU30" s="351">
        <v>0</v>
      </c>
      <c r="JV30" s="345">
        <v>0</v>
      </c>
      <c r="JW30" s="345">
        <v>0</v>
      </c>
      <c r="JX30" s="345">
        <v>0</v>
      </c>
      <c r="JY30" s="345">
        <v>0</v>
      </c>
      <c r="JZ30" s="345">
        <v>0</v>
      </c>
      <c r="KA30" s="349">
        <v>0</v>
      </c>
      <c r="KB30" s="347">
        <v>0</v>
      </c>
      <c r="KC30" s="352">
        <v>0</v>
      </c>
      <c r="KD30" s="353">
        <v>248843</v>
      </c>
      <c r="KE30" s="349">
        <v>248843</v>
      </c>
      <c r="KF30" s="351">
        <v>0</v>
      </c>
      <c r="KG30" s="345">
        <v>753412</v>
      </c>
      <c r="KH30" s="345">
        <v>757907</v>
      </c>
      <c r="KI30" s="345">
        <v>527939</v>
      </c>
      <c r="KJ30" s="345">
        <v>1155709</v>
      </c>
      <c r="KK30" s="345">
        <v>0</v>
      </c>
      <c r="KL30" s="349">
        <v>3194967</v>
      </c>
      <c r="KM30" s="354">
        <v>3443810</v>
      </c>
      <c r="KN30" s="342">
        <v>0</v>
      </c>
      <c r="KO30" s="343">
        <v>0</v>
      </c>
      <c r="KP30" s="344">
        <v>0</v>
      </c>
      <c r="KQ30" s="413">
        <v>0</v>
      </c>
      <c r="KR30" s="345">
        <v>2737282</v>
      </c>
      <c r="KS30" s="345">
        <v>1347028</v>
      </c>
      <c r="KT30" s="345">
        <v>3003323</v>
      </c>
      <c r="KU30" s="345">
        <v>1434530</v>
      </c>
      <c r="KV30" s="345">
        <v>578124</v>
      </c>
      <c r="KW30" s="349">
        <v>9100287</v>
      </c>
      <c r="KX30" s="347">
        <v>9100287</v>
      </c>
      <c r="KY30" s="348">
        <v>0</v>
      </c>
      <c r="KZ30" s="345">
        <v>0</v>
      </c>
      <c r="LA30" s="349">
        <v>0</v>
      </c>
      <c r="LB30" s="413">
        <v>0</v>
      </c>
      <c r="LC30" s="345">
        <v>0</v>
      </c>
      <c r="LD30" s="345">
        <v>0</v>
      </c>
      <c r="LE30" s="345">
        <v>0</v>
      </c>
      <c r="LF30" s="345">
        <v>0</v>
      </c>
      <c r="LG30" s="345">
        <v>0</v>
      </c>
      <c r="LH30" s="349">
        <v>0</v>
      </c>
      <c r="LI30" s="350">
        <v>0</v>
      </c>
      <c r="LJ30" s="348">
        <v>0</v>
      </c>
      <c r="LK30" s="345">
        <v>0</v>
      </c>
      <c r="LL30" s="349">
        <v>0</v>
      </c>
      <c r="LM30" s="413">
        <v>0</v>
      </c>
      <c r="LN30" s="345">
        <v>0</v>
      </c>
      <c r="LO30" s="345">
        <v>0</v>
      </c>
      <c r="LP30" s="345">
        <v>0</v>
      </c>
      <c r="LQ30" s="345">
        <v>0</v>
      </c>
      <c r="LR30" s="345">
        <v>0</v>
      </c>
      <c r="LS30" s="349">
        <v>0</v>
      </c>
      <c r="LT30" s="347">
        <v>0</v>
      </c>
      <c r="LU30" s="348">
        <v>0</v>
      </c>
      <c r="LV30" s="345">
        <v>0</v>
      </c>
      <c r="LW30" s="349">
        <v>0</v>
      </c>
      <c r="LX30" s="413">
        <v>0</v>
      </c>
      <c r="LY30" s="345">
        <v>0</v>
      </c>
      <c r="LZ30" s="345">
        <v>0</v>
      </c>
      <c r="MA30" s="345">
        <v>0</v>
      </c>
      <c r="MB30" s="345">
        <v>0</v>
      </c>
      <c r="MC30" s="345">
        <v>0</v>
      </c>
      <c r="MD30" s="349">
        <v>0</v>
      </c>
      <c r="ME30" s="350">
        <v>0</v>
      </c>
      <c r="MF30" s="348">
        <v>0</v>
      </c>
      <c r="MG30" s="345">
        <v>0</v>
      </c>
      <c r="MH30" s="349">
        <v>0</v>
      </c>
      <c r="MI30" s="413">
        <v>0</v>
      </c>
      <c r="MJ30" s="345">
        <v>1541989</v>
      </c>
      <c r="MK30" s="345">
        <v>10360507</v>
      </c>
      <c r="ML30" s="345">
        <v>24364984</v>
      </c>
      <c r="MM30" s="345">
        <v>38245393</v>
      </c>
      <c r="MN30" s="345">
        <v>19806118</v>
      </c>
      <c r="MO30" s="349">
        <v>94318991</v>
      </c>
      <c r="MP30" s="354">
        <v>94318991</v>
      </c>
      <c r="MQ30" s="348">
        <v>0</v>
      </c>
      <c r="MR30" s="345">
        <v>0</v>
      </c>
      <c r="MS30" s="349">
        <v>0</v>
      </c>
      <c r="MT30" s="413">
        <v>0</v>
      </c>
      <c r="MU30" s="345">
        <v>190415</v>
      </c>
      <c r="MV30" s="345">
        <v>975653</v>
      </c>
      <c r="MW30" s="345">
        <v>17151064</v>
      </c>
      <c r="MX30" s="345">
        <v>21483359</v>
      </c>
      <c r="MY30" s="345">
        <v>13832053</v>
      </c>
      <c r="MZ30" s="349">
        <v>53632544</v>
      </c>
      <c r="NA30" s="354">
        <v>53632544</v>
      </c>
      <c r="NB30" s="348">
        <v>0</v>
      </c>
      <c r="NC30" s="345">
        <v>0</v>
      </c>
      <c r="ND30" s="349">
        <v>0</v>
      </c>
      <c r="NE30" s="413">
        <v>0</v>
      </c>
      <c r="NF30" s="345">
        <v>1351574</v>
      </c>
      <c r="NG30" s="345">
        <v>9384854</v>
      </c>
      <c r="NH30" s="345">
        <v>7213920</v>
      </c>
      <c r="NI30" s="345">
        <v>16762034</v>
      </c>
      <c r="NJ30" s="345">
        <v>5108388</v>
      </c>
      <c r="NK30" s="349">
        <v>39820770</v>
      </c>
      <c r="NL30" s="347">
        <v>39820770</v>
      </c>
      <c r="NM30" s="348">
        <v>0</v>
      </c>
      <c r="NN30" s="345">
        <v>0</v>
      </c>
      <c r="NO30" s="349">
        <v>0</v>
      </c>
      <c r="NP30" s="413">
        <v>0</v>
      </c>
      <c r="NQ30" s="345">
        <v>0</v>
      </c>
      <c r="NR30" s="345">
        <v>0</v>
      </c>
      <c r="NS30" s="345">
        <v>0</v>
      </c>
      <c r="NT30" s="345">
        <v>0</v>
      </c>
      <c r="NU30" s="345">
        <v>0</v>
      </c>
      <c r="NV30" s="349">
        <v>0</v>
      </c>
      <c r="NW30" s="350">
        <v>0</v>
      </c>
      <c r="NX30" s="348">
        <v>0</v>
      </c>
      <c r="NY30" s="345">
        <v>0</v>
      </c>
      <c r="NZ30" s="349">
        <v>0</v>
      </c>
      <c r="OA30" s="413">
        <v>0</v>
      </c>
      <c r="OB30" s="345">
        <v>0</v>
      </c>
      <c r="OC30" s="345">
        <v>0</v>
      </c>
      <c r="OD30" s="345">
        <v>0</v>
      </c>
      <c r="OE30" s="345">
        <v>0</v>
      </c>
      <c r="OF30" s="345">
        <v>865677</v>
      </c>
      <c r="OG30" s="349">
        <v>865677</v>
      </c>
      <c r="OH30" s="350">
        <v>865677</v>
      </c>
      <c r="OI30" s="348">
        <v>2119854</v>
      </c>
      <c r="OJ30" s="345">
        <v>5282151</v>
      </c>
      <c r="OK30" s="346">
        <v>7402005</v>
      </c>
      <c r="OL30" s="351">
        <v>0</v>
      </c>
      <c r="OM30" s="345">
        <v>40052858</v>
      </c>
      <c r="ON30" s="345">
        <v>51442861</v>
      </c>
      <c r="OO30" s="345">
        <v>53532389</v>
      </c>
      <c r="OP30" s="345">
        <v>71038624</v>
      </c>
      <c r="OQ30" s="345">
        <v>38018163</v>
      </c>
      <c r="OR30" s="349">
        <v>254084895</v>
      </c>
      <c r="OS30" s="354">
        <v>261486900</v>
      </c>
    </row>
    <row r="31" spans="2:409" s="70" customFormat="1" ht="21" customHeight="1" x14ac:dyDescent="0.2">
      <c r="B31" s="410" t="s">
        <v>26</v>
      </c>
      <c r="C31" s="326">
        <v>2248318</v>
      </c>
      <c r="D31" s="327">
        <v>2665611</v>
      </c>
      <c r="E31" s="328">
        <v>4913929</v>
      </c>
      <c r="F31" s="329">
        <v>0</v>
      </c>
      <c r="G31" s="327">
        <v>23106349</v>
      </c>
      <c r="H31" s="327">
        <v>34662128</v>
      </c>
      <c r="I31" s="327">
        <v>28287797</v>
      </c>
      <c r="J31" s="327">
        <v>21999472</v>
      </c>
      <c r="K31" s="327">
        <v>24957411</v>
      </c>
      <c r="L31" s="367">
        <v>133013157</v>
      </c>
      <c r="M31" s="330">
        <v>137927086</v>
      </c>
      <c r="N31" s="326">
        <v>698476</v>
      </c>
      <c r="O31" s="327">
        <v>478825</v>
      </c>
      <c r="P31" s="328">
        <v>1177301</v>
      </c>
      <c r="Q31" s="326">
        <v>0</v>
      </c>
      <c r="R31" s="327">
        <v>6546333</v>
      </c>
      <c r="S31" s="327">
        <v>10966223</v>
      </c>
      <c r="T31" s="327">
        <v>9178923</v>
      </c>
      <c r="U31" s="327">
        <v>7343646</v>
      </c>
      <c r="V31" s="327">
        <v>13952982</v>
      </c>
      <c r="W31" s="328">
        <v>47988107</v>
      </c>
      <c r="X31" s="330">
        <v>49165408</v>
      </c>
      <c r="Y31" s="326">
        <v>0</v>
      </c>
      <c r="Z31" s="327">
        <v>0</v>
      </c>
      <c r="AA31" s="328">
        <v>0</v>
      </c>
      <c r="AB31" s="326">
        <v>0</v>
      </c>
      <c r="AC31" s="327">
        <v>2836170</v>
      </c>
      <c r="AD31" s="327">
        <v>6286474</v>
      </c>
      <c r="AE31" s="327">
        <v>5440998</v>
      </c>
      <c r="AF31" s="327">
        <v>3562905</v>
      </c>
      <c r="AG31" s="327">
        <v>9180279</v>
      </c>
      <c r="AH31" s="328">
        <v>27306826</v>
      </c>
      <c r="AI31" s="330">
        <v>27306826</v>
      </c>
      <c r="AJ31" s="326">
        <v>0</v>
      </c>
      <c r="AK31" s="327">
        <v>0</v>
      </c>
      <c r="AL31" s="328">
        <v>0</v>
      </c>
      <c r="AM31" s="326">
        <v>0</v>
      </c>
      <c r="AN31" s="327">
        <v>0</v>
      </c>
      <c r="AO31" s="327">
        <v>120037</v>
      </c>
      <c r="AP31" s="327">
        <v>202939</v>
      </c>
      <c r="AQ31" s="327">
        <v>578582</v>
      </c>
      <c r="AR31" s="327">
        <v>1337465</v>
      </c>
      <c r="AS31" s="328">
        <v>2239023</v>
      </c>
      <c r="AT31" s="330">
        <v>2239023</v>
      </c>
      <c r="AU31" s="326">
        <v>490224</v>
      </c>
      <c r="AV31" s="327">
        <v>429732</v>
      </c>
      <c r="AW31" s="328">
        <v>919956</v>
      </c>
      <c r="AX31" s="326">
        <v>0</v>
      </c>
      <c r="AY31" s="327">
        <v>2679130</v>
      </c>
      <c r="AZ31" s="327">
        <v>3353797</v>
      </c>
      <c r="BA31" s="327">
        <v>2060646</v>
      </c>
      <c r="BB31" s="327">
        <v>2094641</v>
      </c>
      <c r="BC31" s="327">
        <v>2549604</v>
      </c>
      <c r="BD31" s="328">
        <v>12737818</v>
      </c>
      <c r="BE31" s="330">
        <v>13657774</v>
      </c>
      <c r="BF31" s="326">
        <v>46866</v>
      </c>
      <c r="BG31" s="327">
        <v>11545</v>
      </c>
      <c r="BH31" s="331">
        <v>58411</v>
      </c>
      <c r="BI31" s="332">
        <v>0</v>
      </c>
      <c r="BJ31" s="327">
        <v>146695</v>
      </c>
      <c r="BK31" s="327">
        <v>186565</v>
      </c>
      <c r="BL31" s="327">
        <v>176381</v>
      </c>
      <c r="BM31" s="327">
        <v>80354</v>
      </c>
      <c r="BN31" s="327">
        <v>102962</v>
      </c>
      <c r="BO31" s="328">
        <v>692957</v>
      </c>
      <c r="BP31" s="330">
        <v>751368</v>
      </c>
      <c r="BQ31" s="326">
        <v>161386</v>
      </c>
      <c r="BR31" s="327">
        <v>37548</v>
      </c>
      <c r="BS31" s="328">
        <v>198934</v>
      </c>
      <c r="BT31" s="326">
        <v>0</v>
      </c>
      <c r="BU31" s="327">
        <v>884338</v>
      </c>
      <c r="BV31" s="327">
        <v>1019350</v>
      </c>
      <c r="BW31" s="327">
        <v>1297959</v>
      </c>
      <c r="BX31" s="327">
        <v>1027164</v>
      </c>
      <c r="BY31" s="327">
        <v>782672</v>
      </c>
      <c r="BZ31" s="328">
        <v>5011483</v>
      </c>
      <c r="CA31" s="330">
        <v>5210417</v>
      </c>
      <c r="CB31" s="326">
        <v>114556</v>
      </c>
      <c r="CC31" s="327">
        <v>322979</v>
      </c>
      <c r="CD31" s="328">
        <v>437535</v>
      </c>
      <c r="CE31" s="326">
        <v>0</v>
      </c>
      <c r="CF31" s="327">
        <v>6232331</v>
      </c>
      <c r="CG31" s="327">
        <v>9924767</v>
      </c>
      <c r="CH31" s="327">
        <v>5618098</v>
      </c>
      <c r="CI31" s="327">
        <v>3000425</v>
      </c>
      <c r="CJ31" s="327">
        <v>2732843</v>
      </c>
      <c r="CK31" s="328">
        <v>27508464</v>
      </c>
      <c r="CL31" s="330">
        <v>27945999</v>
      </c>
      <c r="CM31" s="326">
        <v>0</v>
      </c>
      <c r="CN31" s="327">
        <v>0</v>
      </c>
      <c r="CO31" s="328">
        <v>0</v>
      </c>
      <c r="CP31" s="332">
        <v>0</v>
      </c>
      <c r="CQ31" s="327">
        <v>5331147</v>
      </c>
      <c r="CR31" s="327">
        <v>7947574</v>
      </c>
      <c r="CS31" s="327">
        <v>4540229</v>
      </c>
      <c r="CT31" s="327">
        <v>2066054</v>
      </c>
      <c r="CU31" s="327">
        <v>2156392</v>
      </c>
      <c r="CV31" s="328">
        <v>22041396</v>
      </c>
      <c r="CW31" s="330">
        <v>22041396</v>
      </c>
      <c r="CX31" s="326">
        <v>114556</v>
      </c>
      <c r="CY31" s="327">
        <v>322979</v>
      </c>
      <c r="CZ31" s="328">
        <v>437535</v>
      </c>
      <c r="DA31" s="326">
        <v>0</v>
      </c>
      <c r="DB31" s="327">
        <v>901184</v>
      </c>
      <c r="DC31" s="327">
        <v>1977193</v>
      </c>
      <c r="DD31" s="327">
        <v>1077869</v>
      </c>
      <c r="DE31" s="327">
        <v>934371</v>
      </c>
      <c r="DF31" s="327">
        <v>576451</v>
      </c>
      <c r="DG31" s="328">
        <v>5467068</v>
      </c>
      <c r="DH31" s="330">
        <v>5904603</v>
      </c>
      <c r="DI31" s="326">
        <v>0</v>
      </c>
      <c r="DJ31" s="327">
        <v>88135</v>
      </c>
      <c r="DK31" s="331">
        <v>88135</v>
      </c>
      <c r="DL31" s="332">
        <v>0</v>
      </c>
      <c r="DM31" s="327">
        <v>786570</v>
      </c>
      <c r="DN31" s="327">
        <v>2734489</v>
      </c>
      <c r="DO31" s="327">
        <v>3067419</v>
      </c>
      <c r="DP31" s="327">
        <v>2491775</v>
      </c>
      <c r="DQ31" s="327">
        <v>1874370</v>
      </c>
      <c r="DR31" s="328">
        <v>10954623</v>
      </c>
      <c r="DS31" s="330">
        <v>11042758</v>
      </c>
      <c r="DT31" s="326">
        <v>0</v>
      </c>
      <c r="DU31" s="327">
        <v>88135</v>
      </c>
      <c r="DV31" s="328">
        <v>88135</v>
      </c>
      <c r="DW31" s="326">
        <v>0</v>
      </c>
      <c r="DX31" s="327">
        <v>710898</v>
      </c>
      <c r="DY31" s="327">
        <v>2500537</v>
      </c>
      <c r="DZ31" s="327">
        <v>2682028</v>
      </c>
      <c r="EA31" s="327">
        <v>2299907</v>
      </c>
      <c r="EB31" s="327">
        <v>1720566</v>
      </c>
      <c r="EC31" s="328">
        <v>9913936</v>
      </c>
      <c r="ED31" s="330">
        <v>10002071</v>
      </c>
      <c r="EE31" s="326">
        <v>0</v>
      </c>
      <c r="EF31" s="331">
        <v>0</v>
      </c>
      <c r="EG31" s="328">
        <v>0</v>
      </c>
      <c r="EH31" s="326">
        <v>0</v>
      </c>
      <c r="EI31" s="327">
        <v>75672</v>
      </c>
      <c r="EJ31" s="327">
        <v>233952</v>
      </c>
      <c r="EK31" s="327">
        <v>385391</v>
      </c>
      <c r="EL31" s="327">
        <v>191868</v>
      </c>
      <c r="EM31" s="327">
        <v>153804</v>
      </c>
      <c r="EN31" s="331">
        <v>1040687</v>
      </c>
      <c r="EO31" s="330">
        <v>1040687</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464004</v>
      </c>
      <c r="FM31" s="327">
        <v>858022</v>
      </c>
      <c r="FN31" s="328">
        <v>1322026</v>
      </c>
      <c r="FO31" s="326">
        <v>0</v>
      </c>
      <c r="FP31" s="327">
        <v>1213851</v>
      </c>
      <c r="FQ31" s="327">
        <v>3041870</v>
      </c>
      <c r="FR31" s="327">
        <v>2024437</v>
      </c>
      <c r="FS31" s="327">
        <v>1685082</v>
      </c>
      <c r="FT31" s="327">
        <v>1917625</v>
      </c>
      <c r="FU31" s="328">
        <v>9882865</v>
      </c>
      <c r="FV31" s="330">
        <v>11204891</v>
      </c>
      <c r="FW31" s="333">
        <v>415148</v>
      </c>
      <c r="FX31" s="327">
        <v>696308</v>
      </c>
      <c r="FY31" s="331">
        <v>1111456</v>
      </c>
      <c r="FZ31" s="332">
        <v>0</v>
      </c>
      <c r="GA31" s="327">
        <v>1092081</v>
      </c>
      <c r="GB31" s="327">
        <v>2805990</v>
      </c>
      <c r="GC31" s="327">
        <v>1942575</v>
      </c>
      <c r="GD31" s="327">
        <v>1685082</v>
      </c>
      <c r="GE31" s="327">
        <v>1917625</v>
      </c>
      <c r="GF31" s="328">
        <v>9443353</v>
      </c>
      <c r="GG31" s="334">
        <v>10554809</v>
      </c>
      <c r="GH31" s="333">
        <v>48856</v>
      </c>
      <c r="GI31" s="327">
        <v>0</v>
      </c>
      <c r="GJ31" s="331">
        <v>48856</v>
      </c>
      <c r="GK31" s="332">
        <v>0</v>
      </c>
      <c r="GL31" s="327">
        <v>57420</v>
      </c>
      <c r="GM31" s="327">
        <v>0</v>
      </c>
      <c r="GN31" s="327">
        <v>81862</v>
      </c>
      <c r="GO31" s="327">
        <v>0</v>
      </c>
      <c r="GP31" s="327">
        <v>0</v>
      </c>
      <c r="GQ31" s="328">
        <v>139282</v>
      </c>
      <c r="GR31" s="330">
        <v>188138</v>
      </c>
      <c r="GS31" s="326">
        <v>0</v>
      </c>
      <c r="GT31" s="327">
        <v>161714</v>
      </c>
      <c r="GU31" s="328">
        <v>161714</v>
      </c>
      <c r="GV31" s="326">
        <v>0</v>
      </c>
      <c r="GW31" s="327">
        <v>64350</v>
      </c>
      <c r="GX31" s="327">
        <v>235880</v>
      </c>
      <c r="GY31" s="327">
        <v>0</v>
      </c>
      <c r="GZ31" s="327">
        <v>0</v>
      </c>
      <c r="HA31" s="327">
        <v>0</v>
      </c>
      <c r="HB31" s="331">
        <v>300230</v>
      </c>
      <c r="HC31" s="330">
        <v>461944</v>
      </c>
      <c r="HD31" s="326">
        <v>554416</v>
      </c>
      <c r="HE31" s="327">
        <v>295908</v>
      </c>
      <c r="HF31" s="331">
        <v>850324</v>
      </c>
      <c r="HG31" s="332">
        <v>0</v>
      </c>
      <c r="HH31" s="327">
        <v>4254586</v>
      </c>
      <c r="HI31" s="327">
        <v>3556090</v>
      </c>
      <c r="HJ31" s="327">
        <v>5538290</v>
      </c>
      <c r="HK31" s="327">
        <v>5776636</v>
      </c>
      <c r="HL31" s="327">
        <v>3044839</v>
      </c>
      <c r="HM31" s="328">
        <v>22170441</v>
      </c>
      <c r="HN31" s="329">
        <v>23020765</v>
      </c>
      <c r="HO31" s="333">
        <v>416866</v>
      </c>
      <c r="HP31" s="327">
        <v>621742</v>
      </c>
      <c r="HQ31" s="328">
        <v>1038608</v>
      </c>
      <c r="HR31" s="326">
        <v>0</v>
      </c>
      <c r="HS31" s="327">
        <v>4072678</v>
      </c>
      <c r="HT31" s="327">
        <v>4438689</v>
      </c>
      <c r="HU31" s="327">
        <v>2860630</v>
      </c>
      <c r="HV31" s="327">
        <v>1701908</v>
      </c>
      <c r="HW31" s="327">
        <v>1434752</v>
      </c>
      <c r="HX31" s="331">
        <v>14508657</v>
      </c>
      <c r="HY31" s="330">
        <v>15547265</v>
      </c>
      <c r="HZ31" s="335">
        <v>0</v>
      </c>
      <c r="IA31" s="336">
        <v>0</v>
      </c>
      <c r="IB31" s="337">
        <v>0</v>
      </c>
      <c r="IC31" s="338">
        <v>0</v>
      </c>
      <c r="ID31" s="336">
        <v>4113050</v>
      </c>
      <c r="IE31" s="339">
        <v>7703511</v>
      </c>
      <c r="IF31" s="337">
        <v>10654681</v>
      </c>
      <c r="IG31" s="336">
        <v>5459783</v>
      </c>
      <c r="IH31" s="337">
        <v>2943491</v>
      </c>
      <c r="II31" s="340">
        <v>30874516</v>
      </c>
      <c r="IJ31" s="341">
        <v>30874516</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13">
        <v>0</v>
      </c>
      <c r="IZ31" s="345">
        <v>0</v>
      </c>
      <c r="JA31" s="345">
        <v>0</v>
      </c>
      <c r="JB31" s="345">
        <v>0</v>
      </c>
      <c r="JC31" s="345">
        <v>0</v>
      </c>
      <c r="JD31" s="345">
        <v>0</v>
      </c>
      <c r="JE31" s="349">
        <v>0</v>
      </c>
      <c r="JF31" s="350">
        <v>0</v>
      </c>
      <c r="JG31" s="348">
        <v>0</v>
      </c>
      <c r="JH31" s="345">
        <v>0</v>
      </c>
      <c r="JI31" s="346">
        <v>0</v>
      </c>
      <c r="JJ31" s="351">
        <v>0</v>
      </c>
      <c r="JK31" s="345">
        <v>2344825</v>
      </c>
      <c r="JL31" s="345">
        <v>2966965</v>
      </c>
      <c r="JM31" s="345">
        <v>3419409</v>
      </c>
      <c r="JN31" s="345">
        <v>1551657</v>
      </c>
      <c r="JO31" s="345">
        <v>955867</v>
      </c>
      <c r="JP31" s="349">
        <v>11238723</v>
      </c>
      <c r="JQ31" s="347">
        <v>11238723</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569541</v>
      </c>
      <c r="KH31" s="345">
        <v>1461219</v>
      </c>
      <c r="KI31" s="345">
        <v>1583616</v>
      </c>
      <c r="KJ31" s="345">
        <v>304736</v>
      </c>
      <c r="KK31" s="345">
        <v>1153590</v>
      </c>
      <c r="KL31" s="349">
        <v>5072702</v>
      </c>
      <c r="KM31" s="354">
        <v>5072702</v>
      </c>
      <c r="KN31" s="342">
        <v>0</v>
      </c>
      <c r="KO31" s="343">
        <v>0</v>
      </c>
      <c r="KP31" s="344">
        <v>0</v>
      </c>
      <c r="KQ31" s="413">
        <v>0</v>
      </c>
      <c r="KR31" s="345">
        <v>1198684</v>
      </c>
      <c r="KS31" s="345">
        <v>3275327</v>
      </c>
      <c r="KT31" s="345">
        <v>5651656</v>
      </c>
      <c r="KU31" s="345">
        <v>3603390</v>
      </c>
      <c r="KV31" s="345">
        <v>834034</v>
      </c>
      <c r="KW31" s="349">
        <v>14563091</v>
      </c>
      <c r="KX31" s="347">
        <v>14563091</v>
      </c>
      <c r="KY31" s="348">
        <v>0</v>
      </c>
      <c r="KZ31" s="345">
        <v>0</v>
      </c>
      <c r="LA31" s="349">
        <v>0</v>
      </c>
      <c r="LB31" s="413">
        <v>0</v>
      </c>
      <c r="LC31" s="345">
        <v>0</v>
      </c>
      <c r="LD31" s="345">
        <v>0</v>
      </c>
      <c r="LE31" s="345">
        <v>0</v>
      </c>
      <c r="LF31" s="345">
        <v>0</v>
      </c>
      <c r="LG31" s="345">
        <v>0</v>
      </c>
      <c r="LH31" s="349">
        <v>0</v>
      </c>
      <c r="LI31" s="350">
        <v>0</v>
      </c>
      <c r="LJ31" s="348">
        <v>0</v>
      </c>
      <c r="LK31" s="345">
        <v>0</v>
      </c>
      <c r="LL31" s="349">
        <v>0</v>
      </c>
      <c r="LM31" s="413">
        <v>0</v>
      </c>
      <c r="LN31" s="345">
        <v>0</v>
      </c>
      <c r="LO31" s="345">
        <v>0</v>
      </c>
      <c r="LP31" s="345">
        <v>0</v>
      </c>
      <c r="LQ31" s="345">
        <v>0</v>
      </c>
      <c r="LR31" s="345">
        <v>0</v>
      </c>
      <c r="LS31" s="349">
        <v>0</v>
      </c>
      <c r="LT31" s="347">
        <v>0</v>
      </c>
      <c r="LU31" s="348">
        <v>0</v>
      </c>
      <c r="LV31" s="345">
        <v>0</v>
      </c>
      <c r="LW31" s="349">
        <v>0</v>
      </c>
      <c r="LX31" s="413">
        <v>0</v>
      </c>
      <c r="LY31" s="345">
        <v>0</v>
      </c>
      <c r="LZ31" s="345">
        <v>0</v>
      </c>
      <c r="MA31" s="345">
        <v>0</v>
      </c>
      <c r="MB31" s="345">
        <v>0</v>
      </c>
      <c r="MC31" s="345">
        <v>0</v>
      </c>
      <c r="MD31" s="349">
        <v>0</v>
      </c>
      <c r="ME31" s="350">
        <v>0</v>
      </c>
      <c r="MF31" s="348">
        <v>0</v>
      </c>
      <c r="MG31" s="345">
        <v>0</v>
      </c>
      <c r="MH31" s="349">
        <v>0</v>
      </c>
      <c r="MI31" s="413">
        <v>0</v>
      </c>
      <c r="MJ31" s="345">
        <v>1312554</v>
      </c>
      <c r="MK31" s="345">
        <v>5384891</v>
      </c>
      <c r="ML31" s="345">
        <v>17154667</v>
      </c>
      <c r="MM31" s="345">
        <v>25460283</v>
      </c>
      <c r="MN31" s="345">
        <v>21497249</v>
      </c>
      <c r="MO31" s="349">
        <v>70809644</v>
      </c>
      <c r="MP31" s="354">
        <v>70809644</v>
      </c>
      <c r="MQ31" s="348">
        <v>0</v>
      </c>
      <c r="MR31" s="345">
        <v>0</v>
      </c>
      <c r="MS31" s="349">
        <v>0</v>
      </c>
      <c r="MT31" s="413">
        <v>0</v>
      </c>
      <c r="MU31" s="345">
        <v>494307</v>
      </c>
      <c r="MV31" s="345">
        <v>1016657</v>
      </c>
      <c r="MW31" s="345">
        <v>8947302</v>
      </c>
      <c r="MX31" s="345">
        <v>17929310</v>
      </c>
      <c r="MY31" s="345">
        <v>15427392</v>
      </c>
      <c r="MZ31" s="349">
        <v>43814968</v>
      </c>
      <c r="NA31" s="354">
        <v>43814968</v>
      </c>
      <c r="NB31" s="348">
        <v>0</v>
      </c>
      <c r="NC31" s="345">
        <v>0</v>
      </c>
      <c r="ND31" s="349">
        <v>0</v>
      </c>
      <c r="NE31" s="413">
        <v>0</v>
      </c>
      <c r="NF31" s="345">
        <v>818247</v>
      </c>
      <c r="NG31" s="345">
        <v>4368234</v>
      </c>
      <c r="NH31" s="345">
        <v>7858025</v>
      </c>
      <c r="NI31" s="345">
        <v>7530973</v>
      </c>
      <c r="NJ31" s="345">
        <v>4402962</v>
      </c>
      <c r="NK31" s="349">
        <v>24978441</v>
      </c>
      <c r="NL31" s="347">
        <v>24978441</v>
      </c>
      <c r="NM31" s="348">
        <v>0</v>
      </c>
      <c r="NN31" s="345">
        <v>0</v>
      </c>
      <c r="NO31" s="349">
        <v>0</v>
      </c>
      <c r="NP31" s="413">
        <v>0</v>
      </c>
      <c r="NQ31" s="345">
        <v>0</v>
      </c>
      <c r="NR31" s="345">
        <v>0</v>
      </c>
      <c r="NS31" s="345">
        <v>0</v>
      </c>
      <c r="NT31" s="345">
        <v>0</v>
      </c>
      <c r="NU31" s="345">
        <v>0</v>
      </c>
      <c r="NV31" s="349">
        <v>0</v>
      </c>
      <c r="NW31" s="350">
        <v>0</v>
      </c>
      <c r="NX31" s="348">
        <v>0</v>
      </c>
      <c r="NY31" s="345">
        <v>0</v>
      </c>
      <c r="NZ31" s="349">
        <v>0</v>
      </c>
      <c r="OA31" s="413">
        <v>0</v>
      </c>
      <c r="OB31" s="345">
        <v>0</v>
      </c>
      <c r="OC31" s="345">
        <v>0</v>
      </c>
      <c r="OD31" s="345">
        <v>349340</v>
      </c>
      <c r="OE31" s="345">
        <v>0</v>
      </c>
      <c r="OF31" s="345">
        <v>1666895</v>
      </c>
      <c r="OG31" s="349">
        <v>2016235</v>
      </c>
      <c r="OH31" s="350">
        <v>2016235</v>
      </c>
      <c r="OI31" s="348">
        <v>2248318</v>
      </c>
      <c r="OJ31" s="345">
        <v>2665611</v>
      </c>
      <c r="OK31" s="346">
        <v>4913929</v>
      </c>
      <c r="OL31" s="351">
        <v>0</v>
      </c>
      <c r="OM31" s="345">
        <v>28531953</v>
      </c>
      <c r="ON31" s="345">
        <v>47750530</v>
      </c>
      <c r="OO31" s="345">
        <v>56097145</v>
      </c>
      <c r="OP31" s="345">
        <v>52919538</v>
      </c>
      <c r="OQ31" s="345">
        <v>49398151</v>
      </c>
      <c r="OR31" s="349">
        <v>234697317</v>
      </c>
      <c r="OS31" s="354">
        <v>239611246</v>
      </c>
    </row>
    <row r="32" spans="2:409" s="70" customFormat="1" ht="21" customHeight="1" x14ac:dyDescent="0.2">
      <c r="B32" s="410" t="s">
        <v>27</v>
      </c>
      <c r="C32" s="326">
        <v>3466358</v>
      </c>
      <c r="D32" s="327">
        <v>7352130</v>
      </c>
      <c r="E32" s="328">
        <v>10818488</v>
      </c>
      <c r="F32" s="329">
        <v>0</v>
      </c>
      <c r="G32" s="327">
        <v>26906531</v>
      </c>
      <c r="H32" s="327">
        <v>22436617</v>
      </c>
      <c r="I32" s="327">
        <v>22018258</v>
      </c>
      <c r="J32" s="327">
        <v>22908976</v>
      </c>
      <c r="K32" s="327">
        <v>17439978</v>
      </c>
      <c r="L32" s="367">
        <v>111710360</v>
      </c>
      <c r="M32" s="330">
        <v>122528848</v>
      </c>
      <c r="N32" s="326">
        <v>724155</v>
      </c>
      <c r="O32" s="327">
        <v>1788641</v>
      </c>
      <c r="P32" s="328">
        <v>2512796</v>
      </c>
      <c r="Q32" s="326">
        <v>0</v>
      </c>
      <c r="R32" s="327">
        <v>4789251</v>
      </c>
      <c r="S32" s="327">
        <v>6004112</v>
      </c>
      <c r="T32" s="327">
        <v>5500718</v>
      </c>
      <c r="U32" s="327">
        <v>7625438</v>
      </c>
      <c r="V32" s="327">
        <v>8039082</v>
      </c>
      <c r="W32" s="328">
        <v>31958601</v>
      </c>
      <c r="X32" s="330">
        <v>34471397</v>
      </c>
      <c r="Y32" s="326">
        <v>0</v>
      </c>
      <c r="Z32" s="327">
        <v>0</v>
      </c>
      <c r="AA32" s="328">
        <v>0</v>
      </c>
      <c r="AB32" s="326">
        <v>0</v>
      </c>
      <c r="AC32" s="327">
        <v>2357203</v>
      </c>
      <c r="AD32" s="327">
        <v>3067164</v>
      </c>
      <c r="AE32" s="327">
        <v>2719450</v>
      </c>
      <c r="AF32" s="327">
        <v>4486940</v>
      </c>
      <c r="AG32" s="327">
        <v>4537220</v>
      </c>
      <c r="AH32" s="328">
        <v>17167977</v>
      </c>
      <c r="AI32" s="330">
        <v>17167977</v>
      </c>
      <c r="AJ32" s="326">
        <v>0</v>
      </c>
      <c r="AK32" s="327">
        <v>0</v>
      </c>
      <c r="AL32" s="328">
        <v>0</v>
      </c>
      <c r="AM32" s="326">
        <v>0</v>
      </c>
      <c r="AN32" s="327">
        <v>51953</v>
      </c>
      <c r="AO32" s="327">
        <v>256667</v>
      </c>
      <c r="AP32" s="327">
        <v>310673</v>
      </c>
      <c r="AQ32" s="327">
        <v>589330</v>
      </c>
      <c r="AR32" s="327">
        <v>1158214</v>
      </c>
      <c r="AS32" s="328">
        <v>2366837</v>
      </c>
      <c r="AT32" s="330">
        <v>2366837</v>
      </c>
      <c r="AU32" s="326">
        <v>555797</v>
      </c>
      <c r="AV32" s="327">
        <v>1554723</v>
      </c>
      <c r="AW32" s="328">
        <v>2110520</v>
      </c>
      <c r="AX32" s="326">
        <v>0</v>
      </c>
      <c r="AY32" s="327">
        <v>1230324</v>
      </c>
      <c r="AZ32" s="327">
        <v>1938023</v>
      </c>
      <c r="BA32" s="327">
        <v>1515468</v>
      </c>
      <c r="BB32" s="327">
        <v>1602568</v>
      </c>
      <c r="BC32" s="327">
        <v>1704121</v>
      </c>
      <c r="BD32" s="328">
        <v>7990504</v>
      </c>
      <c r="BE32" s="330">
        <v>10101024</v>
      </c>
      <c r="BF32" s="326">
        <v>33914</v>
      </c>
      <c r="BG32" s="327">
        <v>63388</v>
      </c>
      <c r="BH32" s="331">
        <v>97302</v>
      </c>
      <c r="BI32" s="332">
        <v>0</v>
      </c>
      <c r="BJ32" s="327">
        <v>26747</v>
      </c>
      <c r="BK32" s="327">
        <v>0</v>
      </c>
      <c r="BL32" s="327">
        <v>71325</v>
      </c>
      <c r="BM32" s="327">
        <v>28437</v>
      </c>
      <c r="BN32" s="327">
        <v>50387</v>
      </c>
      <c r="BO32" s="328">
        <v>176896</v>
      </c>
      <c r="BP32" s="330">
        <v>274198</v>
      </c>
      <c r="BQ32" s="326">
        <v>134444</v>
      </c>
      <c r="BR32" s="327">
        <v>170530</v>
      </c>
      <c r="BS32" s="328">
        <v>304974</v>
      </c>
      <c r="BT32" s="326">
        <v>0</v>
      </c>
      <c r="BU32" s="327">
        <v>1123024</v>
      </c>
      <c r="BV32" s="327">
        <v>742258</v>
      </c>
      <c r="BW32" s="327">
        <v>883802</v>
      </c>
      <c r="BX32" s="327">
        <v>918163</v>
      </c>
      <c r="BY32" s="327">
        <v>589140</v>
      </c>
      <c r="BZ32" s="328">
        <v>4256387</v>
      </c>
      <c r="CA32" s="330">
        <v>4561361</v>
      </c>
      <c r="CB32" s="326">
        <v>491080</v>
      </c>
      <c r="CC32" s="327">
        <v>1471096</v>
      </c>
      <c r="CD32" s="328">
        <v>1962176</v>
      </c>
      <c r="CE32" s="326">
        <v>0</v>
      </c>
      <c r="CF32" s="327">
        <v>8218555</v>
      </c>
      <c r="CG32" s="327">
        <v>5804993</v>
      </c>
      <c r="CH32" s="327">
        <v>4860545</v>
      </c>
      <c r="CI32" s="327">
        <v>4119108</v>
      </c>
      <c r="CJ32" s="327">
        <v>2466493</v>
      </c>
      <c r="CK32" s="328">
        <v>25469694</v>
      </c>
      <c r="CL32" s="330">
        <v>27431870</v>
      </c>
      <c r="CM32" s="326">
        <v>0</v>
      </c>
      <c r="CN32" s="327">
        <v>0</v>
      </c>
      <c r="CO32" s="328">
        <v>0</v>
      </c>
      <c r="CP32" s="332">
        <v>0</v>
      </c>
      <c r="CQ32" s="327">
        <v>6949959</v>
      </c>
      <c r="CR32" s="327">
        <v>3888523</v>
      </c>
      <c r="CS32" s="327">
        <v>3323542</v>
      </c>
      <c r="CT32" s="327">
        <v>3734198</v>
      </c>
      <c r="CU32" s="327">
        <v>1778249</v>
      </c>
      <c r="CV32" s="328">
        <v>19674471</v>
      </c>
      <c r="CW32" s="330">
        <v>19674471</v>
      </c>
      <c r="CX32" s="326">
        <v>491080</v>
      </c>
      <c r="CY32" s="327">
        <v>1471096</v>
      </c>
      <c r="CZ32" s="328">
        <v>1962176</v>
      </c>
      <c r="DA32" s="326">
        <v>0</v>
      </c>
      <c r="DB32" s="327">
        <v>1268596</v>
      </c>
      <c r="DC32" s="327">
        <v>1916470</v>
      </c>
      <c r="DD32" s="327">
        <v>1537003</v>
      </c>
      <c r="DE32" s="327">
        <v>384910</v>
      </c>
      <c r="DF32" s="327">
        <v>688244</v>
      </c>
      <c r="DG32" s="328">
        <v>5795223</v>
      </c>
      <c r="DH32" s="330">
        <v>7757399</v>
      </c>
      <c r="DI32" s="326">
        <v>43961</v>
      </c>
      <c r="DJ32" s="327">
        <v>172155</v>
      </c>
      <c r="DK32" s="331">
        <v>216116</v>
      </c>
      <c r="DL32" s="332">
        <v>0</v>
      </c>
      <c r="DM32" s="327">
        <v>968539</v>
      </c>
      <c r="DN32" s="327">
        <v>1159571</v>
      </c>
      <c r="DO32" s="327">
        <v>1932528</v>
      </c>
      <c r="DP32" s="327">
        <v>1139750</v>
      </c>
      <c r="DQ32" s="327">
        <v>614936</v>
      </c>
      <c r="DR32" s="328">
        <v>5815324</v>
      </c>
      <c r="DS32" s="330">
        <v>6031440</v>
      </c>
      <c r="DT32" s="326">
        <v>27250</v>
      </c>
      <c r="DU32" s="327">
        <v>144547</v>
      </c>
      <c r="DV32" s="328">
        <v>171797</v>
      </c>
      <c r="DW32" s="326">
        <v>0</v>
      </c>
      <c r="DX32" s="327">
        <v>668259</v>
      </c>
      <c r="DY32" s="327">
        <v>1020069</v>
      </c>
      <c r="DZ32" s="327">
        <v>1860141</v>
      </c>
      <c r="EA32" s="327">
        <v>1036569</v>
      </c>
      <c r="EB32" s="327">
        <v>522956</v>
      </c>
      <c r="EC32" s="328">
        <v>5107994</v>
      </c>
      <c r="ED32" s="330">
        <v>5279791</v>
      </c>
      <c r="EE32" s="326">
        <v>16711</v>
      </c>
      <c r="EF32" s="331">
        <v>27608</v>
      </c>
      <c r="EG32" s="328">
        <v>44319</v>
      </c>
      <c r="EH32" s="326">
        <v>0</v>
      </c>
      <c r="EI32" s="327">
        <v>300280</v>
      </c>
      <c r="EJ32" s="327">
        <v>139502</v>
      </c>
      <c r="EK32" s="327">
        <v>72387</v>
      </c>
      <c r="EL32" s="327">
        <v>103181</v>
      </c>
      <c r="EM32" s="327">
        <v>91980</v>
      </c>
      <c r="EN32" s="331">
        <v>707330</v>
      </c>
      <c r="EO32" s="330">
        <v>751649</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771607</v>
      </c>
      <c r="FM32" s="327">
        <v>1753768</v>
      </c>
      <c r="FN32" s="328">
        <v>2525375</v>
      </c>
      <c r="FO32" s="326">
        <v>0</v>
      </c>
      <c r="FP32" s="327">
        <v>876659</v>
      </c>
      <c r="FQ32" s="327">
        <v>1845969</v>
      </c>
      <c r="FR32" s="327">
        <v>1615358</v>
      </c>
      <c r="FS32" s="327">
        <v>1379951</v>
      </c>
      <c r="FT32" s="327">
        <v>1383378</v>
      </c>
      <c r="FU32" s="328">
        <v>7101315</v>
      </c>
      <c r="FV32" s="330">
        <v>9626690</v>
      </c>
      <c r="FW32" s="333">
        <v>512209</v>
      </c>
      <c r="FX32" s="327">
        <v>1149004</v>
      </c>
      <c r="FY32" s="331">
        <v>1661213</v>
      </c>
      <c r="FZ32" s="332">
        <v>0</v>
      </c>
      <c r="GA32" s="327">
        <v>586265</v>
      </c>
      <c r="GB32" s="327">
        <v>1693383</v>
      </c>
      <c r="GC32" s="327">
        <v>1592153</v>
      </c>
      <c r="GD32" s="327">
        <v>1379951</v>
      </c>
      <c r="GE32" s="327">
        <v>1187868</v>
      </c>
      <c r="GF32" s="328">
        <v>6439620</v>
      </c>
      <c r="GG32" s="334">
        <v>8100833</v>
      </c>
      <c r="GH32" s="333">
        <v>79398</v>
      </c>
      <c r="GI32" s="327">
        <v>184644</v>
      </c>
      <c r="GJ32" s="331">
        <v>264042</v>
      </c>
      <c r="GK32" s="332">
        <v>0</v>
      </c>
      <c r="GL32" s="327">
        <v>137754</v>
      </c>
      <c r="GM32" s="327">
        <v>130086</v>
      </c>
      <c r="GN32" s="327">
        <v>23205</v>
      </c>
      <c r="GO32" s="327">
        <v>0</v>
      </c>
      <c r="GP32" s="327">
        <v>0</v>
      </c>
      <c r="GQ32" s="328">
        <v>291045</v>
      </c>
      <c r="GR32" s="330">
        <v>555087</v>
      </c>
      <c r="GS32" s="326">
        <v>180000</v>
      </c>
      <c r="GT32" s="327">
        <v>420120</v>
      </c>
      <c r="GU32" s="328">
        <v>600120</v>
      </c>
      <c r="GV32" s="326">
        <v>0</v>
      </c>
      <c r="GW32" s="327">
        <v>152640</v>
      </c>
      <c r="GX32" s="327">
        <v>22500</v>
      </c>
      <c r="GY32" s="327">
        <v>0</v>
      </c>
      <c r="GZ32" s="327">
        <v>0</v>
      </c>
      <c r="HA32" s="327">
        <v>195510</v>
      </c>
      <c r="HB32" s="331">
        <v>370650</v>
      </c>
      <c r="HC32" s="330">
        <v>970770</v>
      </c>
      <c r="HD32" s="326">
        <v>758116</v>
      </c>
      <c r="HE32" s="327">
        <v>1267185</v>
      </c>
      <c r="HF32" s="331">
        <v>2025301</v>
      </c>
      <c r="HG32" s="332">
        <v>0</v>
      </c>
      <c r="HH32" s="327">
        <v>8515003</v>
      </c>
      <c r="HI32" s="327">
        <v>5274985</v>
      </c>
      <c r="HJ32" s="327">
        <v>6228878</v>
      </c>
      <c r="HK32" s="327">
        <v>7144836</v>
      </c>
      <c r="HL32" s="327">
        <v>4063987</v>
      </c>
      <c r="HM32" s="328">
        <v>31227689</v>
      </c>
      <c r="HN32" s="329">
        <v>33252990</v>
      </c>
      <c r="HO32" s="333">
        <v>677439</v>
      </c>
      <c r="HP32" s="327">
        <v>899285</v>
      </c>
      <c r="HQ32" s="328">
        <v>1576724</v>
      </c>
      <c r="HR32" s="326">
        <v>0</v>
      </c>
      <c r="HS32" s="327">
        <v>3538524</v>
      </c>
      <c r="HT32" s="327">
        <v>2346987</v>
      </c>
      <c r="HU32" s="327">
        <v>1880231</v>
      </c>
      <c r="HV32" s="327">
        <v>1499893</v>
      </c>
      <c r="HW32" s="327">
        <v>872102</v>
      </c>
      <c r="HX32" s="331">
        <v>10137737</v>
      </c>
      <c r="HY32" s="330">
        <v>11714461</v>
      </c>
      <c r="HZ32" s="358">
        <v>0</v>
      </c>
      <c r="IA32" s="356">
        <v>0</v>
      </c>
      <c r="IB32" s="358">
        <v>0</v>
      </c>
      <c r="IC32" s="355">
        <v>0</v>
      </c>
      <c r="ID32" s="356">
        <v>5094903</v>
      </c>
      <c r="IE32" s="357">
        <v>5274055</v>
      </c>
      <c r="IF32" s="358">
        <v>7183323</v>
      </c>
      <c r="IG32" s="356">
        <v>4860335</v>
      </c>
      <c r="IH32" s="358">
        <v>3623698</v>
      </c>
      <c r="II32" s="359">
        <v>26036314</v>
      </c>
      <c r="IJ32" s="358">
        <v>26036314</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13">
        <v>0</v>
      </c>
      <c r="IZ32" s="345">
        <v>0</v>
      </c>
      <c r="JA32" s="345">
        <v>0</v>
      </c>
      <c r="JB32" s="345">
        <v>0</v>
      </c>
      <c r="JC32" s="345">
        <v>0</v>
      </c>
      <c r="JD32" s="345">
        <v>0</v>
      </c>
      <c r="JE32" s="349">
        <v>0</v>
      </c>
      <c r="JF32" s="350">
        <v>0</v>
      </c>
      <c r="JG32" s="348">
        <v>0</v>
      </c>
      <c r="JH32" s="345">
        <v>0</v>
      </c>
      <c r="JI32" s="346">
        <v>0</v>
      </c>
      <c r="JJ32" s="351">
        <v>0</v>
      </c>
      <c r="JK32" s="345">
        <v>1730948</v>
      </c>
      <c r="JL32" s="345">
        <v>841627</v>
      </c>
      <c r="JM32" s="345">
        <v>715276</v>
      </c>
      <c r="JN32" s="345">
        <v>208419</v>
      </c>
      <c r="JO32" s="345">
        <v>260190</v>
      </c>
      <c r="JP32" s="349">
        <v>3756460</v>
      </c>
      <c r="JQ32" s="347">
        <v>3756460</v>
      </c>
      <c r="JR32" s="348">
        <v>0</v>
      </c>
      <c r="JS32" s="345">
        <v>0</v>
      </c>
      <c r="JT32" s="346">
        <v>0</v>
      </c>
      <c r="JU32" s="351">
        <v>0</v>
      </c>
      <c r="JV32" s="345">
        <v>274084</v>
      </c>
      <c r="JW32" s="345">
        <v>139162</v>
      </c>
      <c r="JX32" s="345">
        <v>335189</v>
      </c>
      <c r="JY32" s="345">
        <v>254464</v>
      </c>
      <c r="JZ32" s="345">
        <v>0</v>
      </c>
      <c r="KA32" s="349">
        <v>1002899</v>
      </c>
      <c r="KB32" s="347">
        <v>1002899</v>
      </c>
      <c r="KC32" s="352">
        <v>0</v>
      </c>
      <c r="KD32" s="353">
        <v>0</v>
      </c>
      <c r="KE32" s="349">
        <v>0</v>
      </c>
      <c r="KF32" s="351">
        <v>0</v>
      </c>
      <c r="KG32" s="345">
        <v>1288869</v>
      </c>
      <c r="KH32" s="345">
        <v>1395317</v>
      </c>
      <c r="KI32" s="345">
        <v>1108561</v>
      </c>
      <c r="KJ32" s="345">
        <v>494506</v>
      </c>
      <c r="KK32" s="345">
        <v>0</v>
      </c>
      <c r="KL32" s="349">
        <v>4287253</v>
      </c>
      <c r="KM32" s="354">
        <v>4287253</v>
      </c>
      <c r="KN32" s="342">
        <v>0</v>
      </c>
      <c r="KO32" s="343">
        <v>0</v>
      </c>
      <c r="KP32" s="344">
        <v>0</v>
      </c>
      <c r="KQ32" s="413">
        <v>0</v>
      </c>
      <c r="KR32" s="345">
        <v>1272916</v>
      </c>
      <c r="KS32" s="345">
        <v>2329496</v>
      </c>
      <c r="KT32" s="345">
        <v>2135107</v>
      </c>
      <c r="KU32" s="345">
        <v>1359948</v>
      </c>
      <c r="KV32" s="345">
        <v>1473072</v>
      </c>
      <c r="KW32" s="349">
        <v>8570539</v>
      </c>
      <c r="KX32" s="347">
        <v>8570539</v>
      </c>
      <c r="KY32" s="348">
        <v>0</v>
      </c>
      <c r="KZ32" s="345">
        <v>0</v>
      </c>
      <c r="LA32" s="349">
        <v>0</v>
      </c>
      <c r="LB32" s="413">
        <v>0</v>
      </c>
      <c r="LC32" s="345">
        <v>0</v>
      </c>
      <c r="LD32" s="345">
        <v>0</v>
      </c>
      <c r="LE32" s="345">
        <v>0</v>
      </c>
      <c r="LF32" s="345">
        <v>0</v>
      </c>
      <c r="LG32" s="345">
        <v>0</v>
      </c>
      <c r="LH32" s="349">
        <v>0</v>
      </c>
      <c r="LI32" s="350">
        <v>0</v>
      </c>
      <c r="LJ32" s="348">
        <v>0</v>
      </c>
      <c r="LK32" s="345">
        <v>0</v>
      </c>
      <c r="LL32" s="349">
        <v>0</v>
      </c>
      <c r="LM32" s="413">
        <v>0</v>
      </c>
      <c r="LN32" s="345">
        <v>0</v>
      </c>
      <c r="LO32" s="345">
        <v>0</v>
      </c>
      <c r="LP32" s="345">
        <v>1800570</v>
      </c>
      <c r="LQ32" s="345">
        <v>2542998</v>
      </c>
      <c r="LR32" s="345">
        <v>1551291</v>
      </c>
      <c r="LS32" s="349">
        <v>5894859</v>
      </c>
      <c r="LT32" s="347">
        <v>5894859</v>
      </c>
      <c r="LU32" s="348">
        <v>0</v>
      </c>
      <c r="LV32" s="345">
        <v>0</v>
      </c>
      <c r="LW32" s="349">
        <v>0</v>
      </c>
      <c r="LX32" s="413">
        <v>0</v>
      </c>
      <c r="LY32" s="345">
        <v>528086</v>
      </c>
      <c r="LZ32" s="345">
        <v>568453</v>
      </c>
      <c r="MA32" s="345">
        <v>915516</v>
      </c>
      <c r="MB32" s="345">
        <v>0</v>
      </c>
      <c r="MC32" s="345">
        <v>339145</v>
      </c>
      <c r="MD32" s="349">
        <v>2351200</v>
      </c>
      <c r="ME32" s="350">
        <v>2351200</v>
      </c>
      <c r="MF32" s="348">
        <v>0</v>
      </c>
      <c r="MG32" s="345">
        <v>0</v>
      </c>
      <c r="MH32" s="349">
        <v>0</v>
      </c>
      <c r="MI32" s="413">
        <v>0</v>
      </c>
      <c r="MJ32" s="345">
        <v>1967117</v>
      </c>
      <c r="MK32" s="345">
        <v>4139934</v>
      </c>
      <c r="ML32" s="345">
        <v>14000536</v>
      </c>
      <c r="MM32" s="345">
        <v>24609975</v>
      </c>
      <c r="MN32" s="345">
        <v>16735267</v>
      </c>
      <c r="MO32" s="349">
        <v>61452829</v>
      </c>
      <c r="MP32" s="354">
        <v>61452829</v>
      </c>
      <c r="MQ32" s="348">
        <v>0</v>
      </c>
      <c r="MR32" s="345">
        <v>0</v>
      </c>
      <c r="MS32" s="349">
        <v>0</v>
      </c>
      <c r="MT32" s="413">
        <v>0</v>
      </c>
      <c r="MU32" s="345">
        <v>702383</v>
      </c>
      <c r="MV32" s="345">
        <v>235784</v>
      </c>
      <c r="MW32" s="345">
        <v>8348163</v>
      </c>
      <c r="MX32" s="345">
        <v>17558383</v>
      </c>
      <c r="MY32" s="345">
        <v>12310032</v>
      </c>
      <c r="MZ32" s="349">
        <v>39154745</v>
      </c>
      <c r="NA32" s="354">
        <v>39154745</v>
      </c>
      <c r="NB32" s="348">
        <v>0</v>
      </c>
      <c r="NC32" s="345">
        <v>0</v>
      </c>
      <c r="ND32" s="349">
        <v>0</v>
      </c>
      <c r="NE32" s="413">
        <v>0</v>
      </c>
      <c r="NF32" s="345">
        <v>1264734</v>
      </c>
      <c r="NG32" s="345">
        <v>3904150</v>
      </c>
      <c r="NH32" s="345">
        <v>5652373</v>
      </c>
      <c r="NI32" s="345">
        <v>6667361</v>
      </c>
      <c r="NJ32" s="345">
        <v>3301685</v>
      </c>
      <c r="NK32" s="349">
        <v>20790303</v>
      </c>
      <c r="NL32" s="347">
        <v>20790303</v>
      </c>
      <c r="NM32" s="348">
        <v>0</v>
      </c>
      <c r="NN32" s="345">
        <v>0</v>
      </c>
      <c r="NO32" s="349">
        <v>0</v>
      </c>
      <c r="NP32" s="413">
        <v>0</v>
      </c>
      <c r="NQ32" s="345">
        <v>0</v>
      </c>
      <c r="NR32" s="345">
        <v>0</v>
      </c>
      <c r="NS32" s="345">
        <v>0</v>
      </c>
      <c r="NT32" s="345">
        <v>0</v>
      </c>
      <c r="NU32" s="345">
        <v>0</v>
      </c>
      <c r="NV32" s="349">
        <v>0</v>
      </c>
      <c r="NW32" s="350">
        <v>0</v>
      </c>
      <c r="NX32" s="348">
        <v>0</v>
      </c>
      <c r="NY32" s="345">
        <v>0</v>
      </c>
      <c r="NZ32" s="349">
        <v>0</v>
      </c>
      <c r="OA32" s="413">
        <v>0</v>
      </c>
      <c r="OB32" s="345">
        <v>0</v>
      </c>
      <c r="OC32" s="345">
        <v>0</v>
      </c>
      <c r="OD32" s="345">
        <v>0</v>
      </c>
      <c r="OE32" s="345">
        <v>384231</v>
      </c>
      <c r="OF32" s="345">
        <v>1123550</v>
      </c>
      <c r="OG32" s="349">
        <v>1507781</v>
      </c>
      <c r="OH32" s="350">
        <v>1507781</v>
      </c>
      <c r="OI32" s="348">
        <v>3466358</v>
      </c>
      <c r="OJ32" s="345">
        <v>7352130</v>
      </c>
      <c r="OK32" s="346">
        <v>10818488</v>
      </c>
      <c r="OL32" s="351">
        <v>0</v>
      </c>
      <c r="OM32" s="345">
        <v>33968551</v>
      </c>
      <c r="ON32" s="345">
        <v>31850606</v>
      </c>
      <c r="OO32" s="345">
        <v>43202117</v>
      </c>
      <c r="OP32" s="345">
        <v>52379286</v>
      </c>
      <c r="OQ32" s="345">
        <v>37798943</v>
      </c>
      <c r="OR32" s="349">
        <v>199199503</v>
      </c>
      <c r="OS32" s="354">
        <v>210017991</v>
      </c>
    </row>
    <row r="33" spans="2:409" s="70" customFormat="1" ht="21" customHeight="1" x14ac:dyDescent="0.2">
      <c r="B33" s="410" t="s">
        <v>28</v>
      </c>
      <c r="C33" s="326">
        <v>287490</v>
      </c>
      <c r="D33" s="327">
        <v>642099</v>
      </c>
      <c r="E33" s="328">
        <v>929589</v>
      </c>
      <c r="F33" s="329">
        <v>0</v>
      </c>
      <c r="G33" s="327">
        <v>5558499</v>
      </c>
      <c r="H33" s="327">
        <v>9543020</v>
      </c>
      <c r="I33" s="327">
        <v>6491950</v>
      </c>
      <c r="J33" s="327">
        <v>6750765</v>
      </c>
      <c r="K33" s="327">
        <v>5278790</v>
      </c>
      <c r="L33" s="367">
        <v>33623024</v>
      </c>
      <c r="M33" s="330">
        <v>34552613</v>
      </c>
      <c r="N33" s="326">
        <v>54975</v>
      </c>
      <c r="O33" s="327">
        <v>118848</v>
      </c>
      <c r="P33" s="328">
        <v>173823</v>
      </c>
      <c r="Q33" s="326">
        <v>0</v>
      </c>
      <c r="R33" s="327">
        <v>957368</v>
      </c>
      <c r="S33" s="327">
        <v>1822459</v>
      </c>
      <c r="T33" s="327">
        <v>1417749</v>
      </c>
      <c r="U33" s="327">
        <v>1428213</v>
      </c>
      <c r="V33" s="327">
        <v>2114298</v>
      </c>
      <c r="W33" s="328">
        <v>7740087</v>
      </c>
      <c r="X33" s="330">
        <v>7913910</v>
      </c>
      <c r="Y33" s="326">
        <v>0</v>
      </c>
      <c r="Z33" s="327">
        <v>0</v>
      </c>
      <c r="AA33" s="328">
        <v>0</v>
      </c>
      <c r="AB33" s="326">
        <v>0</v>
      </c>
      <c r="AC33" s="327">
        <v>456525</v>
      </c>
      <c r="AD33" s="327">
        <v>1026149</v>
      </c>
      <c r="AE33" s="327">
        <v>424411</v>
      </c>
      <c r="AF33" s="327">
        <v>467920</v>
      </c>
      <c r="AG33" s="327">
        <v>1241721</v>
      </c>
      <c r="AH33" s="328">
        <v>3616726</v>
      </c>
      <c r="AI33" s="330">
        <v>3616726</v>
      </c>
      <c r="AJ33" s="326">
        <v>0</v>
      </c>
      <c r="AK33" s="327">
        <v>0</v>
      </c>
      <c r="AL33" s="328">
        <v>0</v>
      </c>
      <c r="AM33" s="326">
        <v>0</v>
      </c>
      <c r="AN33" s="327">
        <v>0</v>
      </c>
      <c r="AO33" s="327">
        <v>0</v>
      </c>
      <c r="AP33" s="327">
        <v>210159</v>
      </c>
      <c r="AQ33" s="327">
        <v>116895</v>
      </c>
      <c r="AR33" s="327">
        <v>231172</v>
      </c>
      <c r="AS33" s="328">
        <v>558226</v>
      </c>
      <c r="AT33" s="330">
        <v>558226</v>
      </c>
      <c r="AU33" s="326">
        <v>49809</v>
      </c>
      <c r="AV33" s="327">
        <v>113466</v>
      </c>
      <c r="AW33" s="328">
        <v>163275</v>
      </c>
      <c r="AX33" s="326">
        <v>0</v>
      </c>
      <c r="AY33" s="327">
        <v>350566</v>
      </c>
      <c r="AZ33" s="327">
        <v>569011</v>
      </c>
      <c r="BA33" s="327">
        <v>539020</v>
      </c>
      <c r="BB33" s="327">
        <v>667216</v>
      </c>
      <c r="BC33" s="327">
        <v>340472</v>
      </c>
      <c r="BD33" s="328">
        <v>2466285</v>
      </c>
      <c r="BE33" s="330">
        <v>2629560</v>
      </c>
      <c r="BF33" s="326">
        <v>0</v>
      </c>
      <c r="BG33" s="327">
        <v>0</v>
      </c>
      <c r="BH33" s="331">
        <v>0</v>
      </c>
      <c r="BI33" s="332">
        <v>0</v>
      </c>
      <c r="BJ33" s="327">
        <v>17514</v>
      </c>
      <c r="BK33" s="327">
        <v>0</v>
      </c>
      <c r="BL33" s="327">
        <v>71325</v>
      </c>
      <c r="BM33" s="327">
        <v>26747</v>
      </c>
      <c r="BN33" s="327">
        <v>50100</v>
      </c>
      <c r="BO33" s="328">
        <v>165686</v>
      </c>
      <c r="BP33" s="330">
        <v>165686</v>
      </c>
      <c r="BQ33" s="326">
        <v>5166</v>
      </c>
      <c r="BR33" s="327">
        <v>5382</v>
      </c>
      <c r="BS33" s="328">
        <v>10548</v>
      </c>
      <c r="BT33" s="326">
        <v>0</v>
      </c>
      <c r="BU33" s="327">
        <v>132763</v>
      </c>
      <c r="BV33" s="327">
        <v>227299</v>
      </c>
      <c r="BW33" s="327">
        <v>172834</v>
      </c>
      <c r="BX33" s="327">
        <v>149435</v>
      </c>
      <c r="BY33" s="327">
        <v>250833</v>
      </c>
      <c r="BZ33" s="328">
        <v>933164</v>
      </c>
      <c r="CA33" s="330">
        <v>943712</v>
      </c>
      <c r="CB33" s="326">
        <v>44028</v>
      </c>
      <c r="CC33" s="327">
        <v>170587</v>
      </c>
      <c r="CD33" s="328">
        <v>214615</v>
      </c>
      <c r="CE33" s="326">
        <v>0</v>
      </c>
      <c r="CF33" s="327">
        <v>2040408</v>
      </c>
      <c r="CG33" s="327">
        <v>4044775</v>
      </c>
      <c r="CH33" s="327">
        <v>2556804</v>
      </c>
      <c r="CI33" s="327">
        <v>2375302</v>
      </c>
      <c r="CJ33" s="327">
        <v>1043679</v>
      </c>
      <c r="CK33" s="328">
        <v>12060968</v>
      </c>
      <c r="CL33" s="330">
        <v>12275583</v>
      </c>
      <c r="CM33" s="326">
        <v>0</v>
      </c>
      <c r="CN33" s="327">
        <v>0</v>
      </c>
      <c r="CO33" s="328">
        <v>0</v>
      </c>
      <c r="CP33" s="332">
        <v>0</v>
      </c>
      <c r="CQ33" s="327">
        <v>1452708</v>
      </c>
      <c r="CR33" s="327">
        <v>3042059</v>
      </c>
      <c r="CS33" s="327">
        <v>2103270</v>
      </c>
      <c r="CT33" s="327">
        <v>1329697</v>
      </c>
      <c r="CU33" s="327">
        <v>826607</v>
      </c>
      <c r="CV33" s="328">
        <v>8754341</v>
      </c>
      <c r="CW33" s="330">
        <v>8754341</v>
      </c>
      <c r="CX33" s="326">
        <v>44028</v>
      </c>
      <c r="CY33" s="327">
        <v>170587</v>
      </c>
      <c r="CZ33" s="328">
        <v>214615</v>
      </c>
      <c r="DA33" s="326">
        <v>0</v>
      </c>
      <c r="DB33" s="327">
        <v>587700</v>
      </c>
      <c r="DC33" s="327">
        <v>1002716</v>
      </c>
      <c r="DD33" s="327">
        <v>453534</v>
      </c>
      <c r="DE33" s="327">
        <v>1045605</v>
      </c>
      <c r="DF33" s="327">
        <v>217072</v>
      </c>
      <c r="DG33" s="328">
        <v>3306627</v>
      </c>
      <c r="DH33" s="330">
        <v>3521242</v>
      </c>
      <c r="DI33" s="326">
        <v>0</v>
      </c>
      <c r="DJ33" s="327">
        <v>0</v>
      </c>
      <c r="DK33" s="331">
        <v>0</v>
      </c>
      <c r="DL33" s="332">
        <v>0</v>
      </c>
      <c r="DM33" s="327">
        <v>82830</v>
      </c>
      <c r="DN33" s="327">
        <v>252864</v>
      </c>
      <c r="DO33" s="327">
        <v>523080</v>
      </c>
      <c r="DP33" s="327">
        <v>1216012</v>
      </c>
      <c r="DQ33" s="327">
        <v>313402</v>
      </c>
      <c r="DR33" s="328">
        <v>2388188</v>
      </c>
      <c r="DS33" s="330">
        <v>2388188</v>
      </c>
      <c r="DT33" s="326">
        <v>0</v>
      </c>
      <c r="DU33" s="327">
        <v>0</v>
      </c>
      <c r="DV33" s="328">
        <v>0</v>
      </c>
      <c r="DW33" s="326">
        <v>0</v>
      </c>
      <c r="DX33" s="327">
        <v>33672</v>
      </c>
      <c r="DY33" s="327">
        <v>252864</v>
      </c>
      <c r="DZ33" s="327">
        <v>345577</v>
      </c>
      <c r="EA33" s="327">
        <v>1055684</v>
      </c>
      <c r="EB33" s="327">
        <v>288928</v>
      </c>
      <c r="EC33" s="328">
        <v>1976725</v>
      </c>
      <c r="ED33" s="330">
        <v>1976725</v>
      </c>
      <c r="EE33" s="326">
        <v>0</v>
      </c>
      <c r="EF33" s="331">
        <v>0</v>
      </c>
      <c r="EG33" s="328">
        <v>0</v>
      </c>
      <c r="EH33" s="326">
        <v>0</v>
      </c>
      <c r="EI33" s="327">
        <v>49158</v>
      </c>
      <c r="EJ33" s="327">
        <v>0</v>
      </c>
      <c r="EK33" s="327">
        <v>177503</v>
      </c>
      <c r="EL33" s="327">
        <v>160328</v>
      </c>
      <c r="EM33" s="327">
        <v>24474</v>
      </c>
      <c r="EN33" s="331">
        <v>411463</v>
      </c>
      <c r="EO33" s="330">
        <v>411463</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147042</v>
      </c>
      <c r="FM33" s="327">
        <v>223600</v>
      </c>
      <c r="FN33" s="328">
        <v>370642</v>
      </c>
      <c r="FO33" s="326">
        <v>0</v>
      </c>
      <c r="FP33" s="327">
        <v>423761</v>
      </c>
      <c r="FQ33" s="327">
        <v>950012</v>
      </c>
      <c r="FR33" s="327">
        <v>516959</v>
      </c>
      <c r="FS33" s="327">
        <v>622329</v>
      </c>
      <c r="FT33" s="327">
        <v>314028</v>
      </c>
      <c r="FU33" s="328">
        <v>2827089</v>
      </c>
      <c r="FV33" s="330">
        <v>3197731</v>
      </c>
      <c r="FW33" s="333">
        <v>28242</v>
      </c>
      <c r="FX33" s="327">
        <v>151780</v>
      </c>
      <c r="FY33" s="331">
        <v>180022</v>
      </c>
      <c r="FZ33" s="332">
        <v>0</v>
      </c>
      <c r="GA33" s="327">
        <v>297934</v>
      </c>
      <c r="GB33" s="327">
        <v>897308</v>
      </c>
      <c r="GC33" s="327">
        <v>516959</v>
      </c>
      <c r="GD33" s="327">
        <v>539457</v>
      </c>
      <c r="GE33" s="327">
        <v>314028</v>
      </c>
      <c r="GF33" s="328">
        <v>2565686</v>
      </c>
      <c r="GG33" s="334">
        <v>2745708</v>
      </c>
      <c r="GH33" s="333">
        <v>0</v>
      </c>
      <c r="GI33" s="327">
        <v>0</v>
      </c>
      <c r="GJ33" s="331">
        <v>0</v>
      </c>
      <c r="GK33" s="332">
        <v>0</v>
      </c>
      <c r="GL33" s="327">
        <v>25027</v>
      </c>
      <c r="GM33" s="327">
        <v>19404</v>
      </c>
      <c r="GN33" s="327">
        <v>0</v>
      </c>
      <c r="GO33" s="327">
        <v>82872</v>
      </c>
      <c r="GP33" s="327">
        <v>0</v>
      </c>
      <c r="GQ33" s="328">
        <v>127303</v>
      </c>
      <c r="GR33" s="330">
        <v>127303</v>
      </c>
      <c r="GS33" s="326">
        <v>118800</v>
      </c>
      <c r="GT33" s="327">
        <v>71820</v>
      </c>
      <c r="GU33" s="328">
        <v>190620</v>
      </c>
      <c r="GV33" s="326">
        <v>0</v>
      </c>
      <c r="GW33" s="327">
        <v>100800</v>
      </c>
      <c r="GX33" s="327">
        <v>33300</v>
      </c>
      <c r="GY33" s="327">
        <v>0</v>
      </c>
      <c r="GZ33" s="327">
        <v>0</v>
      </c>
      <c r="HA33" s="327">
        <v>0</v>
      </c>
      <c r="HB33" s="331">
        <v>134100</v>
      </c>
      <c r="HC33" s="330">
        <v>324720</v>
      </c>
      <c r="HD33" s="326">
        <v>0</v>
      </c>
      <c r="HE33" s="327">
        <v>0</v>
      </c>
      <c r="HF33" s="331">
        <v>0</v>
      </c>
      <c r="HG33" s="332">
        <v>0</v>
      </c>
      <c r="HH33" s="327">
        <v>846898</v>
      </c>
      <c r="HI33" s="327">
        <v>1229541</v>
      </c>
      <c r="HJ33" s="327">
        <v>641702</v>
      </c>
      <c r="HK33" s="327">
        <v>483592</v>
      </c>
      <c r="HL33" s="327">
        <v>1187825</v>
      </c>
      <c r="HM33" s="328">
        <v>4389558</v>
      </c>
      <c r="HN33" s="329">
        <v>4389558</v>
      </c>
      <c r="HO33" s="333">
        <v>41445</v>
      </c>
      <c r="HP33" s="327">
        <v>129064</v>
      </c>
      <c r="HQ33" s="328">
        <v>170509</v>
      </c>
      <c r="HR33" s="326">
        <v>0</v>
      </c>
      <c r="HS33" s="327">
        <v>1207234</v>
      </c>
      <c r="HT33" s="327">
        <v>1243369</v>
      </c>
      <c r="HU33" s="327">
        <v>835656</v>
      </c>
      <c r="HV33" s="327">
        <v>625317</v>
      </c>
      <c r="HW33" s="327">
        <v>305558</v>
      </c>
      <c r="HX33" s="331">
        <v>4217134</v>
      </c>
      <c r="HY33" s="330">
        <v>4387643</v>
      </c>
      <c r="HZ33" s="335">
        <v>0</v>
      </c>
      <c r="IA33" s="336">
        <v>0</v>
      </c>
      <c r="IB33" s="337">
        <v>0</v>
      </c>
      <c r="IC33" s="338">
        <v>0</v>
      </c>
      <c r="ID33" s="336">
        <v>1751546</v>
      </c>
      <c r="IE33" s="339">
        <v>1907193</v>
      </c>
      <c r="IF33" s="337">
        <v>1282989</v>
      </c>
      <c r="IG33" s="336">
        <v>1425832</v>
      </c>
      <c r="IH33" s="337">
        <v>1444679</v>
      </c>
      <c r="II33" s="340">
        <v>7812239</v>
      </c>
      <c r="IJ33" s="341">
        <v>7812239</v>
      </c>
      <c r="IK33" s="342">
        <v>0</v>
      </c>
      <c r="IL33" s="343">
        <v>0</v>
      </c>
      <c r="IM33" s="344">
        <v>0</v>
      </c>
      <c r="IN33" s="404">
        <v>0</v>
      </c>
      <c r="IO33" s="345">
        <v>0</v>
      </c>
      <c r="IP33" s="345">
        <v>0</v>
      </c>
      <c r="IQ33" s="345">
        <v>0</v>
      </c>
      <c r="IR33" s="345">
        <v>0</v>
      </c>
      <c r="IS33" s="345">
        <v>252783</v>
      </c>
      <c r="IT33" s="346">
        <v>252783</v>
      </c>
      <c r="IU33" s="347">
        <v>252783</v>
      </c>
      <c r="IV33" s="348">
        <v>0</v>
      </c>
      <c r="IW33" s="345">
        <v>0</v>
      </c>
      <c r="IX33" s="349">
        <v>0</v>
      </c>
      <c r="IY33" s="413">
        <v>0</v>
      </c>
      <c r="IZ33" s="345">
        <v>0</v>
      </c>
      <c r="JA33" s="345">
        <v>0</v>
      </c>
      <c r="JB33" s="345">
        <v>0</v>
      </c>
      <c r="JC33" s="345">
        <v>0</v>
      </c>
      <c r="JD33" s="345">
        <v>0</v>
      </c>
      <c r="JE33" s="349">
        <v>0</v>
      </c>
      <c r="JF33" s="350">
        <v>0</v>
      </c>
      <c r="JG33" s="348">
        <v>0</v>
      </c>
      <c r="JH33" s="345">
        <v>0</v>
      </c>
      <c r="JI33" s="346">
        <v>0</v>
      </c>
      <c r="JJ33" s="351">
        <v>0</v>
      </c>
      <c r="JK33" s="345">
        <v>784243</v>
      </c>
      <c r="JL33" s="345">
        <v>501169</v>
      </c>
      <c r="JM33" s="345">
        <v>377100</v>
      </c>
      <c r="JN33" s="345">
        <v>129364</v>
      </c>
      <c r="JO33" s="345">
        <v>40483</v>
      </c>
      <c r="JP33" s="349">
        <v>1832359</v>
      </c>
      <c r="JQ33" s="347">
        <v>1832359</v>
      </c>
      <c r="JR33" s="348">
        <v>0</v>
      </c>
      <c r="JS33" s="345">
        <v>0</v>
      </c>
      <c r="JT33" s="346">
        <v>0</v>
      </c>
      <c r="JU33" s="351">
        <v>0</v>
      </c>
      <c r="JV33" s="345">
        <v>429611</v>
      </c>
      <c r="JW33" s="345">
        <v>268383</v>
      </c>
      <c r="JX33" s="345">
        <v>153632</v>
      </c>
      <c r="JY33" s="345">
        <v>342603</v>
      </c>
      <c r="JZ33" s="345">
        <v>0</v>
      </c>
      <c r="KA33" s="349">
        <v>1194229</v>
      </c>
      <c r="KB33" s="347">
        <v>1194229</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13">
        <v>0</v>
      </c>
      <c r="KR33" s="345">
        <v>537692</v>
      </c>
      <c r="KS33" s="345">
        <v>1137641</v>
      </c>
      <c r="KT33" s="345">
        <v>752257</v>
      </c>
      <c r="KU33" s="345">
        <v>613557</v>
      </c>
      <c r="KV33" s="345">
        <v>1151413</v>
      </c>
      <c r="KW33" s="349">
        <v>4192560</v>
      </c>
      <c r="KX33" s="347">
        <v>4192560</v>
      </c>
      <c r="KY33" s="348">
        <v>0</v>
      </c>
      <c r="KZ33" s="345">
        <v>0</v>
      </c>
      <c r="LA33" s="349">
        <v>0</v>
      </c>
      <c r="LB33" s="413">
        <v>0</v>
      </c>
      <c r="LC33" s="345">
        <v>0</v>
      </c>
      <c r="LD33" s="345">
        <v>0</v>
      </c>
      <c r="LE33" s="345">
        <v>0</v>
      </c>
      <c r="LF33" s="345">
        <v>0</v>
      </c>
      <c r="LG33" s="345">
        <v>0</v>
      </c>
      <c r="LH33" s="349">
        <v>0</v>
      </c>
      <c r="LI33" s="350">
        <v>0</v>
      </c>
      <c r="LJ33" s="348">
        <v>0</v>
      </c>
      <c r="LK33" s="345">
        <v>0</v>
      </c>
      <c r="LL33" s="349">
        <v>0</v>
      </c>
      <c r="LM33" s="413">
        <v>0</v>
      </c>
      <c r="LN33" s="345">
        <v>0</v>
      </c>
      <c r="LO33" s="345">
        <v>0</v>
      </c>
      <c r="LP33" s="345">
        <v>0</v>
      </c>
      <c r="LQ33" s="345">
        <v>340308</v>
      </c>
      <c r="LR33" s="345">
        <v>0</v>
      </c>
      <c r="LS33" s="349">
        <v>340308</v>
      </c>
      <c r="LT33" s="347">
        <v>340308</v>
      </c>
      <c r="LU33" s="348">
        <v>0</v>
      </c>
      <c r="LV33" s="345">
        <v>0</v>
      </c>
      <c r="LW33" s="349">
        <v>0</v>
      </c>
      <c r="LX33" s="413">
        <v>0</v>
      </c>
      <c r="LY33" s="345">
        <v>0</v>
      </c>
      <c r="LZ33" s="345">
        <v>0</v>
      </c>
      <c r="MA33" s="345">
        <v>0</v>
      </c>
      <c r="MB33" s="345">
        <v>0</v>
      </c>
      <c r="MC33" s="345">
        <v>0</v>
      </c>
      <c r="MD33" s="349">
        <v>0</v>
      </c>
      <c r="ME33" s="350">
        <v>0</v>
      </c>
      <c r="MF33" s="348">
        <v>0</v>
      </c>
      <c r="MG33" s="345">
        <v>0</v>
      </c>
      <c r="MH33" s="349">
        <v>0</v>
      </c>
      <c r="MI33" s="413">
        <v>0</v>
      </c>
      <c r="MJ33" s="345">
        <v>1016422</v>
      </c>
      <c r="MK33" s="345">
        <v>1948587</v>
      </c>
      <c r="ML33" s="345">
        <v>6264826</v>
      </c>
      <c r="MM33" s="345">
        <v>8096722</v>
      </c>
      <c r="MN33" s="345">
        <v>5890791</v>
      </c>
      <c r="MO33" s="349">
        <v>23217348</v>
      </c>
      <c r="MP33" s="354">
        <v>23217348</v>
      </c>
      <c r="MQ33" s="348">
        <v>0</v>
      </c>
      <c r="MR33" s="345">
        <v>0</v>
      </c>
      <c r="MS33" s="349">
        <v>0</v>
      </c>
      <c r="MT33" s="413">
        <v>0</v>
      </c>
      <c r="MU33" s="345">
        <v>0</v>
      </c>
      <c r="MV33" s="345">
        <v>281615</v>
      </c>
      <c r="MW33" s="345">
        <v>3522933</v>
      </c>
      <c r="MX33" s="345">
        <v>6152602</v>
      </c>
      <c r="MY33" s="345">
        <v>4688929</v>
      </c>
      <c r="MZ33" s="349">
        <v>14646079</v>
      </c>
      <c r="NA33" s="354">
        <v>14646079</v>
      </c>
      <c r="NB33" s="348">
        <v>0</v>
      </c>
      <c r="NC33" s="345">
        <v>0</v>
      </c>
      <c r="ND33" s="349">
        <v>0</v>
      </c>
      <c r="NE33" s="413">
        <v>0</v>
      </c>
      <c r="NF33" s="345">
        <v>1016422</v>
      </c>
      <c r="NG33" s="345">
        <v>1666972</v>
      </c>
      <c r="NH33" s="345">
        <v>2741893</v>
      </c>
      <c r="NI33" s="345">
        <v>1529814</v>
      </c>
      <c r="NJ33" s="345">
        <v>1201862</v>
      </c>
      <c r="NK33" s="349">
        <v>8156963</v>
      </c>
      <c r="NL33" s="347">
        <v>8156963</v>
      </c>
      <c r="NM33" s="348">
        <v>0</v>
      </c>
      <c r="NN33" s="345">
        <v>0</v>
      </c>
      <c r="NO33" s="349">
        <v>0</v>
      </c>
      <c r="NP33" s="413">
        <v>0</v>
      </c>
      <c r="NQ33" s="345">
        <v>0</v>
      </c>
      <c r="NR33" s="345">
        <v>0</v>
      </c>
      <c r="NS33" s="345">
        <v>0</v>
      </c>
      <c r="NT33" s="345">
        <v>0</v>
      </c>
      <c r="NU33" s="345">
        <v>0</v>
      </c>
      <c r="NV33" s="349">
        <v>0</v>
      </c>
      <c r="NW33" s="350">
        <v>0</v>
      </c>
      <c r="NX33" s="348">
        <v>0</v>
      </c>
      <c r="NY33" s="345">
        <v>0</v>
      </c>
      <c r="NZ33" s="349">
        <v>0</v>
      </c>
      <c r="OA33" s="413">
        <v>0</v>
      </c>
      <c r="OB33" s="345">
        <v>0</v>
      </c>
      <c r="OC33" s="345">
        <v>0</v>
      </c>
      <c r="OD33" s="345">
        <v>0</v>
      </c>
      <c r="OE33" s="345">
        <v>414306</v>
      </c>
      <c r="OF33" s="345">
        <v>0</v>
      </c>
      <c r="OG33" s="349">
        <v>414306</v>
      </c>
      <c r="OH33" s="350">
        <v>414306</v>
      </c>
      <c r="OI33" s="348">
        <v>287490</v>
      </c>
      <c r="OJ33" s="345">
        <v>642099</v>
      </c>
      <c r="OK33" s="346">
        <v>929589</v>
      </c>
      <c r="OL33" s="351">
        <v>0</v>
      </c>
      <c r="OM33" s="345">
        <v>8326467</v>
      </c>
      <c r="ON33" s="345">
        <v>13398800</v>
      </c>
      <c r="OO33" s="345">
        <v>14039765</v>
      </c>
      <c r="OP33" s="345">
        <v>16273319</v>
      </c>
      <c r="OQ33" s="345">
        <v>12614260</v>
      </c>
      <c r="OR33" s="349">
        <v>64652611</v>
      </c>
      <c r="OS33" s="354">
        <v>65582200</v>
      </c>
    </row>
    <row r="34" spans="2:409" s="70" customFormat="1" ht="21" customHeight="1" x14ac:dyDescent="0.2">
      <c r="B34" s="410" t="s">
        <v>29</v>
      </c>
      <c r="C34" s="326">
        <v>669204</v>
      </c>
      <c r="D34" s="327">
        <v>947442</v>
      </c>
      <c r="E34" s="328">
        <v>1616646</v>
      </c>
      <c r="F34" s="329">
        <v>0</v>
      </c>
      <c r="G34" s="327">
        <v>7898259</v>
      </c>
      <c r="H34" s="327">
        <v>10264793</v>
      </c>
      <c r="I34" s="327">
        <v>10463283</v>
      </c>
      <c r="J34" s="327">
        <v>12819125</v>
      </c>
      <c r="K34" s="327">
        <v>7548262</v>
      </c>
      <c r="L34" s="367">
        <v>48993722</v>
      </c>
      <c r="M34" s="330">
        <v>50610368</v>
      </c>
      <c r="N34" s="326">
        <v>89662</v>
      </c>
      <c r="O34" s="327">
        <v>254336</v>
      </c>
      <c r="P34" s="328">
        <v>343998</v>
      </c>
      <c r="Q34" s="326">
        <v>0</v>
      </c>
      <c r="R34" s="327">
        <v>1919663</v>
      </c>
      <c r="S34" s="327">
        <v>3212841</v>
      </c>
      <c r="T34" s="327">
        <v>2556623</v>
      </c>
      <c r="U34" s="327">
        <v>5649485</v>
      </c>
      <c r="V34" s="327">
        <v>4065283</v>
      </c>
      <c r="W34" s="328">
        <v>17403895</v>
      </c>
      <c r="X34" s="330">
        <v>17747893</v>
      </c>
      <c r="Y34" s="326">
        <v>0</v>
      </c>
      <c r="Z34" s="327">
        <v>0</v>
      </c>
      <c r="AA34" s="328">
        <v>0</v>
      </c>
      <c r="AB34" s="326">
        <v>0</v>
      </c>
      <c r="AC34" s="327">
        <v>717254</v>
      </c>
      <c r="AD34" s="327">
        <v>1596871</v>
      </c>
      <c r="AE34" s="327">
        <v>1605397</v>
      </c>
      <c r="AF34" s="327">
        <v>4270242</v>
      </c>
      <c r="AG34" s="327">
        <v>2225748</v>
      </c>
      <c r="AH34" s="328">
        <v>10415512</v>
      </c>
      <c r="AI34" s="330">
        <v>10415512</v>
      </c>
      <c r="AJ34" s="326">
        <v>0</v>
      </c>
      <c r="AK34" s="327">
        <v>0</v>
      </c>
      <c r="AL34" s="328">
        <v>0</v>
      </c>
      <c r="AM34" s="326">
        <v>0</v>
      </c>
      <c r="AN34" s="327">
        <v>0</v>
      </c>
      <c r="AO34" s="327">
        <v>103595</v>
      </c>
      <c r="AP34" s="327">
        <v>0</v>
      </c>
      <c r="AQ34" s="327">
        <v>274518</v>
      </c>
      <c r="AR34" s="327">
        <v>691301</v>
      </c>
      <c r="AS34" s="328">
        <v>1069414</v>
      </c>
      <c r="AT34" s="330">
        <v>1069414</v>
      </c>
      <c r="AU34" s="326">
        <v>34886</v>
      </c>
      <c r="AV34" s="327">
        <v>132852</v>
      </c>
      <c r="AW34" s="328">
        <v>167738</v>
      </c>
      <c r="AX34" s="326">
        <v>0</v>
      </c>
      <c r="AY34" s="327">
        <v>780458</v>
      </c>
      <c r="AZ34" s="327">
        <v>1016368</v>
      </c>
      <c r="BA34" s="327">
        <v>529611</v>
      </c>
      <c r="BB34" s="327">
        <v>646277</v>
      </c>
      <c r="BC34" s="327">
        <v>851176</v>
      </c>
      <c r="BD34" s="328">
        <v>3823890</v>
      </c>
      <c r="BE34" s="330">
        <v>3991628</v>
      </c>
      <c r="BF34" s="326">
        <v>0</v>
      </c>
      <c r="BG34" s="327">
        <v>104525</v>
      </c>
      <c r="BH34" s="331">
        <v>104525</v>
      </c>
      <c r="BI34" s="332">
        <v>0</v>
      </c>
      <c r="BJ34" s="327">
        <v>100351</v>
      </c>
      <c r="BK34" s="327">
        <v>101429</v>
      </c>
      <c r="BL34" s="327">
        <v>65241</v>
      </c>
      <c r="BM34" s="327">
        <v>22473</v>
      </c>
      <c r="BN34" s="327">
        <v>74715</v>
      </c>
      <c r="BO34" s="328">
        <v>364209</v>
      </c>
      <c r="BP34" s="330">
        <v>468734</v>
      </c>
      <c r="BQ34" s="326">
        <v>54776</v>
      </c>
      <c r="BR34" s="327">
        <v>16959</v>
      </c>
      <c r="BS34" s="328">
        <v>71735</v>
      </c>
      <c r="BT34" s="326">
        <v>0</v>
      </c>
      <c r="BU34" s="327">
        <v>321600</v>
      </c>
      <c r="BV34" s="327">
        <v>394578</v>
      </c>
      <c r="BW34" s="327">
        <v>356374</v>
      </c>
      <c r="BX34" s="327">
        <v>435975</v>
      </c>
      <c r="BY34" s="327">
        <v>222343</v>
      </c>
      <c r="BZ34" s="328">
        <v>1730870</v>
      </c>
      <c r="CA34" s="330">
        <v>1802605</v>
      </c>
      <c r="CB34" s="326">
        <v>66091</v>
      </c>
      <c r="CC34" s="327">
        <v>255875</v>
      </c>
      <c r="CD34" s="328">
        <v>321966</v>
      </c>
      <c r="CE34" s="326">
        <v>0</v>
      </c>
      <c r="CF34" s="327">
        <v>2484623</v>
      </c>
      <c r="CG34" s="327">
        <v>3268879</v>
      </c>
      <c r="CH34" s="327">
        <v>3726944</v>
      </c>
      <c r="CI34" s="327">
        <v>1867726</v>
      </c>
      <c r="CJ34" s="327">
        <v>603927</v>
      </c>
      <c r="CK34" s="328">
        <v>11952099</v>
      </c>
      <c r="CL34" s="330">
        <v>12274065</v>
      </c>
      <c r="CM34" s="326">
        <v>0</v>
      </c>
      <c r="CN34" s="327">
        <v>0</v>
      </c>
      <c r="CO34" s="328">
        <v>0</v>
      </c>
      <c r="CP34" s="332">
        <v>0</v>
      </c>
      <c r="CQ34" s="327">
        <v>1829289</v>
      </c>
      <c r="CR34" s="327">
        <v>2432117</v>
      </c>
      <c r="CS34" s="327">
        <v>2756398</v>
      </c>
      <c r="CT34" s="327">
        <v>1469473</v>
      </c>
      <c r="CU34" s="327">
        <v>439929</v>
      </c>
      <c r="CV34" s="328">
        <v>8927206</v>
      </c>
      <c r="CW34" s="330">
        <v>8927206</v>
      </c>
      <c r="CX34" s="326">
        <v>66091</v>
      </c>
      <c r="CY34" s="327">
        <v>255875</v>
      </c>
      <c r="CZ34" s="328">
        <v>321966</v>
      </c>
      <c r="DA34" s="326">
        <v>0</v>
      </c>
      <c r="DB34" s="327">
        <v>655334</v>
      </c>
      <c r="DC34" s="327">
        <v>836762</v>
      </c>
      <c r="DD34" s="327">
        <v>970546</v>
      </c>
      <c r="DE34" s="327">
        <v>398253</v>
      </c>
      <c r="DF34" s="327">
        <v>163998</v>
      </c>
      <c r="DG34" s="328">
        <v>3024893</v>
      </c>
      <c r="DH34" s="330">
        <v>3346859</v>
      </c>
      <c r="DI34" s="326">
        <v>0</v>
      </c>
      <c r="DJ34" s="327">
        <v>0</v>
      </c>
      <c r="DK34" s="331">
        <v>0</v>
      </c>
      <c r="DL34" s="332">
        <v>0</v>
      </c>
      <c r="DM34" s="327">
        <v>219738</v>
      </c>
      <c r="DN34" s="327">
        <v>475790</v>
      </c>
      <c r="DO34" s="327">
        <v>1317459</v>
      </c>
      <c r="DP34" s="327">
        <v>1358777</v>
      </c>
      <c r="DQ34" s="327">
        <v>917547</v>
      </c>
      <c r="DR34" s="328">
        <v>4289311</v>
      </c>
      <c r="DS34" s="330">
        <v>4289311</v>
      </c>
      <c r="DT34" s="326">
        <v>0</v>
      </c>
      <c r="DU34" s="327">
        <v>0</v>
      </c>
      <c r="DV34" s="328">
        <v>0</v>
      </c>
      <c r="DW34" s="326">
        <v>0</v>
      </c>
      <c r="DX34" s="327">
        <v>219738</v>
      </c>
      <c r="DY34" s="327">
        <v>429857</v>
      </c>
      <c r="DZ34" s="327">
        <v>1218441</v>
      </c>
      <c r="EA34" s="327">
        <v>1208335</v>
      </c>
      <c r="EB34" s="327">
        <v>549615</v>
      </c>
      <c r="EC34" s="328">
        <v>3625986</v>
      </c>
      <c r="ED34" s="330">
        <v>3625986</v>
      </c>
      <c r="EE34" s="326">
        <v>0</v>
      </c>
      <c r="EF34" s="331">
        <v>0</v>
      </c>
      <c r="EG34" s="328">
        <v>0</v>
      </c>
      <c r="EH34" s="326">
        <v>0</v>
      </c>
      <c r="EI34" s="327">
        <v>0</v>
      </c>
      <c r="EJ34" s="327">
        <v>45933</v>
      </c>
      <c r="EK34" s="327">
        <v>99018</v>
      </c>
      <c r="EL34" s="327">
        <v>150442</v>
      </c>
      <c r="EM34" s="327">
        <v>367932</v>
      </c>
      <c r="EN34" s="331">
        <v>663325</v>
      </c>
      <c r="EO34" s="330">
        <v>663325</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91182</v>
      </c>
      <c r="FM34" s="327">
        <v>248220</v>
      </c>
      <c r="FN34" s="328">
        <v>439402</v>
      </c>
      <c r="FO34" s="326">
        <v>0</v>
      </c>
      <c r="FP34" s="327">
        <v>523719</v>
      </c>
      <c r="FQ34" s="327">
        <v>1310848</v>
      </c>
      <c r="FR34" s="327">
        <v>877849</v>
      </c>
      <c r="FS34" s="327">
        <v>1010846</v>
      </c>
      <c r="FT34" s="327">
        <v>587317</v>
      </c>
      <c r="FU34" s="328">
        <v>4310579</v>
      </c>
      <c r="FV34" s="330">
        <v>4749981</v>
      </c>
      <c r="FW34" s="333">
        <v>191182</v>
      </c>
      <c r="FX34" s="327">
        <v>223272</v>
      </c>
      <c r="FY34" s="331">
        <v>414454</v>
      </c>
      <c r="FZ34" s="332">
        <v>0</v>
      </c>
      <c r="GA34" s="327">
        <v>497212</v>
      </c>
      <c r="GB34" s="327">
        <v>1155864</v>
      </c>
      <c r="GC34" s="327">
        <v>797659</v>
      </c>
      <c r="GD34" s="327">
        <v>948179</v>
      </c>
      <c r="GE34" s="327">
        <v>587317</v>
      </c>
      <c r="GF34" s="328">
        <v>3986231</v>
      </c>
      <c r="GG34" s="334">
        <v>4400685</v>
      </c>
      <c r="GH34" s="333">
        <v>0</v>
      </c>
      <c r="GI34" s="327">
        <v>24948</v>
      </c>
      <c r="GJ34" s="331">
        <v>24948</v>
      </c>
      <c r="GK34" s="332">
        <v>0</v>
      </c>
      <c r="GL34" s="327">
        <v>26507</v>
      </c>
      <c r="GM34" s="327">
        <v>154984</v>
      </c>
      <c r="GN34" s="327">
        <v>0</v>
      </c>
      <c r="GO34" s="327">
        <v>62667</v>
      </c>
      <c r="GP34" s="327">
        <v>0</v>
      </c>
      <c r="GQ34" s="328">
        <v>244158</v>
      </c>
      <c r="GR34" s="330">
        <v>269106</v>
      </c>
      <c r="GS34" s="326">
        <v>0</v>
      </c>
      <c r="GT34" s="327">
        <v>0</v>
      </c>
      <c r="GU34" s="328">
        <v>0</v>
      </c>
      <c r="GV34" s="326">
        <v>0</v>
      </c>
      <c r="GW34" s="327">
        <v>0</v>
      </c>
      <c r="GX34" s="327">
        <v>0</v>
      </c>
      <c r="GY34" s="327">
        <v>80190</v>
      </c>
      <c r="GZ34" s="327">
        <v>0</v>
      </c>
      <c r="HA34" s="327">
        <v>0</v>
      </c>
      <c r="HB34" s="331">
        <v>80190</v>
      </c>
      <c r="HC34" s="330">
        <v>80190</v>
      </c>
      <c r="HD34" s="326">
        <v>152729</v>
      </c>
      <c r="HE34" s="327">
        <v>0</v>
      </c>
      <c r="HF34" s="331">
        <v>152729</v>
      </c>
      <c r="HG34" s="332">
        <v>0</v>
      </c>
      <c r="HH34" s="327">
        <v>1545062</v>
      </c>
      <c r="HI34" s="327">
        <v>504452</v>
      </c>
      <c r="HJ34" s="327">
        <v>848264</v>
      </c>
      <c r="HK34" s="327">
        <v>2099813</v>
      </c>
      <c r="HL34" s="327">
        <v>974377</v>
      </c>
      <c r="HM34" s="328">
        <v>5971968</v>
      </c>
      <c r="HN34" s="329">
        <v>6124697</v>
      </c>
      <c r="HO34" s="333">
        <v>169540</v>
      </c>
      <c r="HP34" s="327">
        <v>189011</v>
      </c>
      <c r="HQ34" s="328">
        <v>358551</v>
      </c>
      <c r="HR34" s="326">
        <v>0</v>
      </c>
      <c r="HS34" s="327">
        <v>1205454</v>
      </c>
      <c r="HT34" s="327">
        <v>1491983</v>
      </c>
      <c r="HU34" s="327">
        <v>1136144</v>
      </c>
      <c r="HV34" s="327">
        <v>832478</v>
      </c>
      <c r="HW34" s="327">
        <v>399811</v>
      </c>
      <c r="HX34" s="331">
        <v>5065870</v>
      </c>
      <c r="HY34" s="330">
        <v>5424421</v>
      </c>
      <c r="HZ34" s="358">
        <v>0</v>
      </c>
      <c r="IA34" s="356">
        <v>0</v>
      </c>
      <c r="IB34" s="358">
        <v>0</v>
      </c>
      <c r="IC34" s="355">
        <v>0</v>
      </c>
      <c r="ID34" s="356">
        <v>2966174</v>
      </c>
      <c r="IE34" s="357">
        <v>5338578</v>
      </c>
      <c r="IF34" s="358">
        <v>8062598</v>
      </c>
      <c r="IG34" s="356">
        <v>4450474</v>
      </c>
      <c r="IH34" s="358">
        <v>2662479</v>
      </c>
      <c r="II34" s="359">
        <v>23480303</v>
      </c>
      <c r="IJ34" s="358">
        <v>23480303</v>
      </c>
      <c r="IK34" s="342">
        <v>0</v>
      </c>
      <c r="IL34" s="343">
        <v>0</v>
      </c>
      <c r="IM34" s="344">
        <v>0</v>
      </c>
      <c r="IN34" s="404">
        <v>0</v>
      </c>
      <c r="IO34" s="345">
        <v>113037</v>
      </c>
      <c r="IP34" s="345">
        <v>0</v>
      </c>
      <c r="IQ34" s="345">
        <v>143784</v>
      </c>
      <c r="IR34" s="345">
        <v>0</v>
      </c>
      <c r="IS34" s="345">
        <v>0</v>
      </c>
      <c r="IT34" s="346">
        <v>256821</v>
      </c>
      <c r="IU34" s="347">
        <v>256821</v>
      </c>
      <c r="IV34" s="348">
        <v>0</v>
      </c>
      <c r="IW34" s="345">
        <v>0</v>
      </c>
      <c r="IX34" s="349">
        <v>0</v>
      </c>
      <c r="IY34" s="413">
        <v>0</v>
      </c>
      <c r="IZ34" s="345">
        <v>0</v>
      </c>
      <c r="JA34" s="345">
        <v>0</v>
      </c>
      <c r="JB34" s="345">
        <v>0</v>
      </c>
      <c r="JC34" s="345">
        <v>0</v>
      </c>
      <c r="JD34" s="345">
        <v>0</v>
      </c>
      <c r="JE34" s="349">
        <v>0</v>
      </c>
      <c r="JF34" s="350">
        <v>0</v>
      </c>
      <c r="JG34" s="348">
        <v>0</v>
      </c>
      <c r="JH34" s="345">
        <v>0</v>
      </c>
      <c r="JI34" s="346">
        <v>0</v>
      </c>
      <c r="JJ34" s="351">
        <v>0</v>
      </c>
      <c r="JK34" s="345">
        <v>621812</v>
      </c>
      <c r="JL34" s="345">
        <v>1115393</v>
      </c>
      <c r="JM34" s="345">
        <v>907747</v>
      </c>
      <c r="JN34" s="345">
        <v>489071</v>
      </c>
      <c r="JO34" s="345">
        <v>0</v>
      </c>
      <c r="JP34" s="349">
        <v>3134023</v>
      </c>
      <c r="JQ34" s="347">
        <v>3134023</v>
      </c>
      <c r="JR34" s="348">
        <v>0</v>
      </c>
      <c r="JS34" s="345">
        <v>0</v>
      </c>
      <c r="JT34" s="346">
        <v>0</v>
      </c>
      <c r="JU34" s="351">
        <v>0</v>
      </c>
      <c r="JV34" s="345">
        <v>128516</v>
      </c>
      <c r="JW34" s="345">
        <v>102239</v>
      </c>
      <c r="JX34" s="345">
        <v>0</v>
      </c>
      <c r="JY34" s="345">
        <v>0</v>
      </c>
      <c r="JZ34" s="345">
        <v>0</v>
      </c>
      <c r="KA34" s="349">
        <v>230755</v>
      </c>
      <c r="KB34" s="347">
        <v>230755</v>
      </c>
      <c r="KC34" s="352">
        <v>0</v>
      </c>
      <c r="KD34" s="353">
        <v>0</v>
      </c>
      <c r="KE34" s="349">
        <v>0</v>
      </c>
      <c r="KF34" s="351">
        <v>0</v>
      </c>
      <c r="KG34" s="345">
        <v>570505</v>
      </c>
      <c r="KH34" s="345">
        <v>955142</v>
      </c>
      <c r="KI34" s="345">
        <v>1112652</v>
      </c>
      <c r="KJ34" s="345">
        <v>1804923</v>
      </c>
      <c r="KK34" s="345">
        <v>649809</v>
      </c>
      <c r="KL34" s="349">
        <v>5093031</v>
      </c>
      <c r="KM34" s="354">
        <v>5093031</v>
      </c>
      <c r="KN34" s="342">
        <v>0</v>
      </c>
      <c r="KO34" s="343">
        <v>0</v>
      </c>
      <c r="KP34" s="344">
        <v>0</v>
      </c>
      <c r="KQ34" s="413">
        <v>0</v>
      </c>
      <c r="KR34" s="345">
        <v>1532304</v>
      </c>
      <c r="KS34" s="345">
        <v>3165804</v>
      </c>
      <c r="KT34" s="345">
        <v>2876463</v>
      </c>
      <c r="KU34" s="345">
        <v>574254</v>
      </c>
      <c r="KV34" s="345">
        <v>292572</v>
      </c>
      <c r="KW34" s="349">
        <v>8441397</v>
      </c>
      <c r="KX34" s="347">
        <v>8441397</v>
      </c>
      <c r="KY34" s="348">
        <v>0</v>
      </c>
      <c r="KZ34" s="345">
        <v>0</v>
      </c>
      <c r="LA34" s="349">
        <v>0</v>
      </c>
      <c r="LB34" s="413">
        <v>0</v>
      </c>
      <c r="LC34" s="345">
        <v>0</v>
      </c>
      <c r="LD34" s="345">
        <v>0</v>
      </c>
      <c r="LE34" s="345">
        <v>0</v>
      </c>
      <c r="LF34" s="345">
        <v>0</v>
      </c>
      <c r="LG34" s="345">
        <v>0</v>
      </c>
      <c r="LH34" s="349">
        <v>0</v>
      </c>
      <c r="LI34" s="350">
        <v>0</v>
      </c>
      <c r="LJ34" s="348">
        <v>0</v>
      </c>
      <c r="LK34" s="345">
        <v>0</v>
      </c>
      <c r="LL34" s="349">
        <v>0</v>
      </c>
      <c r="LM34" s="413">
        <v>0</v>
      </c>
      <c r="LN34" s="345">
        <v>0</v>
      </c>
      <c r="LO34" s="345">
        <v>0</v>
      </c>
      <c r="LP34" s="345">
        <v>3021952</v>
      </c>
      <c r="LQ34" s="345">
        <v>1582226</v>
      </c>
      <c r="LR34" s="345">
        <v>1720098</v>
      </c>
      <c r="LS34" s="349">
        <v>6324276</v>
      </c>
      <c r="LT34" s="347">
        <v>6324276</v>
      </c>
      <c r="LU34" s="348">
        <v>0</v>
      </c>
      <c r="LV34" s="345">
        <v>0</v>
      </c>
      <c r="LW34" s="349">
        <v>0</v>
      </c>
      <c r="LX34" s="413">
        <v>0</v>
      </c>
      <c r="LY34" s="345">
        <v>0</v>
      </c>
      <c r="LZ34" s="345">
        <v>0</v>
      </c>
      <c r="MA34" s="345">
        <v>0</v>
      </c>
      <c r="MB34" s="345">
        <v>0</v>
      </c>
      <c r="MC34" s="345">
        <v>0</v>
      </c>
      <c r="MD34" s="349">
        <v>0</v>
      </c>
      <c r="ME34" s="350">
        <v>0</v>
      </c>
      <c r="MF34" s="348">
        <v>0</v>
      </c>
      <c r="MG34" s="345">
        <v>0</v>
      </c>
      <c r="MH34" s="349">
        <v>0</v>
      </c>
      <c r="MI34" s="413">
        <v>0</v>
      </c>
      <c r="MJ34" s="345">
        <v>1378435</v>
      </c>
      <c r="MK34" s="345">
        <v>1947697</v>
      </c>
      <c r="ML34" s="345">
        <v>5239520</v>
      </c>
      <c r="MM34" s="345">
        <v>10394995</v>
      </c>
      <c r="MN34" s="345">
        <v>8271757</v>
      </c>
      <c r="MO34" s="349">
        <v>27232404</v>
      </c>
      <c r="MP34" s="354">
        <v>27232404</v>
      </c>
      <c r="MQ34" s="348">
        <v>0</v>
      </c>
      <c r="MR34" s="345">
        <v>0</v>
      </c>
      <c r="MS34" s="349">
        <v>0</v>
      </c>
      <c r="MT34" s="413">
        <v>0</v>
      </c>
      <c r="MU34" s="345">
        <v>0</v>
      </c>
      <c r="MV34" s="345">
        <v>448369</v>
      </c>
      <c r="MW34" s="345">
        <v>1824464</v>
      </c>
      <c r="MX34" s="345">
        <v>6184837</v>
      </c>
      <c r="MY34" s="345">
        <v>5701252</v>
      </c>
      <c r="MZ34" s="349">
        <v>14158922</v>
      </c>
      <c r="NA34" s="354">
        <v>14158922</v>
      </c>
      <c r="NB34" s="348">
        <v>0</v>
      </c>
      <c r="NC34" s="345">
        <v>0</v>
      </c>
      <c r="ND34" s="349">
        <v>0</v>
      </c>
      <c r="NE34" s="413">
        <v>0</v>
      </c>
      <c r="NF34" s="345">
        <v>1378435</v>
      </c>
      <c r="NG34" s="345">
        <v>1499328</v>
      </c>
      <c r="NH34" s="345">
        <v>3415056</v>
      </c>
      <c r="NI34" s="345">
        <v>4210158</v>
      </c>
      <c r="NJ34" s="345">
        <v>2570505</v>
      </c>
      <c r="NK34" s="349">
        <v>13073482</v>
      </c>
      <c r="NL34" s="347">
        <v>13073482</v>
      </c>
      <c r="NM34" s="348">
        <v>0</v>
      </c>
      <c r="NN34" s="345">
        <v>0</v>
      </c>
      <c r="NO34" s="349">
        <v>0</v>
      </c>
      <c r="NP34" s="413">
        <v>0</v>
      </c>
      <c r="NQ34" s="345">
        <v>0</v>
      </c>
      <c r="NR34" s="345">
        <v>0</v>
      </c>
      <c r="NS34" s="345">
        <v>0</v>
      </c>
      <c r="NT34" s="345">
        <v>0</v>
      </c>
      <c r="NU34" s="345">
        <v>0</v>
      </c>
      <c r="NV34" s="349">
        <v>0</v>
      </c>
      <c r="NW34" s="350">
        <v>0</v>
      </c>
      <c r="NX34" s="348">
        <v>0</v>
      </c>
      <c r="NY34" s="345">
        <v>0</v>
      </c>
      <c r="NZ34" s="349">
        <v>0</v>
      </c>
      <c r="OA34" s="413">
        <v>0</v>
      </c>
      <c r="OB34" s="345">
        <v>0</v>
      </c>
      <c r="OC34" s="345">
        <v>0</v>
      </c>
      <c r="OD34" s="345">
        <v>0</v>
      </c>
      <c r="OE34" s="345">
        <v>0</v>
      </c>
      <c r="OF34" s="345">
        <v>0</v>
      </c>
      <c r="OG34" s="349">
        <v>0</v>
      </c>
      <c r="OH34" s="350">
        <v>0</v>
      </c>
      <c r="OI34" s="348">
        <v>669204</v>
      </c>
      <c r="OJ34" s="345">
        <v>947442</v>
      </c>
      <c r="OK34" s="346">
        <v>1616646</v>
      </c>
      <c r="OL34" s="351">
        <v>0</v>
      </c>
      <c r="OM34" s="345">
        <v>12242868</v>
      </c>
      <c r="ON34" s="345">
        <v>17551068</v>
      </c>
      <c r="OO34" s="345">
        <v>23765401</v>
      </c>
      <c r="OP34" s="345">
        <v>27664594</v>
      </c>
      <c r="OQ34" s="345">
        <v>18482498</v>
      </c>
      <c r="OR34" s="349">
        <v>99706429</v>
      </c>
      <c r="OS34" s="354">
        <v>101323075</v>
      </c>
    </row>
    <row r="35" spans="2:409" s="70" customFormat="1" ht="21" customHeight="1" x14ac:dyDescent="0.2">
      <c r="B35" s="410" t="s">
        <v>30</v>
      </c>
      <c r="C35" s="326">
        <v>969035</v>
      </c>
      <c r="D35" s="327">
        <v>848943</v>
      </c>
      <c r="E35" s="368">
        <v>1817978</v>
      </c>
      <c r="F35" s="370">
        <v>0</v>
      </c>
      <c r="G35" s="369">
        <v>8523224</v>
      </c>
      <c r="H35" s="369">
        <v>8875730</v>
      </c>
      <c r="I35" s="369">
        <v>8381068</v>
      </c>
      <c r="J35" s="369">
        <v>7533208</v>
      </c>
      <c r="K35" s="369">
        <v>3204829</v>
      </c>
      <c r="L35" s="370">
        <v>36518059</v>
      </c>
      <c r="M35" s="330">
        <v>38336037</v>
      </c>
      <c r="N35" s="326">
        <v>155147</v>
      </c>
      <c r="O35" s="327">
        <v>306214</v>
      </c>
      <c r="P35" s="328">
        <v>461361</v>
      </c>
      <c r="Q35" s="326">
        <v>0</v>
      </c>
      <c r="R35" s="327">
        <v>2957402</v>
      </c>
      <c r="S35" s="327">
        <v>2335152</v>
      </c>
      <c r="T35" s="327">
        <v>3238783</v>
      </c>
      <c r="U35" s="327">
        <v>3244257</v>
      </c>
      <c r="V35" s="327">
        <v>1911021</v>
      </c>
      <c r="W35" s="328">
        <v>13686615</v>
      </c>
      <c r="X35" s="330">
        <v>14147976</v>
      </c>
      <c r="Y35" s="326">
        <v>0</v>
      </c>
      <c r="Z35" s="327">
        <v>0</v>
      </c>
      <c r="AA35" s="328">
        <v>0</v>
      </c>
      <c r="AB35" s="326">
        <v>0</v>
      </c>
      <c r="AC35" s="327">
        <v>1219532</v>
      </c>
      <c r="AD35" s="327">
        <v>1206432</v>
      </c>
      <c r="AE35" s="327">
        <v>1725562</v>
      </c>
      <c r="AF35" s="327">
        <v>1687182</v>
      </c>
      <c r="AG35" s="327">
        <v>1443393</v>
      </c>
      <c r="AH35" s="328">
        <v>7282101</v>
      </c>
      <c r="AI35" s="330">
        <v>7282101</v>
      </c>
      <c r="AJ35" s="326">
        <v>0</v>
      </c>
      <c r="AK35" s="327">
        <v>0</v>
      </c>
      <c r="AL35" s="328">
        <v>0</v>
      </c>
      <c r="AM35" s="326">
        <v>0</v>
      </c>
      <c r="AN35" s="327">
        <v>66206</v>
      </c>
      <c r="AO35" s="327">
        <v>52965</v>
      </c>
      <c r="AP35" s="327">
        <v>289835</v>
      </c>
      <c r="AQ35" s="327">
        <v>453595</v>
      </c>
      <c r="AR35" s="327">
        <v>103871</v>
      </c>
      <c r="AS35" s="328">
        <v>966472</v>
      </c>
      <c r="AT35" s="330">
        <v>966472</v>
      </c>
      <c r="AU35" s="326">
        <v>94920</v>
      </c>
      <c r="AV35" s="327">
        <v>301552</v>
      </c>
      <c r="AW35" s="328">
        <v>396472</v>
      </c>
      <c r="AX35" s="326">
        <v>0</v>
      </c>
      <c r="AY35" s="327">
        <v>1112429</v>
      </c>
      <c r="AZ35" s="327">
        <v>669957</v>
      </c>
      <c r="BA35" s="327">
        <v>685910</v>
      </c>
      <c r="BB35" s="327">
        <v>774004</v>
      </c>
      <c r="BC35" s="327">
        <v>288148</v>
      </c>
      <c r="BD35" s="328">
        <v>3530448</v>
      </c>
      <c r="BE35" s="330">
        <v>3926920</v>
      </c>
      <c r="BF35" s="326">
        <v>31535</v>
      </c>
      <c r="BG35" s="327">
        <v>0</v>
      </c>
      <c r="BH35" s="331">
        <v>31535</v>
      </c>
      <c r="BI35" s="332">
        <v>0</v>
      </c>
      <c r="BJ35" s="327">
        <v>105330</v>
      </c>
      <c r="BK35" s="327">
        <v>135707</v>
      </c>
      <c r="BL35" s="327">
        <v>137155</v>
      </c>
      <c r="BM35" s="327">
        <v>0</v>
      </c>
      <c r="BN35" s="327">
        <v>0</v>
      </c>
      <c r="BO35" s="328">
        <v>378192</v>
      </c>
      <c r="BP35" s="330">
        <v>409727</v>
      </c>
      <c r="BQ35" s="326">
        <v>28692</v>
      </c>
      <c r="BR35" s="327">
        <v>4662</v>
      </c>
      <c r="BS35" s="328">
        <v>33354</v>
      </c>
      <c r="BT35" s="326">
        <v>0</v>
      </c>
      <c r="BU35" s="327">
        <v>453905</v>
      </c>
      <c r="BV35" s="327">
        <v>270091</v>
      </c>
      <c r="BW35" s="327">
        <v>400321</v>
      </c>
      <c r="BX35" s="327">
        <v>329476</v>
      </c>
      <c r="BY35" s="327">
        <v>75609</v>
      </c>
      <c r="BZ35" s="328">
        <v>1529402</v>
      </c>
      <c r="CA35" s="330">
        <v>1562756</v>
      </c>
      <c r="CB35" s="326">
        <v>152419</v>
      </c>
      <c r="CC35" s="327">
        <v>209080</v>
      </c>
      <c r="CD35" s="328">
        <v>361499</v>
      </c>
      <c r="CE35" s="326">
        <v>0</v>
      </c>
      <c r="CF35" s="327">
        <v>2049689</v>
      </c>
      <c r="CG35" s="327">
        <v>2192063</v>
      </c>
      <c r="CH35" s="327">
        <v>1499963</v>
      </c>
      <c r="CI35" s="327">
        <v>1557203</v>
      </c>
      <c r="CJ35" s="327">
        <v>260343</v>
      </c>
      <c r="CK35" s="328">
        <v>7559261</v>
      </c>
      <c r="CL35" s="330">
        <v>7920760</v>
      </c>
      <c r="CM35" s="326">
        <v>0</v>
      </c>
      <c r="CN35" s="327">
        <v>0</v>
      </c>
      <c r="CO35" s="328">
        <v>0</v>
      </c>
      <c r="CP35" s="332">
        <v>0</v>
      </c>
      <c r="CQ35" s="327">
        <v>1611476</v>
      </c>
      <c r="CR35" s="327">
        <v>1476994</v>
      </c>
      <c r="CS35" s="327">
        <v>1204042</v>
      </c>
      <c r="CT35" s="327">
        <v>1291246</v>
      </c>
      <c r="CU35" s="327">
        <v>150961</v>
      </c>
      <c r="CV35" s="328">
        <v>5734719</v>
      </c>
      <c r="CW35" s="330">
        <v>5734719</v>
      </c>
      <c r="CX35" s="326">
        <v>152419</v>
      </c>
      <c r="CY35" s="327">
        <v>209080</v>
      </c>
      <c r="CZ35" s="328">
        <v>361499</v>
      </c>
      <c r="DA35" s="326">
        <v>0</v>
      </c>
      <c r="DB35" s="327">
        <v>438213</v>
      </c>
      <c r="DC35" s="327">
        <v>715069</v>
      </c>
      <c r="DD35" s="327">
        <v>295921</v>
      </c>
      <c r="DE35" s="327">
        <v>265957</v>
      </c>
      <c r="DF35" s="327">
        <v>109382</v>
      </c>
      <c r="DG35" s="328">
        <v>1824542</v>
      </c>
      <c r="DH35" s="330">
        <v>2186041</v>
      </c>
      <c r="DI35" s="326">
        <v>0</v>
      </c>
      <c r="DJ35" s="327">
        <v>0</v>
      </c>
      <c r="DK35" s="331">
        <v>0</v>
      </c>
      <c r="DL35" s="332">
        <v>0</v>
      </c>
      <c r="DM35" s="327">
        <v>240075</v>
      </c>
      <c r="DN35" s="327">
        <v>694056</v>
      </c>
      <c r="DO35" s="327">
        <v>883786</v>
      </c>
      <c r="DP35" s="327">
        <v>402414</v>
      </c>
      <c r="DQ35" s="327">
        <v>51971</v>
      </c>
      <c r="DR35" s="328">
        <v>2272302</v>
      </c>
      <c r="DS35" s="330">
        <v>2272302</v>
      </c>
      <c r="DT35" s="326">
        <v>0</v>
      </c>
      <c r="DU35" s="327">
        <v>0</v>
      </c>
      <c r="DV35" s="328">
        <v>0</v>
      </c>
      <c r="DW35" s="326">
        <v>0</v>
      </c>
      <c r="DX35" s="327">
        <v>189205</v>
      </c>
      <c r="DY35" s="327">
        <v>658447</v>
      </c>
      <c r="DZ35" s="327">
        <v>883786</v>
      </c>
      <c r="EA35" s="327">
        <v>402414</v>
      </c>
      <c r="EB35" s="327">
        <v>0</v>
      </c>
      <c r="EC35" s="328">
        <v>2133852</v>
      </c>
      <c r="ED35" s="330">
        <v>2133852</v>
      </c>
      <c r="EE35" s="326">
        <v>0</v>
      </c>
      <c r="EF35" s="331">
        <v>0</v>
      </c>
      <c r="EG35" s="328">
        <v>0</v>
      </c>
      <c r="EH35" s="326">
        <v>0</v>
      </c>
      <c r="EI35" s="327">
        <v>50870</v>
      </c>
      <c r="EJ35" s="327">
        <v>35609</v>
      </c>
      <c r="EK35" s="327">
        <v>0</v>
      </c>
      <c r="EL35" s="327">
        <v>0</v>
      </c>
      <c r="EM35" s="327">
        <v>51971</v>
      </c>
      <c r="EN35" s="331">
        <v>138450</v>
      </c>
      <c r="EO35" s="330">
        <v>13845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397589</v>
      </c>
      <c r="FM35" s="327">
        <v>190629</v>
      </c>
      <c r="FN35" s="328">
        <v>588218</v>
      </c>
      <c r="FO35" s="326">
        <v>0</v>
      </c>
      <c r="FP35" s="327">
        <v>496024</v>
      </c>
      <c r="FQ35" s="327">
        <v>775877</v>
      </c>
      <c r="FR35" s="327">
        <v>886072</v>
      </c>
      <c r="FS35" s="327">
        <v>623866</v>
      </c>
      <c r="FT35" s="327">
        <v>267500</v>
      </c>
      <c r="FU35" s="328">
        <v>3049339</v>
      </c>
      <c r="FV35" s="330">
        <v>3637557</v>
      </c>
      <c r="FW35" s="333">
        <v>246209</v>
      </c>
      <c r="FX35" s="327">
        <v>190629</v>
      </c>
      <c r="FY35" s="331">
        <v>436838</v>
      </c>
      <c r="FZ35" s="332">
        <v>0</v>
      </c>
      <c r="GA35" s="327">
        <v>496024</v>
      </c>
      <c r="GB35" s="327">
        <v>775877</v>
      </c>
      <c r="GC35" s="327">
        <v>886072</v>
      </c>
      <c r="GD35" s="327">
        <v>596146</v>
      </c>
      <c r="GE35" s="327">
        <v>267500</v>
      </c>
      <c r="GF35" s="328">
        <v>3021619</v>
      </c>
      <c r="GG35" s="334">
        <v>3458457</v>
      </c>
      <c r="GH35" s="333">
        <v>30600</v>
      </c>
      <c r="GI35" s="327">
        <v>0</v>
      </c>
      <c r="GJ35" s="331">
        <v>30600</v>
      </c>
      <c r="GK35" s="332">
        <v>0</v>
      </c>
      <c r="GL35" s="327">
        <v>0</v>
      </c>
      <c r="GM35" s="327">
        <v>0</v>
      </c>
      <c r="GN35" s="327">
        <v>0</v>
      </c>
      <c r="GO35" s="327">
        <v>27720</v>
      </c>
      <c r="GP35" s="327">
        <v>0</v>
      </c>
      <c r="GQ35" s="328">
        <v>27720</v>
      </c>
      <c r="GR35" s="330">
        <v>58320</v>
      </c>
      <c r="GS35" s="326">
        <v>120780</v>
      </c>
      <c r="GT35" s="327">
        <v>0</v>
      </c>
      <c r="GU35" s="328">
        <v>120780</v>
      </c>
      <c r="GV35" s="326">
        <v>0</v>
      </c>
      <c r="GW35" s="327">
        <v>0</v>
      </c>
      <c r="GX35" s="327">
        <v>0</v>
      </c>
      <c r="GY35" s="327">
        <v>0</v>
      </c>
      <c r="GZ35" s="327">
        <v>0</v>
      </c>
      <c r="HA35" s="327">
        <v>0</v>
      </c>
      <c r="HB35" s="331">
        <v>0</v>
      </c>
      <c r="HC35" s="330">
        <v>120780</v>
      </c>
      <c r="HD35" s="326">
        <v>75240</v>
      </c>
      <c r="HE35" s="327">
        <v>0</v>
      </c>
      <c r="HF35" s="331">
        <v>75240</v>
      </c>
      <c r="HG35" s="332">
        <v>0</v>
      </c>
      <c r="HH35" s="327">
        <v>1513912</v>
      </c>
      <c r="HI35" s="327">
        <v>1926385</v>
      </c>
      <c r="HJ35" s="327">
        <v>1044484</v>
      </c>
      <c r="HK35" s="327">
        <v>1167752</v>
      </c>
      <c r="HL35" s="327">
        <v>524152</v>
      </c>
      <c r="HM35" s="328">
        <v>6176685</v>
      </c>
      <c r="HN35" s="329">
        <v>6251925</v>
      </c>
      <c r="HO35" s="333">
        <v>188640</v>
      </c>
      <c r="HP35" s="327">
        <v>143020</v>
      </c>
      <c r="HQ35" s="328">
        <v>331660</v>
      </c>
      <c r="HR35" s="326">
        <v>0</v>
      </c>
      <c r="HS35" s="327">
        <v>1266122</v>
      </c>
      <c r="HT35" s="327">
        <v>952197</v>
      </c>
      <c r="HU35" s="327">
        <v>827980</v>
      </c>
      <c r="HV35" s="327">
        <v>537716</v>
      </c>
      <c r="HW35" s="327">
        <v>189842</v>
      </c>
      <c r="HX35" s="331">
        <v>3773857</v>
      </c>
      <c r="HY35" s="330">
        <v>4105517</v>
      </c>
      <c r="HZ35" s="335">
        <v>0</v>
      </c>
      <c r="IA35" s="336">
        <v>0</v>
      </c>
      <c r="IB35" s="337">
        <v>0</v>
      </c>
      <c r="IC35" s="338">
        <v>0</v>
      </c>
      <c r="ID35" s="336">
        <v>2660078</v>
      </c>
      <c r="IE35" s="339">
        <v>2482573</v>
      </c>
      <c r="IF35" s="337">
        <v>1600650</v>
      </c>
      <c r="IG35" s="336">
        <v>1101606</v>
      </c>
      <c r="IH35" s="337">
        <v>547317</v>
      </c>
      <c r="II35" s="340">
        <v>8392224</v>
      </c>
      <c r="IJ35" s="341">
        <v>8392224</v>
      </c>
      <c r="IK35" s="342">
        <v>0</v>
      </c>
      <c r="IL35" s="343">
        <v>0</v>
      </c>
      <c r="IM35" s="344">
        <v>0</v>
      </c>
      <c r="IN35" s="404">
        <v>0</v>
      </c>
      <c r="IO35" s="345">
        <v>0</v>
      </c>
      <c r="IP35" s="345">
        <v>201516</v>
      </c>
      <c r="IQ35" s="345">
        <v>178245</v>
      </c>
      <c r="IR35" s="345">
        <v>0</v>
      </c>
      <c r="IS35" s="345">
        <v>0</v>
      </c>
      <c r="IT35" s="346">
        <v>379761</v>
      </c>
      <c r="IU35" s="347">
        <v>379761</v>
      </c>
      <c r="IV35" s="348">
        <v>0</v>
      </c>
      <c r="IW35" s="345">
        <v>0</v>
      </c>
      <c r="IX35" s="349">
        <v>0</v>
      </c>
      <c r="IY35" s="413">
        <v>0</v>
      </c>
      <c r="IZ35" s="345">
        <v>0</v>
      </c>
      <c r="JA35" s="345">
        <v>0</v>
      </c>
      <c r="JB35" s="345">
        <v>0</v>
      </c>
      <c r="JC35" s="345">
        <v>0</v>
      </c>
      <c r="JD35" s="345">
        <v>0</v>
      </c>
      <c r="JE35" s="349">
        <v>0</v>
      </c>
      <c r="JF35" s="350">
        <v>0</v>
      </c>
      <c r="JG35" s="348">
        <v>0</v>
      </c>
      <c r="JH35" s="345">
        <v>0</v>
      </c>
      <c r="JI35" s="346">
        <v>0</v>
      </c>
      <c r="JJ35" s="351">
        <v>0</v>
      </c>
      <c r="JK35" s="345">
        <v>1308263</v>
      </c>
      <c r="JL35" s="345">
        <v>1239574</v>
      </c>
      <c r="JM35" s="345">
        <v>650241</v>
      </c>
      <c r="JN35" s="345">
        <v>111646</v>
      </c>
      <c r="JO35" s="345">
        <v>95904</v>
      </c>
      <c r="JP35" s="349">
        <v>3405628</v>
      </c>
      <c r="JQ35" s="347">
        <v>3405628</v>
      </c>
      <c r="JR35" s="348">
        <v>0</v>
      </c>
      <c r="JS35" s="345">
        <v>0</v>
      </c>
      <c r="JT35" s="346">
        <v>0</v>
      </c>
      <c r="JU35" s="351">
        <v>0</v>
      </c>
      <c r="JV35" s="345">
        <v>127535</v>
      </c>
      <c r="JW35" s="345">
        <v>29820</v>
      </c>
      <c r="JX35" s="345">
        <v>0</v>
      </c>
      <c r="JY35" s="345">
        <v>0</v>
      </c>
      <c r="JZ35" s="345">
        <v>0</v>
      </c>
      <c r="KA35" s="349">
        <v>157355</v>
      </c>
      <c r="KB35" s="347">
        <v>157355</v>
      </c>
      <c r="KC35" s="352">
        <v>0</v>
      </c>
      <c r="KD35" s="353">
        <v>0</v>
      </c>
      <c r="KE35" s="349">
        <v>0</v>
      </c>
      <c r="KF35" s="351">
        <v>0</v>
      </c>
      <c r="KG35" s="345">
        <v>0</v>
      </c>
      <c r="KH35" s="345">
        <v>0</v>
      </c>
      <c r="KI35" s="345">
        <v>278163</v>
      </c>
      <c r="KJ35" s="345">
        <v>0</v>
      </c>
      <c r="KK35" s="345">
        <v>0</v>
      </c>
      <c r="KL35" s="349">
        <v>278163</v>
      </c>
      <c r="KM35" s="354">
        <v>278163</v>
      </c>
      <c r="KN35" s="342">
        <v>0</v>
      </c>
      <c r="KO35" s="343">
        <v>0</v>
      </c>
      <c r="KP35" s="344">
        <v>0</v>
      </c>
      <c r="KQ35" s="413">
        <v>0</v>
      </c>
      <c r="KR35" s="345">
        <v>1224280</v>
      </c>
      <c r="KS35" s="345">
        <v>1011663</v>
      </c>
      <c r="KT35" s="345">
        <v>494001</v>
      </c>
      <c r="KU35" s="345">
        <v>989960</v>
      </c>
      <c r="KV35" s="345">
        <v>451413</v>
      </c>
      <c r="KW35" s="349">
        <v>4171317</v>
      </c>
      <c r="KX35" s="347">
        <v>4171317</v>
      </c>
      <c r="KY35" s="348">
        <v>0</v>
      </c>
      <c r="KZ35" s="345">
        <v>0</v>
      </c>
      <c r="LA35" s="349">
        <v>0</v>
      </c>
      <c r="LB35" s="413">
        <v>0</v>
      </c>
      <c r="LC35" s="345">
        <v>0</v>
      </c>
      <c r="LD35" s="345">
        <v>0</v>
      </c>
      <c r="LE35" s="345">
        <v>0</v>
      </c>
      <c r="LF35" s="345">
        <v>0</v>
      </c>
      <c r="LG35" s="345">
        <v>0</v>
      </c>
      <c r="LH35" s="349">
        <v>0</v>
      </c>
      <c r="LI35" s="350">
        <v>0</v>
      </c>
      <c r="LJ35" s="348">
        <v>0</v>
      </c>
      <c r="LK35" s="345">
        <v>0</v>
      </c>
      <c r="LL35" s="349">
        <v>0</v>
      </c>
      <c r="LM35" s="413">
        <v>0</v>
      </c>
      <c r="LN35" s="345">
        <v>0</v>
      </c>
      <c r="LO35" s="345">
        <v>0</v>
      </c>
      <c r="LP35" s="345">
        <v>0</v>
      </c>
      <c r="LQ35" s="345">
        <v>0</v>
      </c>
      <c r="LR35" s="345">
        <v>0</v>
      </c>
      <c r="LS35" s="349">
        <v>0</v>
      </c>
      <c r="LT35" s="347">
        <v>0</v>
      </c>
      <c r="LU35" s="348">
        <v>0</v>
      </c>
      <c r="LV35" s="345">
        <v>0</v>
      </c>
      <c r="LW35" s="349">
        <v>0</v>
      </c>
      <c r="LX35" s="413">
        <v>0</v>
      </c>
      <c r="LY35" s="345">
        <v>0</v>
      </c>
      <c r="LZ35" s="345">
        <v>0</v>
      </c>
      <c r="MA35" s="345">
        <v>0</v>
      </c>
      <c r="MB35" s="345">
        <v>0</v>
      </c>
      <c r="MC35" s="345">
        <v>0</v>
      </c>
      <c r="MD35" s="349">
        <v>0</v>
      </c>
      <c r="ME35" s="350">
        <v>0</v>
      </c>
      <c r="MF35" s="348">
        <v>0</v>
      </c>
      <c r="MG35" s="345">
        <v>0</v>
      </c>
      <c r="MH35" s="349">
        <v>0</v>
      </c>
      <c r="MI35" s="413">
        <v>0</v>
      </c>
      <c r="MJ35" s="345">
        <v>2824538</v>
      </c>
      <c r="MK35" s="345">
        <v>2641318</v>
      </c>
      <c r="ML35" s="345">
        <v>7693079</v>
      </c>
      <c r="MM35" s="345">
        <v>14954246</v>
      </c>
      <c r="MN35" s="345">
        <v>8908586</v>
      </c>
      <c r="MO35" s="349">
        <v>37021767</v>
      </c>
      <c r="MP35" s="354">
        <v>37021767</v>
      </c>
      <c r="MQ35" s="348">
        <v>0</v>
      </c>
      <c r="MR35" s="345">
        <v>0</v>
      </c>
      <c r="MS35" s="349">
        <v>0</v>
      </c>
      <c r="MT35" s="413">
        <v>0</v>
      </c>
      <c r="MU35" s="345">
        <v>0</v>
      </c>
      <c r="MV35" s="345">
        <v>1066651</v>
      </c>
      <c r="MW35" s="345">
        <v>5175110</v>
      </c>
      <c r="MX35" s="345">
        <v>9756095</v>
      </c>
      <c r="MY35" s="345">
        <v>6287679</v>
      </c>
      <c r="MZ35" s="349">
        <v>22285535</v>
      </c>
      <c r="NA35" s="354">
        <v>22285535</v>
      </c>
      <c r="NB35" s="348">
        <v>0</v>
      </c>
      <c r="NC35" s="345">
        <v>0</v>
      </c>
      <c r="ND35" s="349">
        <v>0</v>
      </c>
      <c r="NE35" s="413">
        <v>0</v>
      </c>
      <c r="NF35" s="345">
        <v>2824538</v>
      </c>
      <c r="NG35" s="345">
        <v>1574667</v>
      </c>
      <c r="NH35" s="345">
        <v>2517969</v>
      </c>
      <c r="NI35" s="345">
        <v>5198151</v>
      </c>
      <c r="NJ35" s="345">
        <v>1920262</v>
      </c>
      <c r="NK35" s="349">
        <v>14035587</v>
      </c>
      <c r="NL35" s="347">
        <v>14035587</v>
      </c>
      <c r="NM35" s="348">
        <v>0</v>
      </c>
      <c r="NN35" s="345">
        <v>0</v>
      </c>
      <c r="NO35" s="349">
        <v>0</v>
      </c>
      <c r="NP35" s="413">
        <v>0</v>
      </c>
      <c r="NQ35" s="345">
        <v>0</v>
      </c>
      <c r="NR35" s="345">
        <v>0</v>
      </c>
      <c r="NS35" s="345">
        <v>0</v>
      </c>
      <c r="NT35" s="345">
        <v>0</v>
      </c>
      <c r="NU35" s="345">
        <v>0</v>
      </c>
      <c r="NV35" s="349">
        <v>0</v>
      </c>
      <c r="NW35" s="350">
        <v>0</v>
      </c>
      <c r="NX35" s="348">
        <v>0</v>
      </c>
      <c r="NY35" s="345">
        <v>0</v>
      </c>
      <c r="NZ35" s="349">
        <v>0</v>
      </c>
      <c r="OA35" s="413">
        <v>0</v>
      </c>
      <c r="OB35" s="345">
        <v>0</v>
      </c>
      <c r="OC35" s="345">
        <v>0</v>
      </c>
      <c r="OD35" s="345">
        <v>0</v>
      </c>
      <c r="OE35" s="345">
        <v>0</v>
      </c>
      <c r="OF35" s="345">
        <v>700645</v>
      </c>
      <c r="OG35" s="349">
        <v>700645</v>
      </c>
      <c r="OH35" s="350">
        <v>700645</v>
      </c>
      <c r="OI35" s="348">
        <v>969035</v>
      </c>
      <c r="OJ35" s="345">
        <v>848943</v>
      </c>
      <c r="OK35" s="346">
        <v>1817978</v>
      </c>
      <c r="OL35" s="351">
        <v>0</v>
      </c>
      <c r="OM35" s="345">
        <v>14007840</v>
      </c>
      <c r="ON35" s="345">
        <v>13999621</v>
      </c>
      <c r="OO35" s="345">
        <v>17674797</v>
      </c>
      <c r="OP35" s="345">
        <v>23589060</v>
      </c>
      <c r="OQ35" s="345">
        <v>12660732</v>
      </c>
      <c r="OR35" s="349">
        <v>81932050</v>
      </c>
      <c r="OS35" s="354">
        <v>83750028</v>
      </c>
    </row>
    <row r="36" spans="2:409" s="70" customFormat="1" ht="21" customHeight="1" x14ac:dyDescent="0.2">
      <c r="B36" s="410" t="s">
        <v>31</v>
      </c>
      <c r="C36" s="326">
        <v>571986</v>
      </c>
      <c r="D36" s="327">
        <v>1041152</v>
      </c>
      <c r="E36" s="328">
        <v>1613138</v>
      </c>
      <c r="F36" s="329">
        <v>0</v>
      </c>
      <c r="G36" s="327">
        <v>7330840</v>
      </c>
      <c r="H36" s="327">
        <v>8561550</v>
      </c>
      <c r="I36" s="327">
        <v>8104974</v>
      </c>
      <c r="J36" s="327">
        <v>7266828</v>
      </c>
      <c r="K36" s="327">
        <v>2682139</v>
      </c>
      <c r="L36" s="367">
        <v>33946331</v>
      </c>
      <c r="M36" s="330">
        <v>35559469</v>
      </c>
      <c r="N36" s="326">
        <v>72216</v>
      </c>
      <c r="O36" s="327">
        <v>148393</v>
      </c>
      <c r="P36" s="328">
        <v>220609</v>
      </c>
      <c r="Q36" s="326">
        <v>0</v>
      </c>
      <c r="R36" s="327">
        <v>1378962</v>
      </c>
      <c r="S36" s="327">
        <v>1602923</v>
      </c>
      <c r="T36" s="327">
        <v>1636442</v>
      </c>
      <c r="U36" s="327">
        <v>2950241</v>
      </c>
      <c r="V36" s="327">
        <v>827986</v>
      </c>
      <c r="W36" s="328">
        <v>8396554</v>
      </c>
      <c r="X36" s="330">
        <v>8617163</v>
      </c>
      <c r="Y36" s="326">
        <v>0</v>
      </c>
      <c r="Z36" s="327">
        <v>0</v>
      </c>
      <c r="AA36" s="328">
        <v>0</v>
      </c>
      <c r="AB36" s="326">
        <v>0</v>
      </c>
      <c r="AC36" s="327">
        <v>439665</v>
      </c>
      <c r="AD36" s="327">
        <v>540964</v>
      </c>
      <c r="AE36" s="327">
        <v>626350</v>
      </c>
      <c r="AF36" s="327">
        <v>1134159</v>
      </c>
      <c r="AG36" s="327">
        <v>49985</v>
      </c>
      <c r="AH36" s="328">
        <v>2791123</v>
      </c>
      <c r="AI36" s="330">
        <v>2791123</v>
      </c>
      <c r="AJ36" s="326">
        <v>0</v>
      </c>
      <c r="AK36" s="327">
        <v>0</v>
      </c>
      <c r="AL36" s="328">
        <v>0</v>
      </c>
      <c r="AM36" s="326">
        <v>0</v>
      </c>
      <c r="AN36" s="327">
        <v>158895</v>
      </c>
      <c r="AO36" s="327">
        <v>205216</v>
      </c>
      <c r="AP36" s="327">
        <v>103871</v>
      </c>
      <c r="AQ36" s="327">
        <v>477907</v>
      </c>
      <c r="AR36" s="327">
        <v>357125</v>
      </c>
      <c r="AS36" s="328">
        <v>1303014</v>
      </c>
      <c r="AT36" s="330">
        <v>1303014</v>
      </c>
      <c r="AU36" s="326">
        <v>54756</v>
      </c>
      <c r="AV36" s="327">
        <v>83884</v>
      </c>
      <c r="AW36" s="328">
        <v>138640</v>
      </c>
      <c r="AX36" s="326">
        <v>0</v>
      </c>
      <c r="AY36" s="327">
        <v>559039</v>
      </c>
      <c r="AZ36" s="327">
        <v>607325</v>
      </c>
      <c r="BA36" s="327">
        <v>725722</v>
      </c>
      <c r="BB36" s="327">
        <v>896181</v>
      </c>
      <c r="BC36" s="327">
        <v>305057</v>
      </c>
      <c r="BD36" s="328">
        <v>3093324</v>
      </c>
      <c r="BE36" s="330">
        <v>3231964</v>
      </c>
      <c r="BF36" s="326">
        <v>0</v>
      </c>
      <c r="BG36" s="327">
        <v>45141</v>
      </c>
      <c r="BH36" s="331">
        <v>45141</v>
      </c>
      <c r="BI36" s="332">
        <v>0</v>
      </c>
      <c r="BJ36" s="327">
        <v>122885</v>
      </c>
      <c r="BK36" s="327">
        <v>35110</v>
      </c>
      <c r="BL36" s="327">
        <v>26576</v>
      </c>
      <c r="BM36" s="327">
        <v>175552</v>
      </c>
      <c r="BN36" s="327">
        <v>0</v>
      </c>
      <c r="BO36" s="328">
        <v>360123</v>
      </c>
      <c r="BP36" s="330">
        <v>405264</v>
      </c>
      <c r="BQ36" s="326">
        <v>17460</v>
      </c>
      <c r="BR36" s="327">
        <v>19368</v>
      </c>
      <c r="BS36" s="328">
        <v>36828</v>
      </c>
      <c r="BT36" s="326">
        <v>0</v>
      </c>
      <c r="BU36" s="327">
        <v>98478</v>
      </c>
      <c r="BV36" s="327">
        <v>214308</v>
      </c>
      <c r="BW36" s="327">
        <v>153923</v>
      </c>
      <c r="BX36" s="327">
        <v>266442</v>
      </c>
      <c r="BY36" s="327">
        <v>115819</v>
      </c>
      <c r="BZ36" s="328">
        <v>848970</v>
      </c>
      <c r="CA36" s="330">
        <v>885798</v>
      </c>
      <c r="CB36" s="326">
        <v>69352</v>
      </c>
      <c r="CC36" s="327">
        <v>85738</v>
      </c>
      <c r="CD36" s="328">
        <v>155090</v>
      </c>
      <c r="CE36" s="326">
        <v>0</v>
      </c>
      <c r="CF36" s="327">
        <v>2766456</v>
      </c>
      <c r="CG36" s="327">
        <v>2932422</v>
      </c>
      <c r="CH36" s="327">
        <v>1885476</v>
      </c>
      <c r="CI36" s="327">
        <v>1244635</v>
      </c>
      <c r="CJ36" s="327">
        <v>747075</v>
      </c>
      <c r="CK36" s="328">
        <v>9576064</v>
      </c>
      <c r="CL36" s="330">
        <v>9731154</v>
      </c>
      <c r="CM36" s="326">
        <v>0</v>
      </c>
      <c r="CN36" s="327">
        <v>0</v>
      </c>
      <c r="CO36" s="328">
        <v>0</v>
      </c>
      <c r="CP36" s="332">
        <v>0</v>
      </c>
      <c r="CQ36" s="327">
        <v>2448642</v>
      </c>
      <c r="CR36" s="327">
        <v>2520520</v>
      </c>
      <c r="CS36" s="327">
        <v>1323433</v>
      </c>
      <c r="CT36" s="327">
        <v>653708</v>
      </c>
      <c r="CU36" s="327">
        <v>651366</v>
      </c>
      <c r="CV36" s="328">
        <v>7597669</v>
      </c>
      <c r="CW36" s="330">
        <v>7597669</v>
      </c>
      <c r="CX36" s="326">
        <v>69352</v>
      </c>
      <c r="CY36" s="327">
        <v>85738</v>
      </c>
      <c r="CZ36" s="328">
        <v>155090</v>
      </c>
      <c r="DA36" s="326">
        <v>0</v>
      </c>
      <c r="DB36" s="327">
        <v>317814</v>
      </c>
      <c r="DC36" s="327">
        <v>411902</v>
      </c>
      <c r="DD36" s="327">
        <v>562043</v>
      </c>
      <c r="DE36" s="327">
        <v>590927</v>
      </c>
      <c r="DF36" s="327">
        <v>95709</v>
      </c>
      <c r="DG36" s="328">
        <v>1978395</v>
      </c>
      <c r="DH36" s="330">
        <v>2133485</v>
      </c>
      <c r="DI36" s="326">
        <v>0</v>
      </c>
      <c r="DJ36" s="327">
        <v>43771</v>
      </c>
      <c r="DK36" s="331">
        <v>43771</v>
      </c>
      <c r="DL36" s="332">
        <v>0</v>
      </c>
      <c r="DM36" s="327">
        <v>409982</v>
      </c>
      <c r="DN36" s="327">
        <v>533740</v>
      </c>
      <c r="DO36" s="327">
        <v>1915692</v>
      </c>
      <c r="DP36" s="327">
        <v>178300</v>
      </c>
      <c r="DQ36" s="327">
        <v>63361</v>
      </c>
      <c r="DR36" s="328">
        <v>3101075</v>
      </c>
      <c r="DS36" s="330">
        <v>3144846</v>
      </c>
      <c r="DT36" s="326">
        <v>0</v>
      </c>
      <c r="DU36" s="327">
        <v>43771</v>
      </c>
      <c r="DV36" s="328">
        <v>43771</v>
      </c>
      <c r="DW36" s="326">
        <v>0</v>
      </c>
      <c r="DX36" s="327">
        <v>305033</v>
      </c>
      <c r="DY36" s="327">
        <v>481421</v>
      </c>
      <c r="DZ36" s="327">
        <v>1500645</v>
      </c>
      <c r="EA36" s="327">
        <v>178300</v>
      </c>
      <c r="EB36" s="327">
        <v>0</v>
      </c>
      <c r="EC36" s="328">
        <v>2465399</v>
      </c>
      <c r="ED36" s="330">
        <v>2509170</v>
      </c>
      <c r="EE36" s="326">
        <v>0</v>
      </c>
      <c r="EF36" s="331">
        <v>0</v>
      </c>
      <c r="EG36" s="328">
        <v>0</v>
      </c>
      <c r="EH36" s="326">
        <v>0</v>
      </c>
      <c r="EI36" s="327">
        <v>104949</v>
      </c>
      <c r="EJ36" s="327">
        <v>52319</v>
      </c>
      <c r="EK36" s="327">
        <v>415047</v>
      </c>
      <c r="EL36" s="327">
        <v>0</v>
      </c>
      <c r="EM36" s="327">
        <v>63361</v>
      </c>
      <c r="EN36" s="331">
        <v>635676</v>
      </c>
      <c r="EO36" s="330">
        <v>635676</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156754</v>
      </c>
      <c r="FM36" s="327">
        <v>459332</v>
      </c>
      <c r="FN36" s="328">
        <v>616086</v>
      </c>
      <c r="FO36" s="326">
        <v>0</v>
      </c>
      <c r="FP36" s="327">
        <v>474850</v>
      </c>
      <c r="FQ36" s="327">
        <v>885989</v>
      </c>
      <c r="FR36" s="327">
        <v>712160</v>
      </c>
      <c r="FS36" s="327">
        <v>780889</v>
      </c>
      <c r="FT36" s="327">
        <v>376822</v>
      </c>
      <c r="FU36" s="328">
        <v>3230710</v>
      </c>
      <c r="FV36" s="330">
        <v>3846796</v>
      </c>
      <c r="FW36" s="333">
        <v>156754</v>
      </c>
      <c r="FX36" s="327">
        <v>443492</v>
      </c>
      <c r="FY36" s="331">
        <v>600246</v>
      </c>
      <c r="FZ36" s="332">
        <v>0</v>
      </c>
      <c r="GA36" s="327">
        <v>417529</v>
      </c>
      <c r="GB36" s="327">
        <v>807239</v>
      </c>
      <c r="GC36" s="327">
        <v>685565</v>
      </c>
      <c r="GD36" s="327">
        <v>662989</v>
      </c>
      <c r="GE36" s="327">
        <v>301222</v>
      </c>
      <c r="GF36" s="328">
        <v>2874544</v>
      </c>
      <c r="GG36" s="334">
        <v>3474790</v>
      </c>
      <c r="GH36" s="333">
        <v>0</v>
      </c>
      <c r="GI36" s="327">
        <v>15840</v>
      </c>
      <c r="GJ36" s="331">
        <v>15840</v>
      </c>
      <c r="GK36" s="332">
        <v>0</v>
      </c>
      <c r="GL36" s="327">
        <v>57321</v>
      </c>
      <c r="GM36" s="327">
        <v>0</v>
      </c>
      <c r="GN36" s="327">
        <v>16200</v>
      </c>
      <c r="GO36" s="327">
        <v>117900</v>
      </c>
      <c r="GP36" s="327">
        <v>75600</v>
      </c>
      <c r="GQ36" s="328">
        <v>267021</v>
      </c>
      <c r="GR36" s="330">
        <v>282861</v>
      </c>
      <c r="GS36" s="326">
        <v>0</v>
      </c>
      <c r="GT36" s="327">
        <v>0</v>
      </c>
      <c r="GU36" s="328">
        <v>0</v>
      </c>
      <c r="GV36" s="326">
        <v>0</v>
      </c>
      <c r="GW36" s="327">
        <v>0</v>
      </c>
      <c r="GX36" s="327">
        <v>78750</v>
      </c>
      <c r="GY36" s="327">
        <v>10395</v>
      </c>
      <c r="GZ36" s="327">
        <v>0</v>
      </c>
      <c r="HA36" s="327">
        <v>0</v>
      </c>
      <c r="HB36" s="331">
        <v>89145</v>
      </c>
      <c r="HC36" s="330">
        <v>89145</v>
      </c>
      <c r="HD36" s="326">
        <v>117028</v>
      </c>
      <c r="HE36" s="327">
        <v>0</v>
      </c>
      <c r="HF36" s="331">
        <v>117028</v>
      </c>
      <c r="HG36" s="332">
        <v>0</v>
      </c>
      <c r="HH36" s="327">
        <v>862162</v>
      </c>
      <c r="HI36" s="327">
        <v>1554601</v>
      </c>
      <c r="HJ36" s="327">
        <v>1077761</v>
      </c>
      <c r="HK36" s="327">
        <v>1452380</v>
      </c>
      <c r="HL36" s="327">
        <v>478404</v>
      </c>
      <c r="HM36" s="328">
        <v>5425308</v>
      </c>
      <c r="HN36" s="329">
        <v>5542336</v>
      </c>
      <c r="HO36" s="333">
        <v>156636</v>
      </c>
      <c r="HP36" s="327">
        <v>303918</v>
      </c>
      <c r="HQ36" s="328">
        <v>460554</v>
      </c>
      <c r="HR36" s="326">
        <v>0</v>
      </c>
      <c r="HS36" s="327">
        <v>1438428</v>
      </c>
      <c r="HT36" s="327">
        <v>1051875</v>
      </c>
      <c r="HU36" s="327">
        <v>877443</v>
      </c>
      <c r="HV36" s="327">
        <v>660383</v>
      </c>
      <c r="HW36" s="327">
        <v>188491</v>
      </c>
      <c r="HX36" s="331">
        <v>4216620</v>
      </c>
      <c r="HY36" s="330">
        <v>4677174</v>
      </c>
      <c r="HZ36" s="358">
        <v>0</v>
      </c>
      <c r="IA36" s="356">
        <v>0</v>
      </c>
      <c r="IB36" s="358">
        <v>0</v>
      </c>
      <c r="IC36" s="355">
        <v>0</v>
      </c>
      <c r="ID36" s="356">
        <v>3468418</v>
      </c>
      <c r="IE36" s="357">
        <v>4924264</v>
      </c>
      <c r="IF36" s="358">
        <v>5481154</v>
      </c>
      <c r="IG36" s="356">
        <v>4513883</v>
      </c>
      <c r="IH36" s="358">
        <v>1163737</v>
      </c>
      <c r="II36" s="359">
        <v>19551456</v>
      </c>
      <c r="IJ36" s="358">
        <v>19551456</v>
      </c>
      <c r="IK36" s="342">
        <v>0</v>
      </c>
      <c r="IL36" s="343">
        <v>0</v>
      </c>
      <c r="IM36" s="344">
        <v>0</v>
      </c>
      <c r="IN36" s="404">
        <v>0</v>
      </c>
      <c r="IO36" s="345">
        <v>0</v>
      </c>
      <c r="IP36" s="345">
        <v>107883</v>
      </c>
      <c r="IQ36" s="345">
        <v>195570</v>
      </c>
      <c r="IR36" s="345">
        <v>0</v>
      </c>
      <c r="IS36" s="345">
        <v>0</v>
      </c>
      <c r="IT36" s="346">
        <v>303453</v>
      </c>
      <c r="IU36" s="347">
        <v>303453</v>
      </c>
      <c r="IV36" s="348">
        <v>0</v>
      </c>
      <c r="IW36" s="345">
        <v>0</v>
      </c>
      <c r="IX36" s="349">
        <v>0</v>
      </c>
      <c r="IY36" s="413">
        <v>0</v>
      </c>
      <c r="IZ36" s="345">
        <v>0</v>
      </c>
      <c r="JA36" s="345">
        <v>0</v>
      </c>
      <c r="JB36" s="345">
        <v>0</v>
      </c>
      <c r="JC36" s="345">
        <v>0</v>
      </c>
      <c r="JD36" s="345">
        <v>0</v>
      </c>
      <c r="JE36" s="349">
        <v>0</v>
      </c>
      <c r="JF36" s="350">
        <v>0</v>
      </c>
      <c r="JG36" s="348">
        <v>0</v>
      </c>
      <c r="JH36" s="345">
        <v>0</v>
      </c>
      <c r="JI36" s="346">
        <v>0</v>
      </c>
      <c r="JJ36" s="351">
        <v>0</v>
      </c>
      <c r="JK36" s="345">
        <v>762359</v>
      </c>
      <c r="JL36" s="345">
        <v>761800</v>
      </c>
      <c r="JM36" s="345">
        <v>573856</v>
      </c>
      <c r="JN36" s="345">
        <v>49129</v>
      </c>
      <c r="JO36" s="345">
        <v>0</v>
      </c>
      <c r="JP36" s="349">
        <v>2147144</v>
      </c>
      <c r="JQ36" s="347">
        <v>2147144</v>
      </c>
      <c r="JR36" s="348">
        <v>0</v>
      </c>
      <c r="JS36" s="345">
        <v>0</v>
      </c>
      <c r="JT36" s="346">
        <v>0</v>
      </c>
      <c r="JU36" s="351">
        <v>0</v>
      </c>
      <c r="JV36" s="345">
        <v>0</v>
      </c>
      <c r="JW36" s="345">
        <v>160437</v>
      </c>
      <c r="JX36" s="345">
        <v>94650</v>
      </c>
      <c r="JY36" s="345">
        <v>187629</v>
      </c>
      <c r="JZ36" s="345">
        <v>0</v>
      </c>
      <c r="KA36" s="349">
        <v>442716</v>
      </c>
      <c r="KB36" s="347">
        <v>442716</v>
      </c>
      <c r="KC36" s="352">
        <v>0</v>
      </c>
      <c r="KD36" s="353">
        <v>0</v>
      </c>
      <c r="KE36" s="349">
        <v>0</v>
      </c>
      <c r="KF36" s="351">
        <v>0</v>
      </c>
      <c r="KG36" s="345">
        <v>862887</v>
      </c>
      <c r="KH36" s="345">
        <v>1015384</v>
      </c>
      <c r="KI36" s="345">
        <v>1548371</v>
      </c>
      <c r="KJ36" s="345">
        <v>1391800</v>
      </c>
      <c r="KK36" s="345">
        <v>0</v>
      </c>
      <c r="KL36" s="349">
        <v>4818442</v>
      </c>
      <c r="KM36" s="354">
        <v>4818442</v>
      </c>
      <c r="KN36" s="342">
        <v>0</v>
      </c>
      <c r="KO36" s="343">
        <v>0</v>
      </c>
      <c r="KP36" s="344">
        <v>0</v>
      </c>
      <c r="KQ36" s="413">
        <v>0</v>
      </c>
      <c r="KR36" s="345">
        <v>1843172</v>
      </c>
      <c r="KS36" s="345">
        <v>2878760</v>
      </c>
      <c r="KT36" s="345">
        <v>3068707</v>
      </c>
      <c r="KU36" s="345">
        <v>2748733</v>
      </c>
      <c r="KV36" s="345">
        <v>1135063</v>
      </c>
      <c r="KW36" s="349">
        <v>11674435</v>
      </c>
      <c r="KX36" s="347">
        <v>11674435</v>
      </c>
      <c r="KY36" s="348">
        <v>0</v>
      </c>
      <c r="KZ36" s="345">
        <v>0</v>
      </c>
      <c r="LA36" s="349">
        <v>0</v>
      </c>
      <c r="LB36" s="413">
        <v>0</v>
      </c>
      <c r="LC36" s="345">
        <v>0</v>
      </c>
      <c r="LD36" s="345">
        <v>0</v>
      </c>
      <c r="LE36" s="345">
        <v>0</v>
      </c>
      <c r="LF36" s="345">
        <v>0</v>
      </c>
      <c r="LG36" s="345">
        <v>0</v>
      </c>
      <c r="LH36" s="349">
        <v>0</v>
      </c>
      <c r="LI36" s="350">
        <v>0</v>
      </c>
      <c r="LJ36" s="348">
        <v>0</v>
      </c>
      <c r="LK36" s="345">
        <v>0</v>
      </c>
      <c r="LL36" s="349">
        <v>0</v>
      </c>
      <c r="LM36" s="413">
        <v>0</v>
      </c>
      <c r="LN36" s="345">
        <v>0</v>
      </c>
      <c r="LO36" s="345">
        <v>0</v>
      </c>
      <c r="LP36" s="345">
        <v>0</v>
      </c>
      <c r="LQ36" s="345">
        <v>136592</v>
      </c>
      <c r="LR36" s="345">
        <v>28674</v>
      </c>
      <c r="LS36" s="349">
        <v>165266</v>
      </c>
      <c r="LT36" s="347">
        <v>165266</v>
      </c>
      <c r="LU36" s="348">
        <v>0</v>
      </c>
      <c r="LV36" s="345">
        <v>0</v>
      </c>
      <c r="LW36" s="349">
        <v>0</v>
      </c>
      <c r="LX36" s="413">
        <v>0</v>
      </c>
      <c r="LY36" s="345">
        <v>0</v>
      </c>
      <c r="LZ36" s="345">
        <v>0</v>
      </c>
      <c r="MA36" s="345">
        <v>0</v>
      </c>
      <c r="MB36" s="345">
        <v>0</v>
      </c>
      <c r="MC36" s="345">
        <v>0</v>
      </c>
      <c r="MD36" s="349">
        <v>0</v>
      </c>
      <c r="ME36" s="350">
        <v>0</v>
      </c>
      <c r="MF36" s="348">
        <v>0</v>
      </c>
      <c r="MG36" s="345">
        <v>0</v>
      </c>
      <c r="MH36" s="349">
        <v>0</v>
      </c>
      <c r="MI36" s="413">
        <v>0</v>
      </c>
      <c r="MJ36" s="345">
        <v>1531767</v>
      </c>
      <c r="MK36" s="345">
        <v>3139624</v>
      </c>
      <c r="ML36" s="345">
        <v>11568137</v>
      </c>
      <c r="MM36" s="345">
        <v>10374317</v>
      </c>
      <c r="MN36" s="345">
        <v>9788958</v>
      </c>
      <c r="MO36" s="349">
        <v>36402803</v>
      </c>
      <c r="MP36" s="354">
        <v>36402803</v>
      </c>
      <c r="MQ36" s="348">
        <v>0</v>
      </c>
      <c r="MR36" s="345">
        <v>0</v>
      </c>
      <c r="MS36" s="349">
        <v>0</v>
      </c>
      <c r="MT36" s="413">
        <v>0</v>
      </c>
      <c r="MU36" s="345">
        <v>423258</v>
      </c>
      <c r="MV36" s="345">
        <v>571431</v>
      </c>
      <c r="MW36" s="345">
        <v>7605496</v>
      </c>
      <c r="MX36" s="345">
        <v>6479469</v>
      </c>
      <c r="MY36" s="345">
        <v>7568857</v>
      </c>
      <c r="MZ36" s="349">
        <v>22648511</v>
      </c>
      <c r="NA36" s="354">
        <v>22648511</v>
      </c>
      <c r="NB36" s="348">
        <v>0</v>
      </c>
      <c r="NC36" s="345">
        <v>0</v>
      </c>
      <c r="ND36" s="349">
        <v>0</v>
      </c>
      <c r="NE36" s="413">
        <v>0</v>
      </c>
      <c r="NF36" s="345">
        <v>849908</v>
      </c>
      <c r="NG36" s="345">
        <v>2568193</v>
      </c>
      <c r="NH36" s="345">
        <v>3962641</v>
      </c>
      <c r="NI36" s="345">
        <v>3161229</v>
      </c>
      <c r="NJ36" s="345">
        <v>1460332</v>
      </c>
      <c r="NK36" s="349">
        <v>12002303</v>
      </c>
      <c r="NL36" s="347">
        <v>12002303</v>
      </c>
      <c r="NM36" s="348">
        <v>0</v>
      </c>
      <c r="NN36" s="345">
        <v>0</v>
      </c>
      <c r="NO36" s="349">
        <v>0</v>
      </c>
      <c r="NP36" s="413">
        <v>0</v>
      </c>
      <c r="NQ36" s="345">
        <v>0</v>
      </c>
      <c r="NR36" s="345">
        <v>0</v>
      </c>
      <c r="NS36" s="345">
        <v>0</v>
      </c>
      <c r="NT36" s="345">
        <v>0</v>
      </c>
      <c r="NU36" s="345">
        <v>0</v>
      </c>
      <c r="NV36" s="349">
        <v>0</v>
      </c>
      <c r="NW36" s="350">
        <v>0</v>
      </c>
      <c r="NX36" s="348">
        <v>0</v>
      </c>
      <c r="NY36" s="345">
        <v>0</v>
      </c>
      <c r="NZ36" s="349">
        <v>0</v>
      </c>
      <c r="OA36" s="413">
        <v>0</v>
      </c>
      <c r="OB36" s="345">
        <v>258601</v>
      </c>
      <c r="OC36" s="345">
        <v>0</v>
      </c>
      <c r="OD36" s="345">
        <v>0</v>
      </c>
      <c r="OE36" s="345">
        <v>733619</v>
      </c>
      <c r="OF36" s="345">
        <v>759769</v>
      </c>
      <c r="OG36" s="349">
        <v>1751989</v>
      </c>
      <c r="OH36" s="350">
        <v>1751989</v>
      </c>
      <c r="OI36" s="348">
        <v>571986</v>
      </c>
      <c r="OJ36" s="345">
        <v>1041152</v>
      </c>
      <c r="OK36" s="346">
        <v>1613138</v>
      </c>
      <c r="OL36" s="351">
        <v>0</v>
      </c>
      <c r="OM36" s="345">
        <v>12331025</v>
      </c>
      <c r="ON36" s="345">
        <v>16625438</v>
      </c>
      <c r="OO36" s="345">
        <v>25154265</v>
      </c>
      <c r="OP36" s="345">
        <v>22155028</v>
      </c>
      <c r="OQ36" s="345">
        <v>13634834</v>
      </c>
      <c r="OR36" s="349">
        <v>89900590</v>
      </c>
      <c r="OS36" s="354">
        <v>91513728</v>
      </c>
    </row>
    <row r="37" spans="2:409" s="70" customFormat="1" ht="21" customHeight="1" x14ac:dyDescent="0.2">
      <c r="B37" s="410" t="s">
        <v>32</v>
      </c>
      <c r="C37" s="326">
        <v>1040122</v>
      </c>
      <c r="D37" s="327">
        <v>1695645</v>
      </c>
      <c r="E37" s="368">
        <v>2735767</v>
      </c>
      <c r="F37" s="370">
        <v>0</v>
      </c>
      <c r="G37" s="369">
        <v>10224832</v>
      </c>
      <c r="H37" s="369">
        <v>12479152</v>
      </c>
      <c r="I37" s="369">
        <v>8219923</v>
      </c>
      <c r="J37" s="369">
        <v>10169867</v>
      </c>
      <c r="K37" s="369">
        <v>7466713</v>
      </c>
      <c r="L37" s="370">
        <v>48560487</v>
      </c>
      <c r="M37" s="330">
        <v>51296254</v>
      </c>
      <c r="N37" s="326">
        <v>225105</v>
      </c>
      <c r="O37" s="327">
        <v>306002</v>
      </c>
      <c r="P37" s="328">
        <v>531107</v>
      </c>
      <c r="Q37" s="326">
        <v>0</v>
      </c>
      <c r="R37" s="327">
        <v>3093666</v>
      </c>
      <c r="S37" s="327">
        <v>2594020</v>
      </c>
      <c r="T37" s="327">
        <v>2353147</v>
      </c>
      <c r="U37" s="327">
        <v>3290457</v>
      </c>
      <c r="V37" s="327">
        <v>3503288</v>
      </c>
      <c r="W37" s="328">
        <v>14834578</v>
      </c>
      <c r="X37" s="330">
        <v>15365685</v>
      </c>
      <c r="Y37" s="326">
        <v>0</v>
      </c>
      <c r="Z37" s="327">
        <v>0</v>
      </c>
      <c r="AA37" s="328">
        <v>0</v>
      </c>
      <c r="AB37" s="326">
        <v>0</v>
      </c>
      <c r="AC37" s="327">
        <v>1303741</v>
      </c>
      <c r="AD37" s="327">
        <v>1168732</v>
      </c>
      <c r="AE37" s="327">
        <v>1204700</v>
      </c>
      <c r="AF37" s="327">
        <v>1316381</v>
      </c>
      <c r="AG37" s="327">
        <v>2078996</v>
      </c>
      <c r="AH37" s="328">
        <v>7072550</v>
      </c>
      <c r="AI37" s="330">
        <v>7072550</v>
      </c>
      <c r="AJ37" s="326">
        <v>0</v>
      </c>
      <c r="AK37" s="327">
        <v>0</v>
      </c>
      <c r="AL37" s="328">
        <v>0</v>
      </c>
      <c r="AM37" s="326">
        <v>0</v>
      </c>
      <c r="AN37" s="327">
        <v>0</v>
      </c>
      <c r="AO37" s="327">
        <v>0</v>
      </c>
      <c r="AP37" s="327">
        <v>52965</v>
      </c>
      <c r="AQ37" s="327">
        <v>399200</v>
      </c>
      <c r="AR37" s="327">
        <v>452782</v>
      </c>
      <c r="AS37" s="328">
        <v>904947</v>
      </c>
      <c r="AT37" s="330">
        <v>904947</v>
      </c>
      <c r="AU37" s="326">
        <v>174795</v>
      </c>
      <c r="AV37" s="327">
        <v>195770</v>
      </c>
      <c r="AW37" s="328">
        <v>370565</v>
      </c>
      <c r="AX37" s="326">
        <v>0</v>
      </c>
      <c r="AY37" s="327">
        <v>1310581</v>
      </c>
      <c r="AZ37" s="327">
        <v>1027481</v>
      </c>
      <c r="BA37" s="327">
        <v>601637</v>
      </c>
      <c r="BB37" s="327">
        <v>775754</v>
      </c>
      <c r="BC37" s="327">
        <v>576408</v>
      </c>
      <c r="BD37" s="328">
        <v>4291861</v>
      </c>
      <c r="BE37" s="330">
        <v>4662426</v>
      </c>
      <c r="BF37" s="326">
        <v>0</v>
      </c>
      <c r="BG37" s="327">
        <v>33390</v>
      </c>
      <c r="BH37" s="331">
        <v>33390</v>
      </c>
      <c r="BI37" s="332">
        <v>0</v>
      </c>
      <c r="BJ37" s="327">
        <v>158972</v>
      </c>
      <c r="BK37" s="327">
        <v>0</v>
      </c>
      <c r="BL37" s="327">
        <v>0</v>
      </c>
      <c r="BM37" s="327">
        <v>139466</v>
      </c>
      <c r="BN37" s="327">
        <v>42404</v>
      </c>
      <c r="BO37" s="328">
        <v>340842</v>
      </c>
      <c r="BP37" s="330">
        <v>374232</v>
      </c>
      <c r="BQ37" s="326">
        <v>50310</v>
      </c>
      <c r="BR37" s="327">
        <v>76842</v>
      </c>
      <c r="BS37" s="328">
        <v>127152</v>
      </c>
      <c r="BT37" s="326">
        <v>0</v>
      </c>
      <c r="BU37" s="327">
        <v>320372</v>
      </c>
      <c r="BV37" s="327">
        <v>397807</v>
      </c>
      <c r="BW37" s="327">
        <v>493845</v>
      </c>
      <c r="BX37" s="327">
        <v>659656</v>
      </c>
      <c r="BY37" s="327">
        <v>352698</v>
      </c>
      <c r="BZ37" s="328">
        <v>2224378</v>
      </c>
      <c r="CA37" s="330">
        <v>2351530</v>
      </c>
      <c r="CB37" s="326">
        <v>160798</v>
      </c>
      <c r="CC37" s="327">
        <v>165365</v>
      </c>
      <c r="CD37" s="328">
        <v>326163</v>
      </c>
      <c r="CE37" s="326">
        <v>0</v>
      </c>
      <c r="CF37" s="327">
        <v>3182691</v>
      </c>
      <c r="CG37" s="327">
        <v>4877081</v>
      </c>
      <c r="CH37" s="327">
        <v>2311737</v>
      </c>
      <c r="CI37" s="327">
        <v>2010820</v>
      </c>
      <c r="CJ37" s="327">
        <v>961577</v>
      </c>
      <c r="CK37" s="328">
        <v>13343906</v>
      </c>
      <c r="CL37" s="330">
        <v>13670069</v>
      </c>
      <c r="CM37" s="326">
        <v>0</v>
      </c>
      <c r="CN37" s="327">
        <v>0</v>
      </c>
      <c r="CO37" s="328">
        <v>0</v>
      </c>
      <c r="CP37" s="332">
        <v>0</v>
      </c>
      <c r="CQ37" s="327">
        <v>2659859</v>
      </c>
      <c r="CR37" s="327">
        <v>4117529</v>
      </c>
      <c r="CS37" s="327">
        <v>2023187</v>
      </c>
      <c r="CT37" s="327">
        <v>1724717</v>
      </c>
      <c r="CU37" s="327">
        <v>688323</v>
      </c>
      <c r="CV37" s="328">
        <v>11213615</v>
      </c>
      <c r="CW37" s="330">
        <v>11213615</v>
      </c>
      <c r="CX37" s="326">
        <v>160798</v>
      </c>
      <c r="CY37" s="327">
        <v>165365</v>
      </c>
      <c r="CZ37" s="328">
        <v>326163</v>
      </c>
      <c r="DA37" s="326">
        <v>0</v>
      </c>
      <c r="DB37" s="327">
        <v>522832</v>
      </c>
      <c r="DC37" s="327">
        <v>759552</v>
      </c>
      <c r="DD37" s="327">
        <v>288550</v>
      </c>
      <c r="DE37" s="327">
        <v>286103</v>
      </c>
      <c r="DF37" s="327">
        <v>273254</v>
      </c>
      <c r="DG37" s="328">
        <v>2130291</v>
      </c>
      <c r="DH37" s="330">
        <v>2456454</v>
      </c>
      <c r="DI37" s="326">
        <v>0</v>
      </c>
      <c r="DJ37" s="327">
        <v>0</v>
      </c>
      <c r="DK37" s="331">
        <v>0</v>
      </c>
      <c r="DL37" s="332">
        <v>0</v>
      </c>
      <c r="DM37" s="327">
        <v>143050</v>
      </c>
      <c r="DN37" s="327">
        <v>779212</v>
      </c>
      <c r="DO37" s="327">
        <v>1112392</v>
      </c>
      <c r="DP37" s="327">
        <v>473451</v>
      </c>
      <c r="DQ37" s="327">
        <v>349642</v>
      </c>
      <c r="DR37" s="328">
        <v>2857747</v>
      </c>
      <c r="DS37" s="330">
        <v>2857747</v>
      </c>
      <c r="DT37" s="326">
        <v>0</v>
      </c>
      <c r="DU37" s="327">
        <v>0</v>
      </c>
      <c r="DV37" s="328">
        <v>0</v>
      </c>
      <c r="DW37" s="326">
        <v>0</v>
      </c>
      <c r="DX37" s="327">
        <v>143050</v>
      </c>
      <c r="DY37" s="327">
        <v>679576</v>
      </c>
      <c r="DZ37" s="327">
        <v>1112392</v>
      </c>
      <c r="EA37" s="327">
        <v>473451</v>
      </c>
      <c r="EB37" s="327">
        <v>258402</v>
      </c>
      <c r="EC37" s="328">
        <v>2666871</v>
      </c>
      <c r="ED37" s="330">
        <v>2666871</v>
      </c>
      <c r="EE37" s="326">
        <v>0</v>
      </c>
      <c r="EF37" s="331">
        <v>0</v>
      </c>
      <c r="EG37" s="328">
        <v>0</v>
      </c>
      <c r="EH37" s="326">
        <v>0</v>
      </c>
      <c r="EI37" s="327">
        <v>0</v>
      </c>
      <c r="EJ37" s="327">
        <v>99636</v>
      </c>
      <c r="EK37" s="327">
        <v>0</v>
      </c>
      <c r="EL37" s="327">
        <v>0</v>
      </c>
      <c r="EM37" s="327">
        <v>91240</v>
      </c>
      <c r="EN37" s="331">
        <v>190876</v>
      </c>
      <c r="EO37" s="330">
        <v>190876</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256509</v>
      </c>
      <c r="FM37" s="327">
        <v>564402</v>
      </c>
      <c r="FN37" s="328">
        <v>820911</v>
      </c>
      <c r="FO37" s="326">
        <v>0</v>
      </c>
      <c r="FP37" s="327">
        <v>984316</v>
      </c>
      <c r="FQ37" s="327">
        <v>1271273</v>
      </c>
      <c r="FR37" s="327">
        <v>669229</v>
      </c>
      <c r="FS37" s="327">
        <v>766074</v>
      </c>
      <c r="FT37" s="327">
        <v>510557</v>
      </c>
      <c r="FU37" s="328">
        <v>4201449</v>
      </c>
      <c r="FV37" s="330">
        <v>5022360</v>
      </c>
      <c r="FW37" s="333">
        <v>169290</v>
      </c>
      <c r="FX37" s="327">
        <v>422832</v>
      </c>
      <c r="FY37" s="331">
        <v>592122</v>
      </c>
      <c r="FZ37" s="332">
        <v>0</v>
      </c>
      <c r="GA37" s="327">
        <v>755212</v>
      </c>
      <c r="GB37" s="327">
        <v>1222070</v>
      </c>
      <c r="GC37" s="327">
        <v>625789</v>
      </c>
      <c r="GD37" s="327">
        <v>766074</v>
      </c>
      <c r="GE37" s="327">
        <v>484817</v>
      </c>
      <c r="GF37" s="328">
        <v>3853962</v>
      </c>
      <c r="GG37" s="334">
        <v>4446084</v>
      </c>
      <c r="GH37" s="333">
        <v>25740</v>
      </c>
      <c r="GI37" s="327">
        <v>35640</v>
      </c>
      <c r="GJ37" s="331">
        <v>61380</v>
      </c>
      <c r="GK37" s="332">
        <v>0</v>
      </c>
      <c r="GL37" s="327">
        <v>49104</v>
      </c>
      <c r="GM37" s="327">
        <v>49203</v>
      </c>
      <c r="GN37" s="327">
        <v>43440</v>
      </c>
      <c r="GO37" s="327">
        <v>0</v>
      </c>
      <c r="GP37" s="327">
        <v>0</v>
      </c>
      <c r="GQ37" s="328">
        <v>141747</v>
      </c>
      <c r="GR37" s="330">
        <v>203127</v>
      </c>
      <c r="GS37" s="326">
        <v>61479</v>
      </c>
      <c r="GT37" s="327">
        <v>105930</v>
      </c>
      <c r="GU37" s="328">
        <v>167409</v>
      </c>
      <c r="GV37" s="326">
        <v>0</v>
      </c>
      <c r="GW37" s="327">
        <v>180000</v>
      </c>
      <c r="GX37" s="327">
        <v>0</v>
      </c>
      <c r="GY37" s="327">
        <v>0</v>
      </c>
      <c r="GZ37" s="327">
        <v>0</v>
      </c>
      <c r="HA37" s="327">
        <v>25740</v>
      </c>
      <c r="HB37" s="331">
        <v>205740</v>
      </c>
      <c r="HC37" s="330">
        <v>373149</v>
      </c>
      <c r="HD37" s="326">
        <v>232590</v>
      </c>
      <c r="HE37" s="327">
        <v>394676</v>
      </c>
      <c r="HF37" s="331">
        <v>627266</v>
      </c>
      <c r="HG37" s="332">
        <v>0</v>
      </c>
      <c r="HH37" s="327">
        <v>800466</v>
      </c>
      <c r="HI37" s="327">
        <v>1343972</v>
      </c>
      <c r="HJ37" s="327">
        <v>956853</v>
      </c>
      <c r="HK37" s="327">
        <v>3009383</v>
      </c>
      <c r="HL37" s="327">
        <v>1757744</v>
      </c>
      <c r="HM37" s="328">
        <v>7868418</v>
      </c>
      <c r="HN37" s="329">
        <v>8495684</v>
      </c>
      <c r="HO37" s="333">
        <v>165120</v>
      </c>
      <c r="HP37" s="327">
        <v>265200</v>
      </c>
      <c r="HQ37" s="328">
        <v>430320</v>
      </c>
      <c r="HR37" s="326">
        <v>0</v>
      </c>
      <c r="HS37" s="327">
        <v>2020643</v>
      </c>
      <c r="HT37" s="327">
        <v>1613594</v>
      </c>
      <c r="HU37" s="327">
        <v>816565</v>
      </c>
      <c r="HV37" s="327">
        <v>619682</v>
      </c>
      <c r="HW37" s="327">
        <v>383905</v>
      </c>
      <c r="HX37" s="331">
        <v>5454389</v>
      </c>
      <c r="HY37" s="330">
        <v>5884709</v>
      </c>
      <c r="HZ37" s="335">
        <v>0</v>
      </c>
      <c r="IA37" s="336">
        <v>337779</v>
      </c>
      <c r="IB37" s="337">
        <v>337779</v>
      </c>
      <c r="IC37" s="338">
        <v>0</v>
      </c>
      <c r="ID37" s="336">
        <v>5105938</v>
      </c>
      <c r="IE37" s="339">
        <v>4248075</v>
      </c>
      <c r="IF37" s="337">
        <v>7589434</v>
      </c>
      <c r="IG37" s="336">
        <v>7404275</v>
      </c>
      <c r="IH37" s="337">
        <v>2717616</v>
      </c>
      <c r="II37" s="340">
        <v>27065338</v>
      </c>
      <c r="IJ37" s="341">
        <v>27403117</v>
      </c>
      <c r="IK37" s="342">
        <v>0</v>
      </c>
      <c r="IL37" s="343">
        <v>0</v>
      </c>
      <c r="IM37" s="344">
        <v>0</v>
      </c>
      <c r="IN37" s="404">
        <v>0</v>
      </c>
      <c r="IO37" s="345">
        <v>53949</v>
      </c>
      <c r="IP37" s="345">
        <v>314597</v>
      </c>
      <c r="IQ37" s="345">
        <v>194742</v>
      </c>
      <c r="IR37" s="345">
        <v>283176</v>
      </c>
      <c r="IS37" s="345">
        <v>0</v>
      </c>
      <c r="IT37" s="346">
        <v>846464</v>
      </c>
      <c r="IU37" s="347">
        <v>846464</v>
      </c>
      <c r="IV37" s="348">
        <v>0</v>
      </c>
      <c r="IW37" s="345">
        <v>0</v>
      </c>
      <c r="IX37" s="349">
        <v>0</v>
      </c>
      <c r="IY37" s="413">
        <v>0</v>
      </c>
      <c r="IZ37" s="345">
        <v>0</v>
      </c>
      <c r="JA37" s="345">
        <v>0</v>
      </c>
      <c r="JB37" s="345">
        <v>0</v>
      </c>
      <c r="JC37" s="345">
        <v>0</v>
      </c>
      <c r="JD37" s="345">
        <v>0</v>
      </c>
      <c r="JE37" s="349">
        <v>0</v>
      </c>
      <c r="JF37" s="350">
        <v>0</v>
      </c>
      <c r="JG37" s="348">
        <v>0</v>
      </c>
      <c r="JH37" s="345">
        <v>0</v>
      </c>
      <c r="JI37" s="346">
        <v>0</v>
      </c>
      <c r="JJ37" s="351">
        <v>0</v>
      </c>
      <c r="JK37" s="345">
        <v>2384516</v>
      </c>
      <c r="JL37" s="345">
        <v>2235368</v>
      </c>
      <c r="JM37" s="345">
        <v>972026</v>
      </c>
      <c r="JN37" s="345">
        <v>507315</v>
      </c>
      <c r="JO37" s="345">
        <v>96848</v>
      </c>
      <c r="JP37" s="349">
        <v>6196073</v>
      </c>
      <c r="JQ37" s="347">
        <v>6196073</v>
      </c>
      <c r="JR37" s="348">
        <v>0</v>
      </c>
      <c r="JS37" s="345">
        <v>0</v>
      </c>
      <c r="JT37" s="346">
        <v>0</v>
      </c>
      <c r="JU37" s="351">
        <v>0</v>
      </c>
      <c r="JV37" s="345">
        <v>483175</v>
      </c>
      <c r="JW37" s="345">
        <v>102239</v>
      </c>
      <c r="JX37" s="345">
        <v>457658</v>
      </c>
      <c r="JY37" s="345">
        <v>0</v>
      </c>
      <c r="JZ37" s="345">
        <v>168013</v>
      </c>
      <c r="KA37" s="349">
        <v>1211085</v>
      </c>
      <c r="KB37" s="347">
        <v>1211085</v>
      </c>
      <c r="KC37" s="352">
        <v>0</v>
      </c>
      <c r="KD37" s="353">
        <v>90891</v>
      </c>
      <c r="KE37" s="349">
        <v>90891</v>
      </c>
      <c r="KF37" s="351">
        <v>0</v>
      </c>
      <c r="KG37" s="345">
        <v>1478442</v>
      </c>
      <c r="KH37" s="345">
        <v>560295</v>
      </c>
      <c r="KI37" s="345">
        <v>932508</v>
      </c>
      <c r="KJ37" s="345">
        <v>1158741</v>
      </c>
      <c r="KK37" s="345">
        <v>0</v>
      </c>
      <c r="KL37" s="349">
        <v>4129986</v>
      </c>
      <c r="KM37" s="354">
        <v>4220877</v>
      </c>
      <c r="KN37" s="342">
        <v>0</v>
      </c>
      <c r="KO37" s="343">
        <v>246888</v>
      </c>
      <c r="KP37" s="344">
        <v>246888</v>
      </c>
      <c r="KQ37" s="413">
        <v>0</v>
      </c>
      <c r="KR37" s="345">
        <v>516307</v>
      </c>
      <c r="KS37" s="345">
        <v>1035576</v>
      </c>
      <c r="KT37" s="345">
        <v>2083735</v>
      </c>
      <c r="KU37" s="345">
        <v>3268574</v>
      </c>
      <c r="KV37" s="345">
        <v>1138881</v>
      </c>
      <c r="KW37" s="349">
        <v>8043073</v>
      </c>
      <c r="KX37" s="347">
        <v>8289961</v>
      </c>
      <c r="KY37" s="348">
        <v>0</v>
      </c>
      <c r="KZ37" s="345">
        <v>0</v>
      </c>
      <c r="LA37" s="349">
        <v>0</v>
      </c>
      <c r="LB37" s="413">
        <v>0</v>
      </c>
      <c r="LC37" s="345">
        <v>0</v>
      </c>
      <c r="LD37" s="345">
        <v>0</v>
      </c>
      <c r="LE37" s="345">
        <v>0</v>
      </c>
      <c r="LF37" s="345">
        <v>0</v>
      </c>
      <c r="LG37" s="345">
        <v>0</v>
      </c>
      <c r="LH37" s="349">
        <v>0</v>
      </c>
      <c r="LI37" s="350">
        <v>0</v>
      </c>
      <c r="LJ37" s="348">
        <v>0</v>
      </c>
      <c r="LK37" s="345">
        <v>0</v>
      </c>
      <c r="LL37" s="349">
        <v>0</v>
      </c>
      <c r="LM37" s="413">
        <v>0</v>
      </c>
      <c r="LN37" s="345">
        <v>189549</v>
      </c>
      <c r="LO37" s="345">
        <v>0</v>
      </c>
      <c r="LP37" s="345">
        <v>2948765</v>
      </c>
      <c r="LQ37" s="345">
        <v>2186469</v>
      </c>
      <c r="LR37" s="345">
        <v>1313874</v>
      </c>
      <c r="LS37" s="349">
        <v>6638657</v>
      </c>
      <c r="LT37" s="347">
        <v>6638657</v>
      </c>
      <c r="LU37" s="348">
        <v>0</v>
      </c>
      <c r="LV37" s="345">
        <v>0</v>
      </c>
      <c r="LW37" s="349">
        <v>0</v>
      </c>
      <c r="LX37" s="413">
        <v>0</v>
      </c>
      <c r="LY37" s="345">
        <v>0</v>
      </c>
      <c r="LZ37" s="345">
        <v>0</v>
      </c>
      <c r="MA37" s="345">
        <v>0</v>
      </c>
      <c r="MB37" s="345">
        <v>0</v>
      </c>
      <c r="MC37" s="345">
        <v>0</v>
      </c>
      <c r="MD37" s="349">
        <v>0</v>
      </c>
      <c r="ME37" s="350">
        <v>0</v>
      </c>
      <c r="MF37" s="348">
        <v>0</v>
      </c>
      <c r="MG37" s="345">
        <v>0</v>
      </c>
      <c r="MH37" s="349">
        <v>0</v>
      </c>
      <c r="MI37" s="413">
        <v>0</v>
      </c>
      <c r="MJ37" s="345">
        <v>2835143</v>
      </c>
      <c r="MK37" s="345">
        <v>1750346</v>
      </c>
      <c r="ML37" s="345">
        <v>5702288</v>
      </c>
      <c r="MM37" s="345">
        <v>12799348</v>
      </c>
      <c r="MN37" s="345">
        <v>7486739</v>
      </c>
      <c r="MO37" s="349">
        <v>30573864</v>
      </c>
      <c r="MP37" s="354">
        <v>30573864</v>
      </c>
      <c r="MQ37" s="348">
        <v>0</v>
      </c>
      <c r="MR37" s="345">
        <v>0</v>
      </c>
      <c r="MS37" s="349">
        <v>0</v>
      </c>
      <c r="MT37" s="413">
        <v>0</v>
      </c>
      <c r="MU37" s="345">
        <v>480336</v>
      </c>
      <c r="MV37" s="345">
        <v>0</v>
      </c>
      <c r="MW37" s="345">
        <v>2924052</v>
      </c>
      <c r="MX37" s="345">
        <v>7826487</v>
      </c>
      <c r="MY37" s="345">
        <v>5626898</v>
      </c>
      <c r="MZ37" s="349">
        <v>16857773</v>
      </c>
      <c r="NA37" s="354">
        <v>16857773</v>
      </c>
      <c r="NB37" s="348">
        <v>0</v>
      </c>
      <c r="NC37" s="345">
        <v>0</v>
      </c>
      <c r="ND37" s="349">
        <v>0</v>
      </c>
      <c r="NE37" s="413">
        <v>0</v>
      </c>
      <c r="NF37" s="345">
        <v>1839329</v>
      </c>
      <c r="NG37" s="345">
        <v>1750346</v>
      </c>
      <c r="NH37" s="345">
        <v>2440488</v>
      </c>
      <c r="NI37" s="345">
        <v>4972861</v>
      </c>
      <c r="NJ37" s="345">
        <v>1024345</v>
      </c>
      <c r="NK37" s="349">
        <v>12027369</v>
      </c>
      <c r="NL37" s="347">
        <v>12027369</v>
      </c>
      <c r="NM37" s="348">
        <v>0</v>
      </c>
      <c r="NN37" s="345">
        <v>0</v>
      </c>
      <c r="NO37" s="349">
        <v>0</v>
      </c>
      <c r="NP37" s="413">
        <v>0</v>
      </c>
      <c r="NQ37" s="345">
        <v>0</v>
      </c>
      <c r="NR37" s="345">
        <v>0</v>
      </c>
      <c r="NS37" s="345">
        <v>0</v>
      </c>
      <c r="NT37" s="345">
        <v>0</v>
      </c>
      <c r="NU37" s="345">
        <v>0</v>
      </c>
      <c r="NV37" s="349">
        <v>0</v>
      </c>
      <c r="NW37" s="350">
        <v>0</v>
      </c>
      <c r="NX37" s="348">
        <v>0</v>
      </c>
      <c r="NY37" s="345">
        <v>0</v>
      </c>
      <c r="NZ37" s="349">
        <v>0</v>
      </c>
      <c r="OA37" s="413">
        <v>0</v>
      </c>
      <c r="OB37" s="345">
        <v>515478</v>
      </c>
      <c r="OC37" s="345">
        <v>0</v>
      </c>
      <c r="OD37" s="345">
        <v>337748</v>
      </c>
      <c r="OE37" s="345">
        <v>0</v>
      </c>
      <c r="OF37" s="345">
        <v>835496</v>
      </c>
      <c r="OG37" s="349">
        <v>1688722</v>
      </c>
      <c r="OH37" s="350">
        <v>1688722</v>
      </c>
      <c r="OI37" s="348">
        <v>1040122</v>
      </c>
      <c r="OJ37" s="345">
        <v>2033424</v>
      </c>
      <c r="OK37" s="346">
        <v>3073546</v>
      </c>
      <c r="OL37" s="351">
        <v>0</v>
      </c>
      <c r="OM37" s="345">
        <v>18165913</v>
      </c>
      <c r="ON37" s="345">
        <v>18477573</v>
      </c>
      <c r="OO37" s="345">
        <v>21511645</v>
      </c>
      <c r="OP37" s="345">
        <v>30373490</v>
      </c>
      <c r="OQ37" s="345">
        <v>17671068</v>
      </c>
      <c r="OR37" s="349">
        <v>106199689</v>
      </c>
      <c r="OS37" s="354">
        <v>109273235</v>
      </c>
    </row>
    <row r="38" spans="2:409" s="70" customFormat="1" ht="21" customHeight="1" x14ac:dyDescent="0.2">
      <c r="B38" s="410" t="s">
        <v>33</v>
      </c>
      <c r="C38" s="326">
        <v>922915</v>
      </c>
      <c r="D38" s="327">
        <v>2024735</v>
      </c>
      <c r="E38" s="328">
        <v>2947650</v>
      </c>
      <c r="F38" s="329">
        <v>0</v>
      </c>
      <c r="G38" s="327">
        <v>11762876</v>
      </c>
      <c r="H38" s="327">
        <v>10429222</v>
      </c>
      <c r="I38" s="327">
        <v>9249273</v>
      </c>
      <c r="J38" s="327">
        <v>3989409</v>
      </c>
      <c r="K38" s="327">
        <v>4931673</v>
      </c>
      <c r="L38" s="367">
        <v>40362453</v>
      </c>
      <c r="M38" s="330">
        <v>43310103</v>
      </c>
      <c r="N38" s="326">
        <v>391363</v>
      </c>
      <c r="O38" s="327">
        <v>746928</v>
      </c>
      <c r="P38" s="328">
        <v>1138291</v>
      </c>
      <c r="Q38" s="326">
        <v>0</v>
      </c>
      <c r="R38" s="327">
        <v>3907991</v>
      </c>
      <c r="S38" s="327">
        <v>3152054</v>
      </c>
      <c r="T38" s="327">
        <v>2611388</v>
      </c>
      <c r="U38" s="327">
        <v>771247</v>
      </c>
      <c r="V38" s="327">
        <v>1716532</v>
      </c>
      <c r="W38" s="328">
        <v>12159212</v>
      </c>
      <c r="X38" s="330">
        <v>13297503</v>
      </c>
      <c r="Y38" s="326">
        <v>0</v>
      </c>
      <c r="Z38" s="327">
        <v>0</v>
      </c>
      <c r="AA38" s="328">
        <v>0</v>
      </c>
      <c r="AB38" s="326">
        <v>0</v>
      </c>
      <c r="AC38" s="327">
        <v>953759</v>
      </c>
      <c r="AD38" s="327">
        <v>1074831</v>
      </c>
      <c r="AE38" s="327">
        <v>1413008</v>
      </c>
      <c r="AF38" s="327">
        <v>205369</v>
      </c>
      <c r="AG38" s="327">
        <v>1086038</v>
      </c>
      <c r="AH38" s="328">
        <v>4733005</v>
      </c>
      <c r="AI38" s="330">
        <v>4733005</v>
      </c>
      <c r="AJ38" s="326">
        <v>0</v>
      </c>
      <c r="AK38" s="327">
        <v>0</v>
      </c>
      <c r="AL38" s="328">
        <v>0</v>
      </c>
      <c r="AM38" s="326">
        <v>0</v>
      </c>
      <c r="AN38" s="327">
        <v>0</v>
      </c>
      <c r="AO38" s="327">
        <v>51876</v>
      </c>
      <c r="AP38" s="327">
        <v>51876</v>
      </c>
      <c r="AQ38" s="327">
        <v>101812</v>
      </c>
      <c r="AR38" s="327">
        <v>207165</v>
      </c>
      <c r="AS38" s="328">
        <v>412729</v>
      </c>
      <c r="AT38" s="330">
        <v>412729</v>
      </c>
      <c r="AU38" s="326">
        <v>0</v>
      </c>
      <c r="AV38" s="327">
        <v>102721</v>
      </c>
      <c r="AW38" s="328">
        <v>102721</v>
      </c>
      <c r="AX38" s="326">
        <v>0</v>
      </c>
      <c r="AY38" s="327">
        <v>705544</v>
      </c>
      <c r="AZ38" s="327">
        <v>701190</v>
      </c>
      <c r="BA38" s="327">
        <v>174740</v>
      </c>
      <c r="BB38" s="327">
        <v>133564</v>
      </c>
      <c r="BC38" s="327">
        <v>150238</v>
      </c>
      <c r="BD38" s="328">
        <v>1865276</v>
      </c>
      <c r="BE38" s="330">
        <v>1967997</v>
      </c>
      <c r="BF38" s="326">
        <v>270828</v>
      </c>
      <c r="BG38" s="327">
        <v>568553</v>
      </c>
      <c r="BH38" s="331">
        <v>839381</v>
      </c>
      <c r="BI38" s="332">
        <v>0</v>
      </c>
      <c r="BJ38" s="327">
        <v>1725302</v>
      </c>
      <c r="BK38" s="327">
        <v>744362</v>
      </c>
      <c r="BL38" s="327">
        <v>377566</v>
      </c>
      <c r="BM38" s="327">
        <v>131071</v>
      </c>
      <c r="BN38" s="327">
        <v>47530</v>
      </c>
      <c r="BO38" s="328">
        <v>3025831</v>
      </c>
      <c r="BP38" s="330">
        <v>3865212</v>
      </c>
      <c r="BQ38" s="326">
        <v>120535</v>
      </c>
      <c r="BR38" s="327">
        <v>75654</v>
      </c>
      <c r="BS38" s="328">
        <v>196189</v>
      </c>
      <c r="BT38" s="326">
        <v>0</v>
      </c>
      <c r="BU38" s="327">
        <v>523386</v>
      </c>
      <c r="BV38" s="327">
        <v>579795</v>
      </c>
      <c r="BW38" s="327">
        <v>594198</v>
      </c>
      <c r="BX38" s="327">
        <v>199431</v>
      </c>
      <c r="BY38" s="327">
        <v>225561</v>
      </c>
      <c r="BZ38" s="328">
        <v>2122371</v>
      </c>
      <c r="CA38" s="330">
        <v>2318560</v>
      </c>
      <c r="CB38" s="326">
        <v>113042</v>
      </c>
      <c r="CC38" s="327">
        <v>524556</v>
      </c>
      <c r="CD38" s="328">
        <v>637598</v>
      </c>
      <c r="CE38" s="326">
        <v>0</v>
      </c>
      <c r="CF38" s="327">
        <v>2219269</v>
      </c>
      <c r="CG38" s="327">
        <v>1520577</v>
      </c>
      <c r="CH38" s="327">
        <v>761098</v>
      </c>
      <c r="CI38" s="327">
        <v>440496</v>
      </c>
      <c r="CJ38" s="327">
        <v>360462</v>
      </c>
      <c r="CK38" s="328">
        <v>5301902</v>
      </c>
      <c r="CL38" s="330">
        <v>5939500</v>
      </c>
      <c r="CM38" s="326">
        <v>0</v>
      </c>
      <c r="CN38" s="327">
        <v>0</v>
      </c>
      <c r="CO38" s="328">
        <v>0</v>
      </c>
      <c r="CP38" s="332">
        <v>0</v>
      </c>
      <c r="CQ38" s="327">
        <v>485208</v>
      </c>
      <c r="CR38" s="327">
        <v>755151</v>
      </c>
      <c r="CS38" s="327">
        <v>277022</v>
      </c>
      <c r="CT38" s="327">
        <v>213708</v>
      </c>
      <c r="CU38" s="327">
        <v>221841</v>
      </c>
      <c r="CV38" s="328">
        <v>1952930</v>
      </c>
      <c r="CW38" s="330">
        <v>1952930</v>
      </c>
      <c r="CX38" s="326">
        <v>113042</v>
      </c>
      <c r="CY38" s="327">
        <v>524556</v>
      </c>
      <c r="CZ38" s="328">
        <v>637598</v>
      </c>
      <c r="DA38" s="326">
        <v>0</v>
      </c>
      <c r="DB38" s="327">
        <v>1734061</v>
      </c>
      <c r="DC38" s="327">
        <v>765426</v>
      </c>
      <c r="DD38" s="327">
        <v>484076</v>
      </c>
      <c r="DE38" s="327">
        <v>226788</v>
      </c>
      <c r="DF38" s="327">
        <v>138621</v>
      </c>
      <c r="DG38" s="328">
        <v>3348972</v>
      </c>
      <c r="DH38" s="330">
        <v>3986570</v>
      </c>
      <c r="DI38" s="326">
        <v>0</v>
      </c>
      <c r="DJ38" s="327">
        <v>66075</v>
      </c>
      <c r="DK38" s="331">
        <v>66075</v>
      </c>
      <c r="DL38" s="332">
        <v>0</v>
      </c>
      <c r="DM38" s="327">
        <v>277670</v>
      </c>
      <c r="DN38" s="327">
        <v>845049</v>
      </c>
      <c r="DO38" s="327">
        <v>471234</v>
      </c>
      <c r="DP38" s="327">
        <v>585952</v>
      </c>
      <c r="DQ38" s="327">
        <v>545129</v>
      </c>
      <c r="DR38" s="328">
        <v>2725034</v>
      </c>
      <c r="DS38" s="330">
        <v>2791109</v>
      </c>
      <c r="DT38" s="326">
        <v>0</v>
      </c>
      <c r="DU38" s="327">
        <v>66075</v>
      </c>
      <c r="DV38" s="328">
        <v>66075</v>
      </c>
      <c r="DW38" s="326">
        <v>0</v>
      </c>
      <c r="DX38" s="327">
        <v>191596</v>
      </c>
      <c r="DY38" s="327">
        <v>845049</v>
      </c>
      <c r="DZ38" s="327">
        <v>471234</v>
      </c>
      <c r="EA38" s="327">
        <v>546392</v>
      </c>
      <c r="EB38" s="327">
        <v>515269</v>
      </c>
      <c r="EC38" s="328">
        <v>2569540</v>
      </c>
      <c r="ED38" s="330">
        <v>2635615</v>
      </c>
      <c r="EE38" s="326">
        <v>0</v>
      </c>
      <c r="EF38" s="331">
        <v>0</v>
      </c>
      <c r="EG38" s="328">
        <v>0</v>
      </c>
      <c r="EH38" s="326">
        <v>0</v>
      </c>
      <c r="EI38" s="327">
        <v>86074</v>
      </c>
      <c r="EJ38" s="327">
        <v>0</v>
      </c>
      <c r="EK38" s="327">
        <v>0</v>
      </c>
      <c r="EL38" s="327">
        <v>39560</v>
      </c>
      <c r="EM38" s="327">
        <v>29860</v>
      </c>
      <c r="EN38" s="331">
        <v>155494</v>
      </c>
      <c r="EO38" s="330">
        <v>155494</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160178</v>
      </c>
      <c r="FM38" s="327">
        <v>371697</v>
      </c>
      <c r="FN38" s="328">
        <v>531875</v>
      </c>
      <c r="FO38" s="326">
        <v>0</v>
      </c>
      <c r="FP38" s="327">
        <v>593956</v>
      </c>
      <c r="FQ38" s="327">
        <v>759001</v>
      </c>
      <c r="FR38" s="327">
        <v>402085</v>
      </c>
      <c r="FS38" s="327">
        <v>226924</v>
      </c>
      <c r="FT38" s="327">
        <v>325368</v>
      </c>
      <c r="FU38" s="328">
        <v>2307334</v>
      </c>
      <c r="FV38" s="330">
        <v>2839209</v>
      </c>
      <c r="FW38" s="333">
        <v>124142</v>
      </c>
      <c r="FX38" s="327">
        <v>173895</v>
      </c>
      <c r="FY38" s="331">
        <v>298037</v>
      </c>
      <c r="FZ38" s="332">
        <v>0</v>
      </c>
      <c r="GA38" s="327">
        <v>565890</v>
      </c>
      <c r="GB38" s="327">
        <v>669001</v>
      </c>
      <c r="GC38" s="327">
        <v>330979</v>
      </c>
      <c r="GD38" s="327">
        <v>226924</v>
      </c>
      <c r="GE38" s="327">
        <v>325368</v>
      </c>
      <c r="GF38" s="328">
        <v>2118162</v>
      </c>
      <c r="GG38" s="334">
        <v>2416199</v>
      </c>
      <c r="GH38" s="333">
        <v>0</v>
      </c>
      <c r="GI38" s="327">
        <v>0</v>
      </c>
      <c r="GJ38" s="331">
        <v>0</v>
      </c>
      <c r="GK38" s="332">
        <v>0</v>
      </c>
      <c r="GL38" s="327">
        <v>28066</v>
      </c>
      <c r="GM38" s="327">
        <v>90000</v>
      </c>
      <c r="GN38" s="327">
        <v>71106</v>
      </c>
      <c r="GO38" s="327">
        <v>0</v>
      </c>
      <c r="GP38" s="327">
        <v>0</v>
      </c>
      <c r="GQ38" s="328">
        <v>189172</v>
      </c>
      <c r="GR38" s="330">
        <v>189172</v>
      </c>
      <c r="GS38" s="326">
        <v>36036</v>
      </c>
      <c r="GT38" s="327">
        <v>197802</v>
      </c>
      <c r="GU38" s="328">
        <v>233838</v>
      </c>
      <c r="GV38" s="326">
        <v>0</v>
      </c>
      <c r="GW38" s="327">
        <v>0</v>
      </c>
      <c r="GX38" s="327">
        <v>0</v>
      </c>
      <c r="GY38" s="327">
        <v>0</v>
      </c>
      <c r="GZ38" s="327">
        <v>0</v>
      </c>
      <c r="HA38" s="327">
        <v>0</v>
      </c>
      <c r="HB38" s="331">
        <v>0</v>
      </c>
      <c r="HC38" s="330">
        <v>233838</v>
      </c>
      <c r="HD38" s="326">
        <v>126958</v>
      </c>
      <c r="HE38" s="327">
        <v>103415</v>
      </c>
      <c r="HF38" s="331">
        <v>230373</v>
      </c>
      <c r="HG38" s="332">
        <v>0</v>
      </c>
      <c r="HH38" s="327">
        <v>3043337</v>
      </c>
      <c r="HI38" s="327">
        <v>3244815</v>
      </c>
      <c r="HJ38" s="327">
        <v>4488876</v>
      </c>
      <c r="HK38" s="327">
        <v>1629956</v>
      </c>
      <c r="HL38" s="327">
        <v>1760204</v>
      </c>
      <c r="HM38" s="328">
        <v>14167188</v>
      </c>
      <c r="HN38" s="329">
        <v>14397561</v>
      </c>
      <c r="HO38" s="333">
        <v>131374</v>
      </c>
      <c r="HP38" s="327">
        <v>212064</v>
      </c>
      <c r="HQ38" s="328">
        <v>343438</v>
      </c>
      <c r="HR38" s="326">
        <v>0</v>
      </c>
      <c r="HS38" s="327">
        <v>1720653</v>
      </c>
      <c r="HT38" s="327">
        <v>907726</v>
      </c>
      <c r="HU38" s="327">
        <v>514592</v>
      </c>
      <c r="HV38" s="327">
        <v>334834</v>
      </c>
      <c r="HW38" s="327">
        <v>223978</v>
      </c>
      <c r="HX38" s="331">
        <v>3701783</v>
      </c>
      <c r="HY38" s="330">
        <v>4045221</v>
      </c>
      <c r="HZ38" s="358">
        <v>0</v>
      </c>
      <c r="IA38" s="356">
        <v>242961</v>
      </c>
      <c r="IB38" s="358">
        <v>242961</v>
      </c>
      <c r="IC38" s="338">
        <v>0</v>
      </c>
      <c r="ID38" s="336">
        <v>2054793</v>
      </c>
      <c r="IE38" s="339">
        <v>1160956</v>
      </c>
      <c r="IF38" s="337">
        <v>2970988</v>
      </c>
      <c r="IG38" s="336">
        <v>1233995</v>
      </c>
      <c r="IH38" s="337">
        <v>357554</v>
      </c>
      <c r="II38" s="340">
        <v>7778286</v>
      </c>
      <c r="IJ38" s="358">
        <v>8021247</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13">
        <v>0</v>
      </c>
      <c r="IZ38" s="345">
        <v>0</v>
      </c>
      <c r="JA38" s="345">
        <v>0</v>
      </c>
      <c r="JB38" s="345">
        <v>0</v>
      </c>
      <c r="JC38" s="345">
        <v>0</v>
      </c>
      <c r="JD38" s="345">
        <v>0</v>
      </c>
      <c r="JE38" s="349">
        <v>0</v>
      </c>
      <c r="JF38" s="350">
        <v>0</v>
      </c>
      <c r="JG38" s="348">
        <v>0</v>
      </c>
      <c r="JH38" s="345">
        <v>0</v>
      </c>
      <c r="JI38" s="346">
        <v>0</v>
      </c>
      <c r="JJ38" s="351">
        <v>0</v>
      </c>
      <c r="JK38" s="345">
        <v>1455930</v>
      </c>
      <c r="JL38" s="345">
        <v>625152</v>
      </c>
      <c r="JM38" s="345">
        <v>551473</v>
      </c>
      <c r="JN38" s="345">
        <v>672401</v>
      </c>
      <c r="JO38" s="345">
        <v>71273</v>
      </c>
      <c r="JP38" s="349">
        <v>3376229</v>
      </c>
      <c r="JQ38" s="347">
        <v>3376229</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242961</v>
      </c>
      <c r="KP38" s="344">
        <v>242961</v>
      </c>
      <c r="KQ38" s="413">
        <v>0</v>
      </c>
      <c r="KR38" s="345">
        <v>598863</v>
      </c>
      <c r="KS38" s="345">
        <v>535804</v>
      </c>
      <c r="KT38" s="345">
        <v>2419515</v>
      </c>
      <c r="KU38" s="345">
        <v>561594</v>
      </c>
      <c r="KV38" s="345">
        <v>286281</v>
      </c>
      <c r="KW38" s="349">
        <v>4402057</v>
      </c>
      <c r="KX38" s="347">
        <v>4645018</v>
      </c>
      <c r="KY38" s="348">
        <v>0</v>
      </c>
      <c r="KZ38" s="345">
        <v>0</v>
      </c>
      <c r="LA38" s="349">
        <v>0</v>
      </c>
      <c r="LB38" s="413">
        <v>0</v>
      </c>
      <c r="LC38" s="345">
        <v>0</v>
      </c>
      <c r="LD38" s="345">
        <v>0</v>
      </c>
      <c r="LE38" s="345">
        <v>0</v>
      </c>
      <c r="LF38" s="345">
        <v>0</v>
      </c>
      <c r="LG38" s="345">
        <v>0</v>
      </c>
      <c r="LH38" s="349">
        <v>0</v>
      </c>
      <c r="LI38" s="350">
        <v>0</v>
      </c>
      <c r="LJ38" s="348">
        <v>0</v>
      </c>
      <c r="LK38" s="345">
        <v>0</v>
      </c>
      <c r="LL38" s="349">
        <v>0</v>
      </c>
      <c r="LM38" s="413">
        <v>0</v>
      </c>
      <c r="LN38" s="345">
        <v>0</v>
      </c>
      <c r="LO38" s="345">
        <v>0</v>
      </c>
      <c r="LP38" s="345">
        <v>0</v>
      </c>
      <c r="LQ38" s="345">
        <v>0</v>
      </c>
      <c r="LR38" s="345">
        <v>0</v>
      </c>
      <c r="LS38" s="349">
        <v>0</v>
      </c>
      <c r="LT38" s="347">
        <v>0</v>
      </c>
      <c r="LU38" s="348">
        <v>0</v>
      </c>
      <c r="LV38" s="345">
        <v>0</v>
      </c>
      <c r="LW38" s="349">
        <v>0</v>
      </c>
      <c r="LX38" s="413">
        <v>0</v>
      </c>
      <c r="LY38" s="345">
        <v>0</v>
      </c>
      <c r="LZ38" s="345">
        <v>0</v>
      </c>
      <c r="MA38" s="345">
        <v>0</v>
      </c>
      <c r="MB38" s="345">
        <v>0</v>
      </c>
      <c r="MC38" s="345">
        <v>0</v>
      </c>
      <c r="MD38" s="349">
        <v>0</v>
      </c>
      <c r="ME38" s="350">
        <v>0</v>
      </c>
      <c r="MF38" s="348">
        <v>0</v>
      </c>
      <c r="MG38" s="345">
        <v>0</v>
      </c>
      <c r="MH38" s="349">
        <v>0</v>
      </c>
      <c r="MI38" s="413">
        <v>0</v>
      </c>
      <c r="MJ38" s="345">
        <v>2853425</v>
      </c>
      <c r="MK38" s="345">
        <v>5411619</v>
      </c>
      <c r="ML38" s="345">
        <v>15613646</v>
      </c>
      <c r="MM38" s="345">
        <v>15782905</v>
      </c>
      <c r="MN38" s="345">
        <v>11549483</v>
      </c>
      <c r="MO38" s="349">
        <v>51211078</v>
      </c>
      <c r="MP38" s="354">
        <v>51211078</v>
      </c>
      <c r="MQ38" s="348">
        <v>0</v>
      </c>
      <c r="MR38" s="345">
        <v>0</v>
      </c>
      <c r="MS38" s="349">
        <v>0</v>
      </c>
      <c r="MT38" s="413">
        <v>0</v>
      </c>
      <c r="MU38" s="345">
        <v>177245</v>
      </c>
      <c r="MV38" s="345">
        <v>1121592</v>
      </c>
      <c r="MW38" s="345">
        <v>8183537</v>
      </c>
      <c r="MX38" s="345">
        <v>9249867</v>
      </c>
      <c r="MY38" s="345">
        <v>4847456</v>
      </c>
      <c r="MZ38" s="349">
        <v>23579697</v>
      </c>
      <c r="NA38" s="354">
        <v>23579697</v>
      </c>
      <c r="NB38" s="348">
        <v>0</v>
      </c>
      <c r="NC38" s="345">
        <v>0</v>
      </c>
      <c r="ND38" s="349">
        <v>0</v>
      </c>
      <c r="NE38" s="413">
        <v>0</v>
      </c>
      <c r="NF38" s="345">
        <v>2097824</v>
      </c>
      <c r="NG38" s="345">
        <v>3255251</v>
      </c>
      <c r="NH38" s="345">
        <v>3898140</v>
      </c>
      <c r="NI38" s="345">
        <v>4078183</v>
      </c>
      <c r="NJ38" s="345">
        <v>2548899</v>
      </c>
      <c r="NK38" s="349">
        <v>15878297</v>
      </c>
      <c r="NL38" s="347">
        <v>15878297</v>
      </c>
      <c r="NM38" s="348">
        <v>0</v>
      </c>
      <c r="NN38" s="345">
        <v>0</v>
      </c>
      <c r="NO38" s="349">
        <v>0</v>
      </c>
      <c r="NP38" s="413">
        <v>0</v>
      </c>
      <c r="NQ38" s="345">
        <v>0</v>
      </c>
      <c r="NR38" s="345">
        <v>0</v>
      </c>
      <c r="NS38" s="345">
        <v>0</v>
      </c>
      <c r="NT38" s="345">
        <v>0</v>
      </c>
      <c r="NU38" s="345">
        <v>0</v>
      </c>
      <c r="NV38" s="349">
        <v>0</v>
      </c>
      <c r="NW38" s="350">
        <v>0</v>
      </c>
      <c r="NX38" s="348">
        <v>0</v>
      </c>
      <c r="NY38" s="345">
        <v>0</v>
      </c>
      <c r="NZ38" s="349">
        <v>0</v>
      </c>
      <c r="OA38" s="413">
        <v>0</v>
      </c>
      <c r="OB38" s="345">
        <v>578356</v>
      </c>
      <c r="OC38" s="345">
        <v>1034776</v>
      </c>
      <c r="OD38" s="345">
        <v>3531969</v>
      </c>
      <c r="OE38" s="345">
        <v>2454855</v>
      </c>
      <c r="OF38" s="345">
        <v>4153128</v>
      </c>
      <c r="OG38" s="349">
        <v>11753084</v>
      </c>
      <c r="OH38" s="350">
        <v>11753084</v>
      </c>
      <c r="OI38" s="348">
        <v>922915</v>
      </c>
      <c r="OJ38" s="345">
        <v>2267696</v>
      </c>
      <c r="OK38" s="346">
        <v>3190611</v>
      </c>
      <c r="OL38" s="351">
        <v>0</v>
      </c>
      <c r="OM38" s="345">
        <v>16671094</v>
      </c>
      <c r="ON38" s="345">
        <v>17001797</v>
      </c>
      <c r="OO38" s="345">
        <v>27833907</v>
      </c>
      <c r="OP38" s="345">
        <v>21006309</v>
      </c>
      <c r="OQ38" s="345">
        <v>16838710</v>
      </c>
      <c r="OR38" s="349">
        <v>99351817</v>
      </c>
      <c r="OS38" s="354">
        <v>102542428</v>
      </c>
    </row>
    <row r="39" spans="2:409" s="70" customFormat="1" ht="21" customHeight="1" x14ac:dyDescent="0.2">
      <c r="B39" s="410" t="s">
        <v>34</v>
      </c>
      <c r="C39" s="326">
        <v>853584</v>
      </c>
      <c r="D39" s="327">
        <v>1022877</v>
      </c>
      <c r="E39" s="368">
        <v>1876461</v>
      </c>
      <c r="F39" s="370">
        <v>0</v>
      </c>
      <c r="G39" s="369">
        <v>8012024</v>
      </c>
      <c r="H39" s="369">
        <v>5574643</v>
      </c>
      <c r="I39" s="369">
        <v>4246044</v>
      </c>
      <c r="J39" s="369">
        <v>5906193</v>
      </c>
      <c r="K39" s="369">
        <v>3618101</v>
      </c>
      <c r="L39" s="370">
        <v>27357005</v>
      </c>
      <c r="M39" s="330">
        <v>29233466</v>
      </c>
      <c r="N39" s="326">
        <v>217044</v>
      </c>
      <c r="O39" s="327">
        <v>257751</v>
      </c>
      <c r="P39" s="328">
        <v>474795</v>
      </c>
      <c r="Q39" s="326">
        <v>0</v>
      </c>
      <c r="R39" s="327">
        <v>1919677</v>
      </c>
      <c r="S39" s="327">
        <v>1823472</v>
      </c>
      <c r="T39" s="327">
        <v>1047767</v>
      </c>
      <c r="U39" s="327">
        <v>1534736</v>
      </c>
      <c r="V39" s="327">
        <v>1788664</v>
      </c>
      <c r="W39" s="328">
        <v>8114316</v>
      </c>
      <c r="X39" s="330">
        <v>8589111</v>
      </c>
      <c r="Y39" s="326">
        <v>0</v>
      </c>
      <c r="Z39" s="327">
        <v>0</v>
      </c>
      <c r="AA39" s="328">
        <v>0</v>
      </c>
      <c r="AB39" s="326">
        <v>0</v>
      </c>
      <c r="AC39" s="327">
        <v>590162</v>
      </c>
      <c r="AD39" s="327">
        <v>940829</v>
      </c>
      <c r="AE39" s="327">
        <v>685244</v>
      </c>
      <c r="AF39" s="327">
        <v>834167</v>
      </c>
      <c r="AG39" s="327">
        <v>564585</v>
      </c>
      <c r="AH39" s="328">
        <v>3614987</v>
      </c>
      <c r="AI39" s="330">
        <v>3614987</v>
      </c>
      <c r="AJ39" s="326">
        <v>0</v>
      </c>
      <c r="AK39" s="327">
        <v>0</v>
      </c>
      <c r="AL39" s="328">
        <v>0</v>
      </c>
      <c r="AM39" s="326">
        <v>0</v>
      </c>
      <c r="AN39" s="327">
        <v>0</v>
      </c>
      <c r="AO39" s="327">
        <v>104762</v>
      </c>
      <c r="AP39" s="327">
        <v>0</v>
      </c>
      <c r="AQ39" s="327">
        <v>38907</v>
      </c>
      <c r="AR39" s="327">
        <v>454284</v>
      </c>
      <c r="AS39" s="328">
        <v>597953</v>
      </c>
      <c r="AT39" s="330">
        <v>597953</v>
      </c>
      <c r="AU39" s="326">
        <v>133236</v>
      </c>
      <c r="AV39" s="327">
        <v>190395</v>
      </c>
      <c r="AW39" s="328">
        <v>323631</v>
      </c>
      <c r="AX39" s="326">
        <v>0</v>
      </c>
      <c r="AY39" s="327">
        <v>649803</v>
      </c>
      <c r="AZ39" s="327">
        <v>310076</v>
      </c>
      <c r="BA39" s="327">
        <v>153409</v>
      </c>
      <c r="BB39" s="327">
        <v>312912</v>
      </c>
      <c r="BC39" s="327">
        <v>359416</v>
      </c>
      <c r="BD39" s="328">
        <v>1785616</v>
      </c>
      <c r="BE39" s="330">
        <v>2109247</v>
      </c>
      <c r="BF39" s="326">
        <v>0</v>
      </c>
      <c r="BG39" s="327">
        <v>0</v>
      </c>
      <c r="BH39" s="331">
        <v>0</v>
      </c>
      <c r="BI39" s="332">
        <v>0</v>
      </c>
      <c r="BJ39" s="327">
        <v>189342</v>
      </c>
      <c r="BK39" s="327">
        <v>113202</v>
      </c>
      <c r="BL39" s="327">
        <v>94878</v>
      </c>
      <c r="BM39" s="327">
        <v>71424</v>
      </c>
      <c r="BN39" s="327">
        <v>91060</v>
      </c>
      <c r="BO39" s="328">
        <v>559906</v>
      </c>
      <c r="BP39" s="330">
        <v>559906</v>
      </c>
      <c r="BQ39" s="326">
        <v>83808</v>
      </c>
      <c r="BR39" s="327">
        <v>67356</v>
      </c>
      <c r="BS39" s="328">
        <v>151164</v>
      </c>
      <c r="BT39" s="326">
        <v>0</v>
      </c>
      <c r="BU39" s="327">
        <v>490370</v>
      </c>
      <c r="BV39" s="327">
        <v>354603</v>
      </c>
      <c r="BW39" s="327">
        <v>114236</v>
      </c>
      <c r="BX39" s="327">
        <v>277326</v>
      </c>
      <c r="BY39" s="327">
        <v>319319</v>
      </c>
      <c r="BZ39" s="328">
        <v>1555854</v>
      </c>
      <c r="CA39" s="330">
        <v>1707018</v>
      </c>
      <c r="CB39" s="326">
        <v>0</v>
      </c>
      <c r="CC39" s="327">
        <v>173736</v>
      </c>
      <c r="CD39" s="328">
        <v>173736</v>
      </c>
      <c r="CE39" s="326">
        <v>0</v>
      </c>
      <c r="CF39" s="327">
        <v>2330605</v>
      </c>
      <c r="CG39" s="327">
        <v>1137610</v>
      </c>
      <c r="CH39" s="327">
        <v>1932331</v>
      </c>
      <c r="CI39" s="327">
        <v>1635891</v>
      </c>
      <c r="CJ39" s="327">
        <v>277470</v>
      </c>
      <c r="CK39" s="328">
        <v>7313907</v>
      </c>
      <c r="CL39" s="330">
        <v>7487643</v>
      </c>
      <c r="CM39" s="326">
        <v>0</v>
      </c>
      <c r="CN39" s="327">
        <v>0</v>
      </c>
      <c r="CO39" s="328">
        <v>0</v>
      </c>
      <c r="CP39" s="332">
        <v>0</v>
      </c>
      <c r="CQ39" s="327">
        <v>1877383</v>
      </c>
      <c r="CR39" s="327">
        <v>1137610</v>
      </c>
      <c r="CS39" s="327">
        <v>1778070</v>
      </c>
      <c r="CT39" s="327">
        <v>1551606</v>
      </c>
      <c r="CU39" s="327">
        <v>277470</v>
      </c>
      <c r="CV39" s="328">
        <v>6622139</v>
      </c>
      <c r="CW39" s="330">
        <v>6622139</v>
      </c>
      <c r="CX39" s="326">
        <v>0</v>
      </c>
      <c r="CY39" s="327">
        <v>173736</v>
      </c>
      <c r="CZ39" s="328">
        <v>173736</v>
      </c>
      <c r="DA39" s="326">
        <v>0</v>
      </c>
      <c r="DB39" s="327">
        <v>453222</v>
      </c>
      <c r="DC39" s="327">
        <v>0</v>
      </c>
      <c r="DD39" s="327">
        <v>154261</v>
      </c>
      <c r="DE39" s="327">
        <v>84285</v>
      </c>
      <c r="DF39" s="327">
        <v>0</v>
      </c>
      <c r="DG39" s="328">
        <v>691768</v>
      </c>
      <c r="DH39" s="330">
        <v>865504</v>
      </c>
      <c r="DI39" s="326">
        <v>0</v>
      </c>
      <c r="DJ39" s="327">
        <v>0</v>
      </c>
      <c r="DK39" s="331">
        <v>0</v>
      </c>
      <c r="DL39" s="332">
        <v>0</v>
      </c>
      <c r="DM39" s="327">
        <v>377984</v>
      </c>
      <c r="DN39" s="327">
        <v>0</v>
      </c>
      <c r="DO39" s="327">
        <v>135180</v>
      </c>
      <c r="DP39" s="327">
        <v>535581</v>
      </c>
      <c r="DQ39" s="327">
        <v>113742</v>
      </c>
      <c r="DR39" s="328">
        <v>1162487</v>
      </c>
      <c r="DS39" s="330">
        <v>1162487</v>
      </c>
      <c r="DT39" s="326">
        <v>0</v>
      </c>
      <c r="DU39" s="327">
        <v>0</v>
      </c>
      <c r="DV39" s="328">
        <v>0</v>
      </c>
      <c r="DW39" s="326">
        <v>0</v>
      </c>
      <c r="DX39" s="327">
        <v>198387</v>
      </c>
      <c r="DY39" s="327">
        <v>0</v>
      </c>
      <c r="DZ39" s="327">
        <v>135180</v>
      </c>
      <c r="EA39" s="327">
        <v>535581</v>
      </c>
      <c r="EB39" s="327">
        <v>113742</v>
      </c>
      <c r="EC39" s="328">
        <v>982890</v>
      </c>
      <c r="ED39" s="330">
        <v>982890</v>
      </c>
      <c r="EE39" s="326">
        <v>0</v>
      </c>
      <c r="EF39" s="331">
        <v>0</v>
      </c>
      <c r="EG39" s="328">
        <v>0</v>
      </c>
      <c r="EH39" s="326">
        <v>0</v>
      </c>
      <c r="EI39" s="327">
        <v>179597</v>
      </c>
      <c r="EJ39" s="327">
        <v>0</v>
      </c>
      <c r="EK39" s="327">
        <v>0</v>
      </c>
      <c r="EL39" s="327">
        <v>0</v>
      </c>
      <c r="EM39" s="327">
        <v>0</v>
      </c>
      <c r="EN39" s="331">
        <v>179597</v>
      </c>
      <c r="EO39" s="330">
        <v>179597</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264286</v>
      </c>
      <c r="FM39" s="327">
        <v>172080</v>
      </c>
      <c r="FN39" s="328">
        <v>436366</v>
      </c>
      <c r="FO39" s="326">
        <v>0</v>
      </c>
      <c r="FP39" s="327">
        <v>485515</v>
      </c>
      <c r="FQ39" s="327">
        <v>691034</v>
      </c>
      <c r="FR39" s="327">
        <v>383940</v>
      </c>
      <c r="FS39" s="327">
        <v>361851</v>
      </c>
      <c r="FT39" s="327">
        <v>246822</v>
      </c>
      <c r="FU39" s="328">
        <v>2169162</v>
      </c>
      <c r="FV39" s="330">
        <v>2605528</v>
      </c>
      <c r="FW39" s="333">
        <v>84286</v>
      </c>
      <c r="FX39" s="327">
        <v>172080</v>
      </c>
      <c r="FY39" s="331">
        <v>256366</v>
      </c>
      <c r="FZ39" s="332">
        <v>0</v>
      </c>
      <c r="GA39" s="327">
        <v>464725</v>
      </c>
      <c r="GB39" s="327">
        <v>628961</v>
      </c>
      <c r="GC39" s="327">
        <v>375985</v>
      </c>
      <c r="GD39" s="327">
        <v>361851</v>
      </c>
      <c r="GE39" s="327">
        <v>246822</v>
      </c>
      <c r="GF39" s="328">
        <v>2078344</v>
      </c>
      <c r="GG39" s="334">
        <v>2334710</v>
      </c>
      <c r="GH39" s="333">
        <v>0</v>
      </c>
      <c r="GI39" s="327">
        <v>0</v>
      </c>
      <c r="GJ39" s="331">
        <v>0</v>
      </c>
      <c r="GK39" s="332">
        <v>0</v>
      </c>
      <c r="GL39" s="327">
        <v>20790</v>
      </c>
      <c r="GM39" s="327">
        <v>20790</v>
      </c>
      <c r="GN39" s="327">
        <v>7955</v>
      </c>
      <c r="GO39" s="327">
        <v>0</v>
      </c>
      <c r="GP39" s="327">
        <v>0</v>
      </c>
      <c r="GQ39" s="328">
        <v>49535</v>
      </c>
      <c r="GR39" s="330">
        <v>49535</v>
      </c>
      <c r="GS39" s="326">
        <v>180000</v>
      </c>
      <c r="GT39" s="327">
        <v>0</v>
      </c>
      <c r="GU39" s="328">
        <v>180000</v>
      </c>
      <c r="GV39" s="326">
        <v>0</v>
      </c>
      <c r="GW39" s="327">
        <v>0</v>
      </c>
      <c r="GX39" s="327">
        <v>41283</v>
      </c>
      <c r="GY39" s="327">
        <v>0</v>
      </c>
      <c r="GZ39" s="327">
        <v>0</v>
      </c>
      <c r="HA39" s="327">
        <v>0</v>
      </c>
      <c r="HB39" s="331">
        <v>41283</v>
      </c>
      <c r="HC39" s="330">
        <v>221283</v>
      </c>
      <c r="HD39" s="326">
        <v>301534</v>
      </c>
      <c r="HE39" s="327">
        <v>299970</v>
      </c>
      <c r="HF39" s="331">
        <v>601504</v>
      </c>
      <c r="HG39" s="332">
        <v>0</v>
      </c>
      <c r="HH39" s="327">
        <v>1702480</v>
      </c>
      <c r="HI39" s="327">
        <v>1352057</v>
      </c>
      <c r="HJ39" s="327">
        <v>376720</v>
      </c>
      <c r="HK39" s="327">
        <v>1420260</v>
      </c>
      <c r="HL39" s="327">
        <v>1005245</v>
      </c>
      <c r="HM39" s="328">
        <v>5856762</v>
      </c>
      <c r="HN39" s="329">
        <v>6458266</v>
      </c>
      <c r="HO39" s="333">
        <v>70720</v>
      </c>
      <c r="HP39" s="327">
        <v>119340</v>
      </c>
      <c r="HQ39" s="328">
        <v>190060</v>
      </c>
      <c r="HR39" s="326">
        <v>0</v>
      </c>
      <c r="HS39" s="327">
        <v>1195763</v>
      </c>
      <c r="HT39" s="327">
        <v>570470</v>
      </c>
      <c r="HU39" s="327">
        <v>370106</v>
      </c>
      <c r="HV39" s="327">
        <v>417874</v>
      </c>
      <c r="HW39" s="327">
        <v>186158</v>
      </c>
      <c r="HX39" s="331">
        <v>2740371</v>
      </c>
      <c r="HY39" s="330">
        <v>2930431</v>
      </c>
      <c r="HZ39" s="335">
        <v>47961</v>
      </c>
      <c r="IA39" s="336">
        <v>262143</v>
      </c>
      <c r="IB39" s="337">
        <v>310104</v>
      </c>
      <c r="IC39" s="338">
        <v>0</v>
      </c>
      <c r="ID39" s="336">
        <v>5481670</v>
      </c>
      <c r="IE39" s="339">
        <v>3764031</v>
      </c>
      <c r="IF39" s="337">
        <v>2500947</v>
      </c>
      <c r="IG39" s="336">
        <v>1930365</v>
      </c>
      <c r="IH39" s="337">
        <v>1384819</v>
      </c>
      <c r="II39" s="340">
        <v>15061832</v>
      </c>
      <c r="IJ39" s="341">
        <v>15371936</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13">
        <v>0</v>
      </c>
      <c r="IZ39" s="345">
        <v>0</v>
      </c>
      <c r="JA39" s="345">
        <v>0</v>
      </c>
      <c r="JB39" s="345">
        <v>0</v>
      </c>
      <c r="JC39" s="345">
        <v>0</v>
      </c>
      <c r="JD39" s="345">
        <v>0</v>
      </c>
      <c r="JE39" s="349">
        <v>0</v>
      </c>
      <c r="JF39" s="350">
        <v>0</v>
      </c>
      <c r="JG39" s="348">
        <v>0</v>
      </c>
      <c r="JH39" s="345">
        <v>0</v>
      </c>
      <c r="JI39" s="346">
        <v>0</v>
      </c>
      <c r="JJ39" s="351">
        <v>0</v>
      </c>
      <c r="JK39" s="345">
        <v>654260</v>
      </c>
      <c r="JL39" s="345">
        <v>168117</v>
      </c>
      <c r="JM39" s="345">
        <v>-146997</v>
      </c>
      <c r="JN39" s="345">
        <v>82476</v>
      </c>
      <c r="JO39" s="345">
        <v>0</v>
      </c>
      <c r="JP39" s="349">
        <v>757856</v>
      </c>
      <c r="JQ39" s="347">
        <v>757856</v>
      </c>
      <c r="JR39" s="348">
        <v>0</v>
      </c>
      <c r="JS39" s="345">
        <v>0</v>
      </c>
      <c r="JT39" s="346">
        <v>0</v>
      </c>
      <c r="JU39" s="351">
        <v>0</v>
      </c>
      <c r="JV39" s="345">
        <v>0</v>
      </c>
      <c r="JW39" s="345">
        <v>0</v>
      </c>
      <c r="JX39" s="345">
        <v>0</v>
      </c>
      <c r="JY39" s="345">
        <v>0</v>
      </c>
      <c r="JZ39" s="345">
        <v>104425</v>
      </c>
      <c r="KA39" s="349">
        <v>104425</v>
      </c>
      <c r="KB39" s="347">
        <v>104425</v>
      </c>
      <c r="KC39" s="352">
        <v>47961</v>
      </c>
      <c r="KD39" s="353">
        <v>262143</v>
      </c>
      <c r="KE39" s="349">
        <v>310104</v>
      </c>
      <c r="KF39" s="351">
        <v>0</v>
      </c>
      <c r="KG39" s="345">
        <v>1255355</v>
      </c>
      <c r="KH39" s="345">
        <v>1450197</v>
      </c>
      <c r="KI39" s="345">
        <v>1239849</v>
      </c>
      <c r="KJ39" s="345">
        <v>316647</v>
      </c>
      <c r="KK39" s="345">
        <v>0</v>
      </c>
      <c r="KL39" s="349">
        <v>4262048</v>
      </c>
      <c r="KM39" s="354">
        <v>4572152</v>
      </c>
      <c r="KN39" s="342">
        <v>0</v>
      </c>
      <c r="KO39" s="343">
        <v>0</v>
      </c>
      <c r="KP39" s="344">
        <v>0</v>
      </c>
      <c r="KQ39" s="413">
        <v>0</v>
      </c>
      <c r="KR39" s="345">
        <v>2018592</v>
      </c>
      <c r="KS39" s="345">
        <v>905139</v>
      </c>
      <c r="KT39" s="345">
        <v>0</v>
      </c>
      <c r="KU39" s="345">
        <v>893808</v>
      </c>
      <c r="KV39" s="345">
        <v>567630</v>
      </c>
      <c r="KW39" s="349">
        <v>4385169</v>
      </c>
      <c r="KX39" s="347">
        <v>4385169</v>
      </c>
      <c r="KY39" s="348">
        <v>0</v>
      </c>
      <c r="KZ39" s="345">
        <v>0</v>
      </c>
      <c r="LA39" s="349">
        <v>0</v>
      </c>
      <c r="LB39" s="413">
        <v>0</v>
      </c>
      <c r="LC39" s="345">
        <v>0</v>
      </c>
      <c r="LD39" s="345">
        <v>0</v>
      </c>
      <c r="LE39" s="345">
        <v>0</v>
      </c>
      <c r="LF39" s="345">
        <v>0</v>
      </c>
      <c r="LG39" s="345">
        <v>0</v>
      </c>
      <c r="LH39" s="349">
        <v>0</v>
      </c>
      <c r="LI39" s="350">
        <v>0</v>
      </c>
      <c r="LJ39" s="348">
        <v>0</v>
      </c>
      <c r="LK39" s="345">
        <v>0</v>
      </c>
      <c r="LL39" s="349">
        <v>0</v>
      </c>
      <c r="LM39" s="413">
        <v>0</v>
      </c>
      <c r="LN39" s="345">
        <v>0</v>
      </c>
      <c r="LO39" s="345">
        <v>0</v>
      </c>
      <c r="LP39" s="345">
        <v>0</v>
      </c>
      <c r="LQ39" s="345">
        <v>0</v>
      </c>
      <c r="LR39" s="345">
        <v>0</v>
      </c>
      <c r="LS39" s="349">
        <v>0</v>
      </c>
      <c r="LT39" s="347">
        <v>0</v>
      </c>
      <c r="LU39" s="348">
        <v>0</v>
      </c>
      <c r="LV39" s="345">
        <v>0</v>
      </c>
      <c r="LW39" s="349">
        <v>0</v>
      </c>
      <c r="LX39" s="413">
        <v>0</v>
      </c>
      <c r="LY39" s="345">
        <v>1553463</v>
      </c>
      <c r="LZ39" s="345">
        <v>1240578</v>
      </c>
      <c r="MA39" s="345">
        <v>1408095</v>
      </c>
      <c r="MB39" s="345">
        <v>637434</v>
      </c>
      <c r="MC39" s="345">
        <v>712764</v>
      </c>
      <c r="MD39" s="349">
        <v>5552334</v>
      </c>
      <c r="ME39" s="350">
        <v>5552334</v>
      </c>
      <c r="MF39" s="348">
        <v>0</v>
      </c>
      <c r="MG39" s="345">
        <v>0</v>
      </c>
      <c r="MH39" s="349">
        <v>0</v>
      </c>
      <c r="MI39" s="413">
        <v>0</v>
      </c>
      <c r="MJ39" s="345">
        <v>1416887</v>
      </c>
      <c r="MK39" s="345">
        <v>3751740</v>
      </c>
      <c r="ML39" s="345">
        <v>3421766</v>
      </c>
      <c r="MM39" s="345">
        <v>10013680</v>
      </c>
      <c r="MN39" s="345">
        <v>5565069</v>
      </c>
      <c r="MO39" s="349">
        <v>24169142</v>
      </c>
      <c r="MP39" s="354">
        <v>24169142</v>
      </c>
      <c r="MQ39" s="348">
        <v>0</v>
      </c>
      <c r="MR39" s="345">
        <v>0</v>
      </c>
      <c r="MS39" s="349">
        <v>0</v>
      </c>
      <c r="MT39" s="413">
        <v>0</v>
      </c>
      <c r="MU39" s="345">
        <v>0</v>
      </c>
      <c r="MV39" s="345">
        <v>0</v>
      </c>
      <c r="MW39" s="345">
        <v>1964646</v>
      </c>
      <c r="MX39" s="345">
        <v>7386061</v>
      </c>
      <c r="MY39" s="345">
        <v>3108160</v>
      </c>
      <c r="MZ39" s="349">
        <v>12458867</v>
      </c>
      <c r="NA39" s="354">
        <v>12458867</v>
      </c>
      <c r="NB39" s="348">
        <v>0</v>
      </c>
      <c r="NC39" s="345">
        <v>0</v>
      </c>
      <c r="ND39" s="349">
        <v>0</v>
      </c>
      <c r="NE39" s="413">
        <v>0</v>
      </c>
      <c r="NF39" s="345">
        <v>1416887</v>
      </c>
      <c r="NG39" s="345">
        <v>3751740</v>
      </c>
      <c r="NH39" s="345">
        <v>1457120</v>
      </c>
      <c r="NI39" s="345">
        <v>2284827</v>
      </c>
      <c r="NJ39" s="345">
        <v>1720901</v>
      </c>
      <c r="NK39" s="349">
        <v>10631475</v>
      </c>
      <c r="NL39" s="347">
        <v>10631475</v>
      </c>
      <c r="NM39" s="348">
        <v>0</v>
      </c>
      <c r="NN39" s="345">
        <v>0</v>
      </c>
      <c r="NO39" s="349">
        <v>0</v>
      </c>
      <c r="NP39" s="413">
        <v>0</v>
      </c>
      <c r="NQ39" s="345">
        <v>0</v>
      </c>
      <c r="NR39" s="345">
        <v>0</v>
      </c>
      <c r="NS39" s="345">
        <v>0</v>
      </c>
      <c r="NT39" s="345">
        <v>0</v>
      </c>
      <c r="NU39" s="345">
        <v>0</v>
      </c>
      <c r="NV39" s="349">
        <v>0</v>
      </c>
      <c r="NW39" s="350">
        <v>0</v>
      </c>
      <c r="NX39" s="348">
        <v>0</v>
      </c>
      <c r="NY39" s="345">
        <v>0</v>
      </c>
      <c r="NZ39" s="349">
        <v>0</v>
      </c>
      <c r="OA39" s="413">
        <v>0</v>
      </c>
      <c r="OB39" s="345">
        <v>0</v>
      </c>
      <c r="OC39" s="345">
        <v>0</v>
      </c>
      <c r="OD39" s="345">
        <v>0</v>
      </c>
      <c r="OE39" s="345">
        <v>342792</v>
      </c>
      <c r="OF39" s="345">
        <v>736008</v>
      </c>
      <c r="OG39" s="349">
        <v>1078800</v>
      </c>
      <c r="OH39" s="350">
        <v>1078800</v>
      </c>
      <c r="OI39" s="348">
        <v>901545</v>
      </c>
      <c r="OJ39" s="345">
        <v>1285020</v>
      </c>
      <c r="OK39" s="346">
        <v>2186565</v>
      </c>
      <c r="OL39" s="351">
        <v>0</v>
      </c>
      <c r="OM39" s="345">
        <v>14910581</v>
      </c>
      <c r="ON39" s="345">
        <v>13090414</v>
      </c>
      <c r="OO39" s="345">
        <v>10168757</v>
      </c>
      <c r="OP39" s="345">
        <v>17850238</v>
      </c>
      <c r="OQ39" s="345">
        <v>10567989</v>
      </c>
      <c r="OR39" s="349">
        <v>66587979</v>
      </c>
      <c r="OS39" s="354">
        <v>68774544</v>
      </c>
    </row>
    <row r="40" spans="2:409" s="70" customFormat="1" ht="21" customHeight="1" x14ac:dyDescent="0.2">
      <c r="B40" s="410" t="s">
        <v>35</v>
      </c>
      <c r="C40" s="326">
        <v>2468724</v>
      </c>
      <c r="D40" s="327">
        <v>4743441</v>
      </c>
      <c r="E40" s="328">
        <v>7212165</v>
      </c>
      <c r="F40" s="329">
        <v>0</v>
      </c>
      <c r="G40" s="327">
        <v>36840042</v>
      </c>
      <c r="H40" s="327">
        <v>24198781</v>
      </c>
      <c r="I40" s="327">
        <v>22682376</v>
      </c>
      <c r="J40" s="327">
        <v>25885083</v>
      </c>
      <c r="K40" s="327">
        <v>16453020</v>
      </c>
      <c r="L40" s="367">
        <v>126059302</v>
      </c>
      <c r="M40" s="330">
        <v>133271467</v>
      </c>
      <c r="N40" s="326">
        <v>556956</v>
      </c>
      <c r="O40" s="327">
        <v>1275830</v>
      </c>
      <c r="P40" s="328">
        <v>1832786</v>
      </c>
      <c r="Q40" s="326">
        <v>0</v>
      </c>
      <c r="R40" s="327">
        <v>10989305</v>
      </c>
      <c r="S40" s="327">
        <v>8180677</v>
      </c>
      <c r="T40" s="327">
        <v>7715060</v>
      </c>
      <c r="U40" s="327">
        <v>8072093</v>
      </c>
      <c r="V40" s="327">
        <v>8286031</v>
      </c>
      <c r="W40" s="328">
        <v>43243166</v>
      </c>
      <c r="X40" s="330">
        <v>45075952</v>
      </c>
      <c r="Y40" s="326">
        <v>0</v>
      </c>
      <c r="Z40" s="327">
        <v>0</v>
      </c>
      <c r="AA40" s="328">
        <v>0</v>
      </c>
      <c r="AB40" s="326">
        <v>0</v>
      </c>
      <c r="AC40" s="327">
        <v>7164071</v>
      </c>
      <c r="AD40" s="327">
        <v>4918674</v>
      </c>
      <c r="AE40" s="327">
        <v>4996587</v>
      </c>
      <c r="AF40" s="327">
        <v>4994802</v>
      </c>
      <c r="AG40" s="327">
        <v>4987025</v>
      </c>
      <c r="AH40" s="328">
        <v>27061159</v>
      </c>
      <c r="AI40" s="330">
        <v>27061159</v>
      </c>
      <c r="AJ40" s="326">
        <v>0</v>
      </c>
      <c r="AK40" s="327">
        <v>0</v>
      </c>
      <c r="AL40" s="328">
        <v>0</v>
      </c>
      <c r="AM40" s="326">
        <v>0</v>
      </c>
      <c r="AN40" s="327">
        <v>0</v>
      </c>
      <c r="AO40" s="327">
        <v>157608</v>
      </c>
      <c r="AP40" s="327">
        <v>237765</v>
      </c>
      <c r="AQ40" s="327">
        <v>691668</v>
      </c>
      <c r="AR40" s="327">
        <v>696452</v>
      </c>
      <c r="AS40" s="328">
        <v>1783493</v>
      </c>
      <c r="AT40" s="330">
        <v>1783493</v>
      </c>
      <c r="AU40" s="326">
        <v>92914</v>
      </c>
      <c r="AV40" s="327">
        <v>671716</v>
      </c>
      <c r="AW40" s="328">
        <v>764630</v>
      </c>
      <c r="AX40" s="326">
        <v>0</v>
      </c>
      <c r="AY40" s="327">
        <v>1899430</v>
      </c>
      <c r="AZ40" s="327">
        <v>1606435</v>
      </c>
      <c r="BA40" s="327">
        <v>1275456</v>
      </c>
      <c r="BB40" s="327">
        <v>858652</v>
      </c>
      <c r="BC40" s="327">
        <v>1579416</v>
      </c>
      <c r="BD40" s="328">
        <v>7219389</v>
      </c>
      <c r="BE40" s="330">
        <v>7984019</v>
      </c>
      <c r="BF40" s="326">
        <v>232960</v>
      </c>
      <c r="BG40" s="327">
        <v>423120</v>
      </c>
      <c r="BH40" s="331">
        <v>656080</v>
      </c>
      <c r="BI40" s="332">
        <v>0</v>
      </c>
      <c r="BJ40" s="327">
        <v>584522</v>
      </c>
      <c r="BK40" s="327">
        <v>585534</v>
      </c>
      <c r="BL40" s="327">
        <v>152766</v>
      </c>
      <c r="BM40" s="327">
        <v>297738</v>
      </c>
      <c r="BN40" s="327">
        <v>219254</v>
      </c>
      <c r="BO40" s="328">
        <v>1839814</v>
      </c>
      <c r="BP40" s="330">
        <v>2495894</v>
      </c>
      <c r="BQ40" s="326">
        <v>231082</v>
      </c>
      <c r="BR40" s="327">
        <v>180994</v>
      </c>
      <c r="BS40" s="328">
        <v>412076</v>
      </c>
      <c r="BT40" s="326">
        <v>0</v>
      </c>
      <c r="BU40" s="327">
        <v>1341282</v>
      </c>
      <c r="BV40" s="327">
        <v>912426</v>
      </c>
      <c r="BW40" s="327">
        <v>1052486</v>
      </c>
      <c r="BX40" s="327">
        <v>1229233</v>
      </c>
      <c r="BY40" s="327">
        <v>803884</v>
      </c>
      <c r="BZ40" s="328">
        <v>5339311</v>
      </c>
      <c r="CA40" s="330">
        <v>5751387</v>
      </c>
      <c r="CB40" s="326">
        <v>243512</v>
      </c>
      <c r="CC40" s="327">
        <v>882114</v>
      </c>
      <c r="CD40" s="328">
        <v>1125626</v>
      </c>
      <c r="CE40" s="326">
        <v>0</v>
      </c>
      <c r="CF40" s="327">
        <v>13224758</v>
      </c>
      <c r="CG40" s="327">
        <v>8516664</v>
      </c>
      <c r="CH40" s="327">
        <v>6338624</v>
      </c>
      <c r="CI40" s="327">
        <v>4315048</v>
      </c>
      <c r="CJ40" s="327">
        <v>2673208</v>
      </c>
      <c r="CK40" s="328">
        <v>35068302</v>
      </c>
      <c r="CL40" s="330">
        <v>36193928</v>
      </c>
      <c r="CM40" s="326">
        <v>0</v>
      </c>
      <c r="CN40" s="327">
        <v>0</v>
      </c>
      <c r="CO40" s="328">
        <v>0</v>
      </c>
      <c r="CP40" s="332">
        <v>0</v>
      </c>
      <c r="CQ40" s="327">
        <v>9714080</v>
      </c>
      <c r="CR40" s="327">
        <v>6437489</v>
      </c>
      <c r="CS40" s="327">
        <v>5193750</v>
      </c>
      <c r="CT40" s="327">
        <v>3555617</v>
      </c>
      <c r="CU40" s="327">
        <v>2451385</v>
      </c>
      <c r="CV40" s="328">
        <v>27352321</v>
      </c>
      <c r="CW40" s="330">
        <v>27352321</v>
      </c>
      <c r="CX40" s="326">
        <v>243512</v>
      </c>
      <c r="CY40" s="327">
        <v>882114</v>
      </c>
      <c r="CZ40" s="328">
        <v>1125626</v>
      </c>
      <c r="DA40" s="326">
        <v>0</v>
      </c>
      <c r="DB40" s="327">
        <v>3510678</v>
      </c>
      <c r="DC40" s="327">
        <v>2079175</v>
      </c>
      <c r="DD40" s="327">
        <v>1144874</v>
      </c>
      <c r="DE40" s="327">
        <v>759431</v>
      </c>
      <c r="DF40" s="327">
        <v>221823</v>
      </c>
      <c r="DG40" s="328">
        <v>7715981</v>
      </c>
      <c r="DH40" s="330">
        <v>8841607</v>
      </c>
      <c r="DI40" s="326">
        <v>19664</v>
      </c>
      <c r="DJ40" s="327">
        <v>0</v>
      </c>
      <c r="DK40" s="331">
        <v>19664</v>
      </c>
      <c r="DL40" s="332">
        <v>0</v>
      </c>
      <c r="DM40" s="327">
        <v>559890</v>
      </c>
      <c r="DN40" s="327">
        <v>306474</v>
      </c>
      <c r="DO40" s="327">
        <v>891594</v>
      </c>
      <c r="DP40" s="327">
        <v>2494440</v>
      </c>
      <c r="DQ40" s="327">
        <v>821573</v>
      </c>
      <c r="DR40" s="328">
        <v>5073971</v>
      </c>
      <c r="DS40" s="330">
        <v>5093635</v>
      </c>
      <c r="DT40" s="326">
        <v>19664</v>
      </c>
      <c r="DU40" s="327">
        <v>0</v>
      </c>
      <c r="DV40" s="328">
        <v>19664</v>
      </c>
      <c r="DW40" s="326">
        <v>0</v>
      </c>
      <c r="DX40" s="327">
        <v>439848</v>
      </c>
      <c r="DY40" s="327">
        <v>173121</v>
      </c>
      <c r="DZ40" s="327">
        <v>663219</v>
      </c>
      <c r="EA40" s="327">
        <v>2235726</v>
      </c>
      <c r="EB40" s="327">
        <v>568331</v>
      </c>
      <c r="EC40" s="328">
        <v>4080245</v>
      </c>
      <c r="ED40" s="330">
        <v>4099909</v>
      </c>
      <c r="EE40" s="326">
        <v>0</v>
      </c>
      <c r="EF40" s="331">
        <v>0</v>
      </c>
      <c r="EG40" s="328">
        <v>0</v>
      </c>
      <c r="EH40" s="326">
        <v>0</v>
      </c>
      <c r="EI40" s="327">
        <v>120042</v>
      </c>
      <c r="EJ40" s="327">
        <v>133353</v>
      </c>
      <c r="EK40" s="327">
        <v>228375</v>
      </c>
      <c r="EL40" s="327">
        <v>258714</v>
      </c>
      <c r="EM40" s="327">
        <v>253242</v>
      </c>
      <c r="EN40" s="331">
        <v>993726</v>
      </c>
      <c r="EO40" s="330">
        <v>993726</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341026</v>
      </c>
      <c r="FM40" s="327">
        <v>910488</v>
      </c>
      <c r="FN40" s="328">
        <v>1251514</v>
      </c>
      <c r="FO40" s="326">
        <v>0</v>
      </c>
      <c r="FP40" s="327">
        <v>1673083</v>
      </c>
      <c r="FQ40" s="327">
        <v>2296595</v>
      </c>
      <c r="FR40" s="327">
        <v>1925063</v>
      </c>
      <c r="FS40" s="327">
        <v>1478988</v>
      </c>
      <c r="FT40" s="327">
        <v>1155057</v>
      </c>
      <c r="FU40" s="328">
        <v>8528786</v>
      </c>
      <c r="FV40" s="330">
        <v>9780300</v>
      </c>
      <c r="FW40" s="333">
        <v>312514</v>
      </c>
      <c r="FX40" s="327">
        <v>776959</v>
      </c>
      <c r="FY40" s="331">
        <v>1089473</v>
      </c>
      <c r="FZ40" s="332">
        <v>0</v>
      </c>
      <c r="GA40" s="327">
        <v>1327158</v>
      </c>
      <c r="GB40" s="327">
        <v>1999829</v>
      </c>
      <c r="GC40" s="327">
        <v>1619384</v>
      </c>
      <c r="GD40" s="327">
        <v>1339128</v>
      </c>
      <c r="GE40" s="327">
        <v>1126991</v>
      </c>
      <c r="GF40" s="328">
        <v>7412490</v>
      </c>
      <c r="GG40" s="334">
        <v>8501963</v>
      </c>
      <c r="GH40" s="333">
        <v>28512</v>
      </c>
      <c r="GI40" s="327">
        <v>120016</v>
      </c>
      <c r="GJ40" s="331">
        <v>148528</v>
      </c>
      <c r="GK40" s="332">
        <v>0</v>
      </c>
      <c r="GL40" s="327">
        <v>79615</v>
      </c>
      <c r="GM40" s="327">
        <v>90436</v>
      </c>
      <c r="GN40" s="327">
        <v>75438</v>
      </c>
      <c r="GO40" s="327">
        <v>76500</v>
      </c>
      <c r="GP40" s="327">
        <v>28066</v>
      </c>
      <c r="GQ40" s="328">
        <v>350055</v>
      </c>
      <c r="GR40" s="330">
        <v>498583</v>
      </c>
      <c r="GS40" s="326">
        <v>0</v>
      </c>
      <c r="GT40" s="327">
        <v>13513</v>
      </c>
      <c r="GU40" s="328">
        <v>13513</v>
      </c>
      <c r="GV40" s="326">
        <v>0</v>
      </c>
      <c r="GW40" s="327">
        <v>266310</v>
      </c>
      <c r="GX40" s="327">
        <v>206330</v>
      </c>
      <c r="GY40" s="327">
        <v>230241</v>
      </c>
      <c r="GZ40" s="327">
        <v>63360</v>
      </c>
      <c r="HA40" s="327">
        <v>0</v>
      </c>
      <c r="HB40" s="331">
        <v>766241</v>
      </c>
      <c r="HC40" s="330">
        <v>779754</v>
      </c>
      <c r="HD40" s="326">
        <v>941511</v>
      </c>
      <c r="HE40" s="327">
        <v>1106249</v>
      </c>
      <c r="HF40" s="331">
        <v>2047760</v>
      </c>
      <c r="HG40" s="332">
        <v>0</v>
      </c>
      <c r="HH40" s="327">
        <v>5983808</v>
      </c>
      <c r="HI40" s="327">
        <v>2422555</v>
      </c>
      <c r="HJ40" s="327">
        <v>3990649</v>
      </c>
      <c r="HK40" s="327">
        <v>8148605</v>
      </c>
      <c r="HL40" s="327">
        <v>2700795</v>
      </c>
      <c r="HM40" s="328">
        <v>23246412</v>
      </c>
      <c r="HN40" s="329">
        <v>25294172</v>
      </c>
      <c r="HO40" s="333">
        <v>366055</v>
      </c>
      <c r="HP40" s="327">
        <v>568760</v>
      </c>
      <c r="HQ40" s="328">
        <v>934815</v>
      </c>
      <c r="HR40" s="326">
        <v>0</v>
      </c>
      <c r="HS40" s="327">
        <v>4409198</v>
      </c>
      <c r="HT40" s="327">
        <v>2475816</v>
      </c>
      <c r="HU40" s="327">
        <v>1821386</v>
      </c>
      <c r="HV40" s="327">
        <v>1375909</v>
      </c>
      <c r="HW40" s="327">
        <v>816356</v>
      </c>
      <c r="HX40" s="331">
        <v>10898665</v>
      </c>
      <c r="HY40" s="330">
        <v>11833480</v>
      </c>
      <c r="HZ40" s="358">
        <v>112375</v>
      </c>
      <c r="IA40" s="356">
        <v>229347</v>
      </c>
      <c r="IB40" s="358">
        <v>341722</v>
      </c>
      <c r="IC40" s="338">
        <v>0</v>
      </c>
      <c r="ID40" s="336">
        <v>6594604</v>
      </c>
      <c r="IE40" s="339">
        <v>5357619</v>
      </c>
      <c r="IF40" s="337">
        <v>7234125</v>
      </c>
      <c r="IG40" s="336">
        <v>4654320</v>
      </c>
      <c r="IH40" s="337">
        <v>2346363</v>
      </c>
      <c r="II40" s="340">
        <v>26187031</v>
      </c>
      <c r="IJ40" s="358">
        <v>26528753</v>
      </c>
      <c r="IK40" s="342">
        <v>0</v>
      </c>
      <c r="IL40" s="343">
        <v>0</v>
      </c>
      <c r="IM40" s="344">
        <v>0</v>
      </c>
      <c r="IN40" s="404">
        <v>0</v>
      </c>
      <c r="IO40" s="345">
        <v>86809</v>
      </c>
      <c r="IP40" s="345">
        <v>134887</v>
      </c>
      <c r="IQ40" s="345">
        <v>332831</v>
      </c>
      <c r="IR40" s="345">
        <v>0</v>
      </c>
      <c r="IS40" s="345">
        <v>268857</v>
      </c>
      <c r="IT40" s="346">
        <v>823384</v>
      </c>
      <c r="IU40" s="347">
        <v>823384</v>
      </c>
      <c r="IV40" s="348">
        <v>0</v>
      </c>
      <c r="IW40" s="345">
        <v>0</v>
      </c>
      <c r="IX40" s="349">
        <v>0</v>
      </c>
      <c r="IY40" s="413">
        <v>0</v>
      </c>
      <c r="IZ40" s="345">
        <v>0</v>
      </c>
      <c r="JA40" s="345">
        <v>0</v>
      </c>
      <c r="JB40" s="345">
        <v>0</v>
      </c>
      <c r="JC40" s="345">
        <v>0</v>
      </c>
      <c r="JD40" s="345">
        <v>0</v>
      </c>
      <c r="JE40" s="349">
        <v>0</v>
      </c>
      <c r="JF40" s="350">
        <v>0</v>
      </c>
      <c r="JG40" s="348">
        <v>0</v>
      </c>
      <c r="JH40" s="345">
        <v>0</v>
      </c>
      <c r="JI40" s="346">
        <v>0</v>
      </c>
      <c r="JJ40" s="351">
        <v>0</v>
      </c>
      <c r="JK40" s="345">
        <v>1303861</v>
      </c>
      <c r="JL40" s="345">
        <v>940077</v>
      </c>
      <c r="JM40" s="345">
        <v>1457663</v>
      </c>
      <c r="JN40" s="345">
        <v>1019517</v>
      </c>
      <c r="JO40" s="345">
        <v>358182</v>
      </c>
      <c r="JP40" s="349">
        <v>5079300</v>
      </c>
      <c r="JQ40" s="347">
        <v>5079300</v>
      </c>
      <c r="JR40" s="348">
        <v>0</v>
      </c>
      <c r="JS40" s="345">
        <v>0</v>
      </c>
      <c r="JT40" s="346">
        <v>0</v>
      </c>
      <c r="JU40" s="351">
        <v>0</v>
      </c>
      <c r="JV40" s="345">
        <v>0</v>
      </c>
      <c r="JW40" s="345">
        <v>0</v>
      </c>
      <c r="JX40" s="345">
        <v>0</v>
      </c>
      <c r="JY40" s="345">
        <v>0</v>
      </c>
      <c r="JZ40" s="345">
        <v>0</v>
      </c>
      <c r="KA40" s="349">
        <v>0</v>
      </c>
      <c r="KB40" s="347">
        <v>0</v>
      </c>
      <c r="KC40" s="352">
        <v>112375</v>
      </c>
      <c r="KD40" s="353">
        <v>229347</v>
      </c>
      <c r="KE40" s="349">
        <v>341722</v>
      </c>
      <c r="KF40" s="351">
        <v>0</v>
      </c>
      <c r="KG40" s="345">
        <v>1171629</v>
      </c>
      <c r="KH40" s="345">
        <v>917415</v>
      </c>
      <c r="KI40" s="345">
        <v>2082068</v>
      </c>
      <c r="KJ40" s="345">
        <v>828540</v>
      </c>
      <c r="KK40" s="345">
        <v>281043</v>
      </c>
      <c r="KL40" s="349">
        <v>5280695</v>
      </c>
      <c r="KM40" s="354">
        <v>5622417</v>
      </c>
      <c r="KN40" s="342">
        <v>0</v>
      </c>
      <c r="KO40" s="343">
        <v>0</v>
      </c>
      <c r="KP40" s="344">
        <v>0</v>
      </c>
      <c r="KQ40" s="413">
        <v>0</v>
      </c>
      <c r="KR40" s="345">
        <v>4032305</v>
      </c>
      <c r="KS40" s="345">
        <v>3365240</v>
      </c>
      <c r="KT40" s="345">
        <v>3361563</v>
      </c>
      <c r="KU40" s="345">
        <v>2806263</v>
      </c>
      <c r="KV40" s="345">
        <v>1438281</v>
      </c>
      <c r="KW40" s="349">
        <v>15003652</v>
      </c>
      <c r="KX40" s="347">
        <v>15003652</v>
      </c>
      <c r="KY40" s="348">
        <v>0</v>
      </c>
      <c r="KZ40" s="345">
        <v>0</v>
      </c>
      <c r="LA40" s="349">
        <v>0</v>
      </c>
      <c r="LB40" s="413">
        <v>0</v>
      </c>
      <c r="LC40" s="345">
        <v>0</v>
      </c>
      <c r="LD40" s="345">
        <v>0</v>
      </c>
      <c r="LE40" s="345">
        <v>0</v>
      </c>
      <c r="LF40" s="345">
        <v>0</v>
      </c>
      <c r="LG40" s="345">
        <v>0</v>
      </c>
      <c r="LH40" s="349">
        <v>0</v>
      </c>
      <c r="LI40" s="350">
        <v>0</v>
      </c>
      <c r="LJ40" s="348">
        <v>0</v>
      </c>
      <c r="LK40" s="345">
        <v>0</v>
      </c>
      <c r="LL40" s="349">
        <v>0</v>
      </c>
      <c r="LM40" s="413">
        <v>0</v>
      </c>
      <c r="LN40" s="345">
        <v>0</v>
      </c>
      <c r="LO40" s="345">
        <v>0</v>
      </c>
      <c r="LP40" s="345">
        <v>0</v>
      </c>
      <c r="LQ40" s="345">
        <v>0</v>
      </c>
      <c r="LR40" s="345">
        <v>0</v>
      </c>
      <c r="LS40" s="349">
        <v>0</v>
      </c>
      <c r="LT40" s="347">
        <v>0</v>
      </c>
      <c r="LU40" s="348">
        <v>0</v>
      </c>
      <c r="LV40" s="345">
        <v>0</v>
      </c>
      <c r="LW40" s="349">
        <v>0</v>
      </c>
      <c r="LX40" s="413">
        <v>0</v>
      </c>
      <c r="LY40" s="345">
        <v>0</v>
      </c>
      <c r="LZ40" s="345">
        <v>0</v>
      </c>
      <c r="MA40" s="345">
        <v>0</v>
      </c>
      <c r="MB40" s="345">
        <v>0</v>
      </c>
      <c r="MC40" s="345">
        <v>0</v>
      </c>
      <c r="MD40" s="349">
        <v>0</v>
      </c>
      <c r="ME40" s="350">
        <v>0</v>
      </c>
      <c r="MF40" s="348">
        <v>0</v>
      </c>
      <c r="MG40" s="345">
        <v>0</v>
      </c>
      <c r="MH40" s="349">
        <v>0</v>
      </c>
      <c r="MI40" s="413">
        <v>0</v>
      </c>
      <c r="MJ40" s="345">
        <v>4274551</v>
      </c>
      <c r="MK40" s="345">
        <v>10759617</v>
      </c>
      <c r="ML40" s="345">
        <v>15259913</v>
      </c>
      <c r="MM40" s="345">
        <v>20126097</v>
      </c>
      <c r="MN40" s="345">
        <v>13493005</v>
      </c>
      <c r="MO40" s="349">
        <v>63913183</v>
      </c>
      <c r="MP40" s="354">
        <v>63913183</v>
      </c>
      <c r="MQ40" s="348">
        <v>0</v>
      </c>
      <c r="MR40" s="345">
        <v>0</v>
      </c>
      <c r="MS40" s="349">
        <v>0</v>
      </c>
      <c r="MT40" s="413">
        <v>0</v>
      </c>
      <c r="MU40" s="345">
        <v>203247</v>
      </c>
      <c r="MV40" s="345">
        <v>536957</v>
      </c>
      <c r="MW40" s="345">
        <v>6020115</v>
      </c>
      <c r="MX40" s="345">
        <v>13715506</v>
      </c>
      <c r="MY40" s="345">
        <v>7952221</v>
      </c>
      <c r="MZ40" s="349">
        <v>28428046</v>
      </c>
      <c r="NA40" s="354">
        <v>28428046</v>
      </c>
      <c r="NB40" s="348">
        <v>0</v>
      </c>
      <c r="NC40" s="345">
        <v>0</v>
      </c>
      <c r="ND40" s="349">
        <v>0</v>
      </c>
      <c r="NE40" s="413">
        <v>0</v>
      </c>
      <c r="NF40" s="345">
        <v>3601783</v>
      </c>
      <c r="NG40" s="345">
        <v>9455626</v>
      </c>
      <c r="NH40" s="345">
        <v>7633316</v>
      </c>
      <c r="NI40" s="345">
        <v>5046201</v>
      </c>
      <c r="NJ40" s="345">
        <v>3329526</v>
      </c>
      <c r="NK40" s="349">
        <v>29066452</v>
      </c>
      <c r="NL40" s="347">
        <v>29066452</v>
      </c>
      <c r="NM40" s="348">
        <v>0</v>
      </c>
      <c r="NN40" s="345">
        <v>0</v>
      </c>
      <c r="NO40" s="349">
        <v>0</v>
      </c>
      <c r="NP40" s="413">
        <v>0</v>
      </c>
      <c r="NQ40" s="345">
        <v>0</v>
      </c>
      <c r="NR40" s="345">
        <v>0</v>
      </c>
      <c r="NS40" s="345">
        <v>0</v>
      </c>
      <c r="NT40" s="345">
        <v>0</v>
      </c>
      <c r="NU40" s="345">
        <v>0</v>
      </c>
      <c r="NV40" s="349">
        <v>0</v>
      </c>
      <c r="NW40" s="350">
        <v>0</v>
      </c>
      <c r="NX40" s="348">
        <v>0</v>
      </c>
      <c r="NY40" s="345">
        <v>0</v>
      </c>
      <c r="NZ40" s="349">
        <v>0</v>
      </c>
      <c r="OA40" s="413">
        <v>0</v>
      </c>
      <c r="OB40" s="345">
        <v>469521</v>
      </c>
      <c r="OC40" s="345">
        <v>767034</v>
      </c>
      <c r="OD40" s="345">
        <v>1606482</v>
      </c>
      <c r="OE40" s="345">
        <v>1364390</v>
      </c>
      <c r="OF40" s="345">
        <v>2211258</v>
      </c>
      <c r="OG40" s="349">
        <v>6418685</v>
      </c>
      <c r="OH40" s="350">
        <v>6418685</v>
      </c>
      <c r="OI40" s="348">
        <v>2581099</v>
      </c>
      <c r="OJ40" s="345">
        <v>4972788</v>
      </c>
      <c r="OK40" s="346">
        <v>7553887</v>
      </c>
      <c r="OL40" s="351">
        <v>0</v>
      </c>
      <c r="OM40" s="345">
        <v>47709197</v>
      </c>
      <c r="ON40" s="345">
        <v>40316017</v>
      </c>
      <c r="OO40" s="345">
        <v>45176414</v>
      </c>
      <c r="OP40" s="345">
        <v>50665500</v>
      </c>
      <c r="OQ40" s="345">
        <v>32292388</v>
      </c>
      <c r="OR40" s="349">
        <v>216159516</v>
      </c>
      <c r="OS40" s="354">
        <v>223713403</v>
      </c>
    </row>
    <row r="41" spans="2:409" s="70" customFormat="1" ht="21" customHeight="1" x14ac:dyDescent="0.2">
      <c r="B41" s="410" t="s">
        <v>36</v>
      </c>
      <c r="C41" s="326">
        <v>1343003</v>
      </c>
      <c r="D41" s="327">
        <v>3419749</v>
      </c>
      <c r="E41" s="328">
        <v>4762752</v>
      </c>
      <c r="F41" s="329">
        <v>0</v>
      </c>
      <c r="G41" s="327">
        <v>21421759</v>
      </c>
      <c r="H41" s="327">
        <v>36113836</v>
      </c>
      <c r="I41" s="327">
        <v>24143200</v>
      </c>
      <c r="J41" s="327">
        <v>18135558</v>
      </c>
      <c r="K41" s="327">
        <v>18250236</v>
      </c>
      <c r="L41" s="367">
        <v>118064589</v>
      </c>
      <c r="M41" s="330">
        <v>122827341</v>
      </c>
      <c r="N41" s="326">
        <v>286642</v>
      </c>
      <c r="O41" s="327">
        <v>1159724</v>
      </c>
      <c r="P41" s="328">
        <v>1446366</v>
      </c>
      <c r="Q41" s="326">
        <v>0</v>
      </c>
      <c r="R41" s="327">
        <v>5689194</v>
      </c>
      <c r="S41" s="327">
        <v>10838825</v>
      </c>
      <c r="T41" s="327">
        <v>8253595</v>
      </c>
      <c r="U41" s="327">
        <v>6667258</v>
      </c>
      <c r="V41" s="327">
        <v>9958485</v>
      </c>
      <c r="W41" s="328">
        <v>41407357</v>
      </c>
      <c r="X41" s="330">
        <v>42853723</v>
      </c>
      <c r="Y41" s="326">
        <v>0</v>
      </c>
      <c r="Z41" s="327">
        <v>0</v>
      </c>
      <c r="AA41" s="328">
        <v>0</v>
      </c>
      <c r="AB41" s="326">
        <v>0</v>
      </c>
      <c r="AC41" s="327">
        <v>2079685</v>
      </c>
      <c r="AD41" s="327">
        <v>5651374</v>
      </c>
      <c r="AE41" s="327">
        <v>3939882</v>
      </c>
      <c r="AF41" s="327">
        <v>3514817</v>
      </c>
      <c r="AG41" s="327">
        <v>6307277</v>
      </c>
      <c r="AH41" s="328">
        <v>21493035</v>
      </c>
      <c r="AI41" s="330">
        <v>21493035</v>
      </c>
      <c r="AJ41" s="326">
        <v>0</v>
      </c>
      <c r="AK41" s="327">
        <v>36736</v>
      </c>
      <c r="AL41" s="328">
        <v>36736</v>
      </c>
      <c r="AM41" s="326">
        <v>0</v>
      </c>
      <c r="AN41" s="327">
        <v>54339</v>
      </c>
      <c r="AO41" s="327">
        <v>291899</v>
      </c>
      <c r="AP41" s="327">
        <v>596164</v>
      </c>
      <c r="AQ41" s="327">
        <v>657724</v>
      </c>
      <c r="AR41" s="327">
        <v>523877</v>
      </c>
      <c r="AS41" s="328">
        <v>2124003</v>
      </c>
      <c r="AT41" s="330">
        <v>2160739</v>
      </c>
      <c r="AU41" s="326">
        <v>131257</v>
      </c>
      <c r="AV41" s="327">
        <v>696627</v>
      </c>
      <c r="AW41" s="328">
        <v>827884</v>
      </c>
      <c r="AX41" s="326">
        <v>0</v>
      </c>
      <c r="AY41" s="327">
        <v>2150101</v>
      </c>
      <c r="AZ41" s="327">
        <v>2583007</v>
      </c>
      <c r="BA41" s="327">
        <v>2233308</v>
      </c>
      <c r="BB41" s="327">
        <v>1607303</v>
      </c>
      <c r="BC41" s="327">
        <v>2167025</v>
      </c>
      <c r="BD41" s="328">
        <v>10740744</v>
      </c>
      <c r="BE41" s="330">
        <v>11568628</v>
      </c>
      <c r="BF41" s="326">
        <v>33496</v>
      </c>
      <c r="BG41" s="327">
        <v>339835</v>
      </c>
      <c r="BH41" s="331">
        <v>373331</v>
      </c>
      <c r="BI41" s="332">
        <v>0</v>
      </c>
      <c r="BJ41" s="327">
        <v>534376</v>
      </c>
      <c r="BK41" s="327">
        <v>554392</v>
      </c>
      <c r="BL41" s="327">
        <v>207716</v>
      </c>
      <c r="BM41" s="327">
        <v>121698</v>
      </c>
      <c r="BN41" s="327">
        <v>151495</v>
      </c>
      <c r="BO41" s="328">
        <v>1569677</v>
      </c>
      <c r="BP41" s="330">
        <v>1943008</v>
      </c>
      <c r="BQ41" s="326">
        <v>121889</v>
      </c>
      <c r="BR41" s="327">
        <v>86526</v>
      </c>
      <c r="BS41" s="328">
        <v>208415</v>
      </c>
      <c r="BT41" s="326">
        <v>0</v>
      </c>
      <c r="BU41" s="327">
        <v>870693</v>
      </c>
      <c r="BV41" s="327">
        <v>1758153</v>
      </c>
      <c r="BW41" s="327">
        <v>1276525</v>
      </c>
      <c r="BX41" s="327">
        <v>765716</v>
      </c>
      <c r="BY41" s="327">
        <v>808811</v>
      </c>
      <c r="BZ41" s="328">
        <v>5479898</v>
      </c>
      <c r="CA41" s="330">
        <v>5688313</v>
      </c>
      <c r="CB41" s="326">
        <v>183505</v>
      </c>
      <c r="CC41" s="327">
        <v>345110</v>
      </c>
      <c r="CD41" s="328">
        <v>528615</v>
      </c>
      <c r="CE41" s="326">
        <v>0</v>
      </c>
      <c r="CF41" s="327">
        <v>6535136</v>
      </c>
      <c r="CG41" s="327">
        <v>10751014</v>
      </c>
      <c r="CH41" s="327">
        <v>5868376</v>
      </c>
      <c r="CI41" s="327">
        <v>4394193</v>
      </c>
      <c r="CJ41" s="327">
        <v>3392832</v>
      </c>
      <c r="CK41" s="328">
        <v>30941551</v>
      </c>
      <c r="CL41" s="330">
        <v>31470166</v>
      </c>
      <c r="CM41" s="326">
        <v>0</v>
      </c>
      <c r="CN41" s="327">
        <v>0</v>
      </c>
      <c r="CO41" s="328">
        <v>0</v>
      </c>
      <c r="CP41" s="332">
        <v>0</v>
      </c>
      <c r="CQ41" s="327">
        <v>4714336</v>
      </c>
      <c r="CR41" s="327">
        <v>8039374</v>
      </c>
      <c r="CS41" s="327">
        <v>3946872</v>
      </c>
      <c r="CT41" s="327">
        <v>3215193</v>
      </c>
      <c r="CU41" s="327">
        <v>3147190</v>
      </c>
      <c r="CV41" s="328">
        <v>23062965</v>
      </c>
      <c r="CW41" s="330">
        <v>23062965</v>
      </c>
      <c r="CX41" s="326">
        <v>183505</v>
      </c>
      <c r="CY41" s="327">
        <v>345110</v>
      </c>
      <c r="CZ41" s="328">
        <v>528615</v>
      </c>
      <c r="DA41" s="326">
        <v>0</v>
      </c>
      <c r="DB41" s="327">
        <v>1820800</v>
      </c>
      <c r="DC41" s="327">
        <v>2711640</v>
      </c>
      <c r="DD41" s="327">
        <v>1921504</v>
      </c>
      <c r="DE41" s="327">
        <v>1179000</v>
      </c>
      <c r="DF41" s="327">
        <v>245642</v>
      </c>
      <c r="DG41" s="328">
        <v>7878586</v>
      </c>
      <c r="DH41" s="330">
        <v>8407201</v>
      </c>
      <c r="DI41" s="326">
        <v>0</v>
      </c>
      <c r="DJ41" s="327">
        <v>0</v>
      </c>
      <c r="DK41" s="331">
        <v>0</v>
      </c>
      <c r="DL41" s="332">
        <v>0</v>
      </c>
      <c r="DM41" s="327">
        <v>546246</v>
      </c>
      <c r="DN41" s="327">
        <v>1492271</v>
      </c>
      <c r="DO41" s="327">
        <v>1283681</v>
      </c>
      <c r="DP41" s="327">
        <v>2375806</v>
      </c>
      <c r="DQ41" s="327">
        <v>1698092</v>
      </c>
      <c r="DR41" s="328">
        <v>7396096</v>
      </c>
      <c r="DS41" s="330">
        <v>7396096</v>
      </c>
      <c r="DT41" s="326">
        <v>0</v>
      </c>
      <c r="DU41" s="327">
        <v>0</v>
      </c>
      <c r="DV41" s="328">
        <v>0</v>
      </c>
      <c r="DW41" s="326">
        <v>0</v>
      </c>
      <c r="DX41" s="327">
        <v>487508</v>
      </c>
      <c r="DY41" s="327">
        <v>1458803</v>
      </c>
      <c r="DZ41" s="327">
        <v>1283681</v>
      </c>
      <c r="EA41" s="327">
        <v>2255465</v>
      </c>
      <c r="EB41" s="327">
        <v>1698092</v>
      </c>
      <c r="EC41" s="328">
        <v>7183549</v>
      </c>
      <c r="ED41" s="330">
        <v>7183549</v>
      </c>
      <c r="EE41" s="326">
        <v>0</v>
      </c>
      <c r="EF41" s="331">
        <v>0</v>
      </c>
      <c r="EG41" s="328">
        <v>0</v>
      </c>
      <c r="EH41" s="326">
        <v>0</v>
      </c>
      <c r="EI41" s="327">
        <v>58738</v>
      </c>
      <c r="EJ41" s="327">
        <v>33468</v>
      </c>
      <c r="EK41" s="327">
        <v>0</v>
      </c>
      <c r="EL41" s="327">
        <v>120341</v>
      </c>
      <c r="EM41" s="327">
        <v>0</v>
      </c>
      <c r="EN41" s="331">
        <v>212547</v>
      </c>
      <c r="EO41" s="330">
        <v>212547</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53800</v>
      </c>
      <c r="FM41" s="327">
        <v>1125647</v>
      </c>
      <c r="FN41" s="328">
        <v>1579447</v>
      </c>
      <c r="FO41" s="326">
        <v>0</v>
      </c>
      <c r="FP41" s="327">
        <v>1601046</v>
      </c>
      <c r="FQ41" s="327">
        <v>3442348</v>
      </c>
      <c r="FR41" s="327">
        <v>2335946</v>
      </c>
      <c r="FS41" s="327">
        <v>1979122</v>
      </c>
      <c r="FT41" s="327">
        <v>1245836</v>
      </c>
      <c r="FU41" s="328">
        <v>10604298</v>
      </c>
      <c r="FV41" s="330">
        <v>12183745</v>
      </c>
      <c r="FW41" s="333">
        <v>271630</v>
      </c>
      <c r="FX41" s="327">
        <v>864017</v>
      </c>
      <c r="FY41" s="331">
        <v>1135647</v>
      </c>
      <c r="FZ41" s="332">
        <v>0</v>
      </c>
      <c r="GA41" s="327">
        <v>1601046</v>
      </c>
      <c r="GB41" s="327">
        <v>3262125</v>
      </c>
      <c r="GC41" s="327">
        <v>2207010</v>
      </c>
      <c r="GD41" s="327">
        <v>1650325</v>
      </c>
      <c r="GE41" s="327">
        <v>1184884</v>
      </c>
      <c r="GF41" s="328">
        <v>9905390</v>
      </c>
      <c r="GG41" s="334">
        <v>11041037</v>
      </c>
      <c r="GH41" s="333">
        <v>8470</v>
      </c>
      <c r="GI41" s="327">
        <v>90000</v>
      </c>
      <c r="GJ41" s="331">
        <v>98470</v>
      </c>
      <c r="GK41" s="332">
        <v>0</v>
      </c>
      <c r="GL41" s="327">
        <v>0</v>
      </c>
      <c r="GM41" s="327">
        <v>115423</v>
      </c>
      <c r="GN41" s="327">
        <v>128936</v>
      </c>
      <c r="GO41" s="327">
        <v>74547</v>
      </c>
      <c r="GP41" s="327">
        <v>60952</v>
      </c>
      <c r="GQ41" s="328">
        <v>379858</v>
      </c>
      <c r="GR41" s="330">
        <v>478328</v>
      </c>
      <c r="GS41" s="326">
        <v>173700</v>
      </c>
      <c r="GT41" s="327">
        <v>171630</v>
      </c>
      <c r="GU41" s="328">
        <v>345330</v>
      </c>
      <c r="GV41" s="326">
        <v>0</v>
      </c>
      <c r="GW41" s="327">
        <v>0</v>
      </c>
      <c r="GX41" s="327">
        <v>64800</v>
      </c>
      <c r="GY41" s="327">
        <v>0</v>
      </c>
      <c r="GZ41" s="327">
        <v>254250</v>
      </c>
      <c r="HA41" s="327">
        <v>0</v>
      </c>
      <c r="HB41" s="331">
        <v>319050</v>
      </c>
      <c r="HC41" s="330">
        <v>664380</v>
      </c>
      <c r="HD41" s="326">
        <v>195102</v>
      </c>
      <c r="HE41" s="327">
        <v>103520</v>
      </c>
      <c r="HF41" s="331">
        <v>298622</v>
      </c>
      <c r="HG41" s="332">
        <v>0</v>
      </c>
      <c r="HH41" s="327">
        <v>3439119</v>
      </c>
      <c r="HI41" s="327">
        <v>5776276</v>
      </c>
      <c r="HJ41" s="327">
        <v>3853474</v>
      </c>
      <c r="HK41" s="327">
        <v>1098094</v>
      </c>
      <c r="HL41" s="327">
        <v>790468</v>
      </c>
      <c r="HM41" s="328">
        <v>14957431</v>
      </c>
      <c r="HN41" s="329">
        <v>15256053</v>
      </c>
      <c r="HO41" s="333">
        <v>223954</v>
      </c>
      <c r="HP41" s="327">
        <v>685748</v>
      </c>
      <c r="HQ41" s="328">
        <v>909702</v>
      </c>
      <c r="HR41" s="326">
        <v>0</v>
      </c>
      <c r="HS41" s="327">
        <v>3611018</v>
      </c>
      <c r="HT41" s="327">
        <v>3813102</v>
      </c>
      <c r="HU41" s="327">
        <v>2548128</v>
      </c>
      <c r="HV41" s="327">
        <v>1621085</v>
      </c>
      <c r="HW41" s="327">
        <v>1164523</v>
      </c>
      <c r="HX41" s="331">
        <v>12757856</v>
      </c>
      <c r="HY41" s="330">
        <v>13667558</v>
      </c>
      <c r="HZ41" s="335">
        <v>0</v>
      </c>
      <c r="IA41" s="336">
        <v>0</v>
      </c>
      <c r="IB41" s="337">
        <v>0</v>
      </c>
      <c r="IC41" s="338">
        <v>0</v>
      </c>
      <c r="ID41" s="336">
        <v>6719164</v>
      </c>
      <c r="IE41" s="339">
        <v>10746913</v>
      </c>
      <c r="IF41" s="337">
        <v>10116262</v>
      </c>
      <c r="IG41" s="336">
        <v>5750682</v>
      </c>
      <c r="IH41" s="337">
        <v>4993180</v>
      </c>
      <c r="II41" s="340">
        <v>38326201</v>
      </c>
      <c r="IJ41" s="341">
        <v>38326201</v>
      </c>
      <c r="IK41" s="342">
        <v>0</v>
      </c>
      <c r="IL41" s="343">
        <v>0</v>
      </c>
      <c r="IM41" s="344">
        <v>0</v>
      </c>
      <c r="IN41" s="404">
        <v>0</v>
      </c>
      <c r="IO41" s="345">
        <v>0</v>
      </c>
      <c r="IP41" s="345">
        <v>130398</v>
      </c>
      <c r="IQ41" s="345">
        <v>172896</v>
      </c>
      <c r="IR41" s="345">
        <v>0</v>
      </c>
      <c r="IS41" s="345">
        <v>0</v>
      </c>
      <c r="IT41" s="346">
        <v>303294</v>
      </c>
      <c r="IU41" s="347">
        <v>303294</v>
      </c>
      <c r="IV41" s="348">
        <v>0</v>
      </c>
      <c r="IW41" s="345">
        <v>0</v>
      </c>
      <c r="IX41" s="349">
        <v>0</v>
      </c>
      <c r="IY41" s="413">
        <v>0</v>
      </c>
      <c r="IZ41" s="345">
        <v>0</v>
      </c>
      <c r="JA41" s="345">
        <v>0</v>
      </c>
      <c r="JB41" s="345">
        <v>0</v>
      </c>
      <c r="JC41" s="345">
        <v>0</v>
      </c>
      <c r="JD41" s="345">
        <v>0</v>
      </c>
      <c r="JE41" s="349">
        <v>0</v>
      </c>
      <c r="JF41" s="350">
        <v>0</v>
      </c>
      <c r="JG41" s="348">
        <v>0</v>
      </c>
      <c r="JH41" s="345">
        <v>0</v>
      </c>
      <c r="JI41" s="346">
        <v>0</v>
      </c>
      <c r="JJ41" s="351">
        <v>0</v>
      </c>
      <c r="JK41" s="345">
        <v>3015151</v>
      </c>
      <c r="JL41" s="345">
        <v>2732854</v>
      </c>
      <c r="JM41" s="345">
        <v>5011394</v>
      </c>
      <c r="JN41" s="345">
        <v>1827819</v>
      </c>
      <c r="JO41" s="345">
        <v>3147689</v>
      </c>
      <c r="JP41" s="349">
        <v>15734907</v>
      </c>
      <c r="JQ41" s="347">
        <v>15734907</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2381986</v>
      </c>
      <c r="KH41" s="345">
        <v>2106360</v>
      </c>
      <c r="KI41" s="345">
        <v>1874147</v>
      </c>
      <c r="KJ41" s="345">
        <v>1413565</v>
      </c>
      <c r="KK41" s="345">
        <v>628121</v>
      </c>
      <c r="KL41" s="349">
        <v>8404179</v>
      </c>
      <c r="KM41" s="354">
        <v>8404179</v>
      </c>
      <c r="KN41" s="342">
        <v>0</v>
      </c>
      <c r="KO41" s="343">
        <v>0</v>
      </c>
      <c r="KP41" s="344">
        <v>0</v>
      </c>
      <c r="KQ41" s="413">
        <v>0</v>
      </c>
      <c r="KR41" s="345">
        <v>1322027</v>
      </c>
      <c r="KS41" s="345">
        <v>5777301</v>
      </c>
      <c r="KT41" s="345">
        <v>3057825</v>
      </c>
      <c r="KU41" s="345">
        <v>2509298</v>
      </c>
      <c r="KV41" s="345">
        <v>1217370</v>
      </c>
      <c r="KW41" s="349">
        <v>13883821</v>
      </c>
      <c r="KX41" s="347">
        <v>13883821</v>
      </c>
      <c r="KY41" s="348">
        <v>0</v>
      </c>
      <c r="KZ41" s="345">
        <v>0</v>
      </c>
      <c r="LA41" s="349">
        <v>0</v>
      </c>
      <c r="LB41" s="413">
        <v>0</v>
      </c>
      <c r="LC41" s="345">
        <v>0</v>
      </c>
      <c r="LD41" s="345">
        <v>0</v>
      </c>
      <c r="LE41" s="345">
        <v>0</v>
      </c>
      <c r="LF41" s="345">
        <v>0</v>
      </c>
      <c r="LG41" s="345">
        <v>0</v>
      </c>
      <c r="LH41" s="349">
        <v>0</v>
      </c>
      <c r="LI41" s="350">
        <v>0</v>
      </c>
      <c r="LJ41" s="348">
        <v>0</v>
      </c>
      <c r="LK41" s="345">
        <v>0</v>
      </c>
      <c r="LL41" s="349">
        <v>0</v>
      </c>
      <c r="LM41" s="413">
        <v>0</v>
      </c>
      <c r="LN41" s="345">
        <v>0</v>
      </c>
      <c r="LO41" s="345">
        <v>0</v>
      </c>
      <c r="LP41" s="345">
        <v>0</v>
      </c>
      <c r="LQ41" s="345">
        <v>0</v>
      </c>
      <c r="LR41" s="345">
        <v>0</v>
      </c>
      <c r="LS41" s="349">
        <v>0</v>
      </c>
      <c r="LT41" s="347">
        <v>0</v>
      </c>
      <c r="LU41" s="348">
        <v>0</v>
      </c>
      <c r="LV41" s="345">
        <v>0</v>
      </c>
      <c r="LW41" s="349">
        <v>0</v>
      </c>
      <c r="LX41" s="413">
        <v>0</v>
      </c>
      <c r="LY41" s="345">
        <v>0</v>
      </c>
      <c r="LZ41" s="345">
        <v>0</v>
      </c>
      <c r="MA41" s="345">
        <v>0</v>
      </c>
      <c r="MB41" s="345">
        <v>0</v>
      </c>
      <c r="MC41" s="345">
        <v>0</v>
      </c>
      <c r="MD41" s="349">
        <v>0</v>
      </c>
      <c r="ME41" s="350">
        <v>0</v>
      </c>
      <c r="MF41" s="348">
        <v>0</v>
      </c>
      <c r="MG41" s="345">
        <v>0</v>
      </c>
      <c r="MH41" s="349">
        <v>0</v>
      </c>
      <c r="MI41" s="413">
        <v>0</v>
      </c>
      <c r="MJ41" s="345">
        <v>3990567</v>
      </c>
      <c r="MK41" s="345">
        <v>6148285</v>
      </c>
      <c r="ML41" s="345">
        <v>28773426</v>
      </c>
      <c r="MM41" s="345">
        <v>42249616</v>
      </c>
      <c r="MN41" s="345">
        <v>25560740</v>
      </c>
      <c r="MO41" s="349">
        <v>106722634</v>
      </c>
      <c r="MP41" s="354">
        <v>106722634</v>
      </c>
      <c r="MQ41" s="348">
        <v>0</v>
      </c>
      <c r="MR41" s="345">
        <v>0</v>
      </c>
      <c r="MS41" s="349">
        <v>0</v>
      </c>
      <c r="MT41" s="413">
        <v>0</v>
      </c>
      <c r="MU41" s="345">
        <v>0</v>
      </c>
      <c r="MV41" s="345">
        <v>1398497</v>
      </c>
      <c r="MW41" s="345">
        <v>18538981</v>
      </c>
      <c r="MX41" s="345">
        <v>24856097</v>
      </c>
      <c r="MY41" s="345">
        <v>18394106</v>
      </c>
      <c r="MZ41" s="349">
        <v>63187681</v>
      </c>
      <c r="NA41" s="354">
        <v>63187681</v>
      </c>
      <c r="NB41" s="348">
        <v>0</v>
      </c>
      <c r="NC41" s="345">
        <v>0</v>
      </c>
      <c r="ND41" s="349">
        <v>0</v>
      </c>
      <c r="NE41" s="413">
        <v>0</v>
      </c>
      <c r="NF41" s="345">
        <v>3990567</v>
      </c>
      <c r="NG41" s="345">
        <v>4749788</v>
      </c>
      <c r="NH41" s="345">
        <v>10234445</v>
      </c>
      <c r="NI41" s="345">
        <v>15480280</v>
      </c>
      <c r="NJ41" s="345">
        <v>5133987</v>
      </c>
      <c r="NK41" s="349">
        <v>39589067</v>
      </c>
      <c r="NL41" s="347">
        <v>39589067</v>
      </c>
      <c r="NM41" s="348">
        <v>0</v>
      </c>
      <c r="NN41" s="345">
        <v>0</v>
      </c>
      <c r="NO41" s="349">
        <v>0</v>
      </c>
      <c r="NP41" s="413">
        <v>0</v>
      </c>
      <c r="NQ41" s="345">
        <v>0</v>
      </c>
      <c r="NR41" s="345">
        <v>0</v>
      </c>
      <c r="NS41" s="345">
        <v>0</v>
      </c>
      <c r="NT41" s="345">
        <v>0</v>
      </c>
      <c r="NU41" s="345">
        <v>0</v>
      </c>
      <c r="NV41" s="349">
        <v>0</v>
      </c>
      <c r="NW41" s="350">
        <v>0</v>
      </c>
      <c r="NX41" s="348">
        <v>0</v>
      </c>
      <c r="NY41" s="345">
        <v>0</v>
      </c>
      <c r="NZ41" s="349">
        <v>0</v>
      </c>
      <c r="OA41" s="413">
        <v>0</v>
      </c>
      <c r="OB41" s="345">
        <v>0</v>
      </c>
      <c r="OC41" s="345">
        <v>0</v>
      </c>
      <c r="OD41" s="345">
        <v>0</v>
      </c>
      <c r="OE41" s="345">
        <v>1913239</v>
      </c>
      <c r="OF41" s="345">
        <v>2032647</v>
      </c>
      <c r="OG41" s="349">
        <v>3945886</v>
      </c>
      <c r="OH41" s="350">
        <v>3945886</v>
      </c>
      <c r="OI41" s="348">
        <v>1343003</v>
      </c>
      <c r="OJ41" s="345">
        <v>3419749</v>
      </c>
      <c r="OK41" s="346">
        <v>4762752</v>
      </c>
      <c r="OL41" s="351">
        <v>0</v>
      </c>
      <c r="OM41" s="345">
        <v>32131490</v>
      </c>
      <c r="ON41" s="345">
        <v>53009034</v>
      </c>
      <c r="OO41" s="345">
        <v>63032888</v>
      </c>
      <c r="OP41" s="345">
        <v>66135856</v>
      </c>
      <c r="OQ41" s="345">
        <v>48804156</v>
      </c>
      <c r="OR41" s="349">
        <v>263113424</v>
      </c>
      <c r="OS41" s="354">
        <v>267876176</v>
      </c>
    </row>
    <row r="42" spans="2:409" s="70" customFormat="1" ht="21" customHeight="1" thickBot="1" x14ac:dyDescent="0.25">
      <c r="B42" s="411" t="s">
        <v>37</v>
      </c>
      <c r="C42" s="371">
        <v>200140</v>
      </c>
      <c r="D42" s="372">
        <v>99293</v>
      </c>
      <c r="E42" s="373">
        <v>299433</v>
      </c>
      <c r="F42" s="374">
        <v>0</v>
      </c>
      <c r="G42" s="372">
        <v>1626148</v>
      </c>
      <c r="H42" s="372">
        <v>2554156</v>
      </c>
      <c r="I42" s="372">
        <v>2626506</v>
      </c>
      <c r="J42" s="372">
        <v>843775</v>
      </c>
      <c r="K42" s="372">
        <v>1127185</v>
      </c>
      <c r="L42" s="374">
        <v>8777770</v>
      </c>
      <c r="M42" s="375">
        <v>9077203</v>
      </c>
      <c r="N42" s="371">
        <v>64127</v>
      </c>
      <c r="O42" s="372">
        <v>17371</v>
      </c>
      <c r="P42" s="373">
        <v>81498</v>
      </c>
      <c r="Q42" s="371">
        <v>0</v>
      </c>
      <c r="R42" s="372">
        <v>457830</v>
      </c>
      <c r="S42" s="372">
        <v>441464</v>
      </c>
      <c r="T42" s="372">
        <v>737769</v>
      </c>
      <c r="U42" s="372">
        <v>270295</v>
      </c>
      <c r="V42" s="372">
        <v>677001</v>
      </c>
      <c r="W42" s="373">
        <v>2584359</v>
      </c>
      <c r="X42" s="375">
        <v>2665857</v>
      </c>
      <c r="Y42" s="371">
        <v>0</v>
      </c>
      <c r="Z42" s="372">
        <v>0</v>
      </c>
      <c r="AA42" s="373">
        <v>0</v>
      </c>
      <c r="AB42" s="371">
        <v>0</v>
      </c>
      <c r="AC42" s="372">
        <v>166492</v>
      </c>
      <c r="AD42" s="372">
        <v>211799</v>
      </c>
      <c r="AE42" s="372">
        <v>458220</v>
      </c>
      <c r="AF42" s="372">
        <v>6633</v>
      </c>
      <c r="AG42" s="372">
        <v>350746</v>
      </c>
      <c r="AH42" s="373">
        <v>1193890</v>
      </c>
      <c r="AI42" s="375">
        <v>1193890</v>
      </c>
      <c r="AJ42" s="371">
        <v>0</v>
      </c>
      <c r="AK42" s="372">
        <v>0</v>
      </c>
      <c r="AL42" s="373">
        <v>0</v>
      </c>
      <c r="AM42" s="371">
        <v>0</v>
      </c>
      <c r="AN42" s="372">
        <v>0</v>
      </c>
      <c r="AO42" s="372">
        <v>0</v>
      </c>
      <c r="AP42" s="372">
        <v>0</v>
      </c>
      <c r="AQ42" s="372">
        <v>0</v>
      </c>
      <c r="AR42" s="372">
        <v>0</v>
      </c>
      <c r="AS42" s="373">
        <v>0</v>
      </c>
      <c r="AT42" s="375">
        <v>0</v>
      </c>
      <c r="AU42" s="371">
        <v>54317</v>
      </c>
      <c r="AV42" s="372">
        <v>17371</v>
      </c>
      <c r="AW42" s="373">
        <v>71688</v>
      </c>
      <c r="AX42" s="371">
        <v>0</v>
      </c>
      <c r="AY42" s="372">
        <v>187417</v>
      </c>
      <c r="AZ42" s="372">
        <v>174223</v>
      </c>
      <c r="BA42" s="372">
        <v>188055</v>
      </c>
      <c r="BB42" s="372">
        <v>104848</v>
      </c>
      <c r="BC42" s="372">
        <v>201676</v>
      </c>
      <c r="BD42" s="373">
        <v>856219</v>
      </c>
      <c r="BE42" s="375">
        <v>927907</v>
      </c>
      <c r="BF42" s="371">
        <v>0</v>
      </c>
      <c r="BG42" s="372">
        <v>0</v>
      </c>
      <c r="BH42" s="376">
        <v>0</v>
      </c>
      <c r="BI42" s="377">
        <v>0</v>
      </c>
      <c r="BJ42" s="372">
        <v>27223</v>
      </c>
      <c r="BK42" s="372">
        <v>18362</v>
      </c>
      <c r="BL42" s="372">
        <v>0</v>
      </c>
      <c r="BM42" s="372">
        <v>0</v>
      </c>
      <c r="BN42" s="372">
        <v>33509</v>
      </c>
      <c r="BO42" s="373">
        <v>79094</v>
      </c>
      <c r="BP42" s="375">
        <v>79094</v>
      </c>
      <c r="BQ42" s="371">
        <v>9810</v>
      </c>
      <c r="BR42" s="372">
        <v>0</v>
      </c>
      <c r="BS42" s="373">
        <v>9810</v>
      </c>
      <c r="BT42" s="371">
        <v>0</v>
      </c>
      <c r="BU42" s="372">
        <v>76698</v>
      </c>
      <c r="BV42" s="372">
        <v>37080</v>
      </c>
      <c r="BW42" s="372">
        <v>91494</v>
      </c>
      <c r="BX42" s="372">
        <v>158814</v>
      </c>
      <c r="BY42" s="372">
        <v>91070</v>
      </c>
      <c r="BZ42" s="373">
        <v>455156</v>
      </c>
      <c r="CA42" s="375">
        <v>464966</v>
      </c>
      <c r="CB42" s="371">
        <v>24620</v>
      </c>
      <c r="CC42" s="372">
        <v>47038</v>
      </c>
      <c r="CD42" s="373">
        <v>71658</v>
      </c>
      <c r="CE42" s="371">
        <v>0</v>
      </c>
      <c r="CF42" s="372">
        <v>644520</v>
      </c>
      <c r="CG42" s="372">
        <v>1034684</v>
      </c>
      <c r="CH42" s="372">
        <v>774777</v>
      </c>
      <c r="CI42" s="372">
        <v>230714</v>
      </c>
      <c r="CJ42" s="372">
        <v>174516</v>
      </c>
      <c r="CK42" s="373">
        <v>2859211</v>
      </c>
      <c r="CL42" s="375">
        <v>2930869</v>
      </c>
      <c r="CM42" s="371">
        <v>0</v>
      </c>
      <c r="CN42" s="372">
        <v>0</v>
      </c>
      <c r="CO42" s="373">
        <v>0</v>
      </c>
      <c r="CP42" s="377">
        <v>0</v>
      </c>
      <c r="CQ42" s="372">
        <v>321243</v>
      </c>
      <c r="CR42" s="372">
        <v>571632</v>
      </c>
      <c r="CS42" s="372">
        <v>659716</v>
      </c>
      <c r="CT42" s="372">
        <v>62882</v>
      </c>
      <c r="CU42" s="372">
        <v>61305</v>
      </c>
      <c r="CV42" s="373">
        <v>1676778</v>
      </c>
      <c r="CW42" s="375">
        <v>1676778</v>
      </c>
      <c r="CX42" s="371">
        <v>24620</v>
      </c>
      <c r="CY42" s="372">
        <v>47038</v>
      </c>
      <c r="CZ42" s="373">
        <v>71658</v>
      </c>
      <c r="DA42" s="371">
        <v>0</v>
      </c>
      <c r="DB42" s="372">
        <v>323277</v>
      </c>
      <c r="DC42" s="372">
        <v>463052</v>
      </c>
      <c r="DD42" s="372">
        <v>115061</v>
      </c>
      <c r="DE42" s="372">
        <v>167832</v>
      </c>
      <c r="DF42" s="372">
        <v>113211</v>
      </c>
      <c r="DG42" s="373">
        <v>1182433</v>
      </c>
      <c r="DH42" s="375">
        <v>1254091</v>
      </c>
      <c r="DI42" s="371">
        <v>0</v>
      </c>
      <c r="DJ42" s="372">
        <v>0</v>
      </c>
      <c r="DK42" s="376">
        <v>0</v>
      </c>
      <c r="DL42" s="377">
        <v>0</v>
      </c>
      <c r="DM42" s="372">
        <v>0</v>
      </c>
      <c r="DN42" s="372">
        <v>92313</v>
      </c>
      <c r="DO42" s="372">
        <v>351562</v>
      </c>
      <c r="DP42" s="372">
        <v>51093</v>
      </c>
      <c r="DQ42" s="372">
        <v>102488</v>
      </c>
      <c r="DR42" s="373">
        <v>597456</v>
      </c>
      <c r="DS42" s="375">
        <v>597456</v>
      </c>
      <c r="DT42" s="371">
        <v>0</v>
      </c>
      <c r="DU42" s="372">
        <v>0</v>
      </c>
      <c r="DV42" s="373">
        <v>0</v>
      </c>
      <c r="DW42" s="371">
        <v>0</v>
      </c>
      <c r="DX42" s="372">
        <v>0</v>
      </c>
      <c r="DY42" s="372">
        <v>92313</v>
      </c>
      <c r="DZ42" s="372">
        <v>351562</v>
      </c>
      <c r="EA42" s="372">
        <v>51093</v>
      </c>
      <c r="EB42" s="372">
        <v>0</v>
      </c>
      <c r="EC42" s="373">
        <v>494968</v>
      </c>
      <c r="ED42" s="375">
        <v>494968</v>
      </c>
      <c r="EE42" s="371">
        <v>0</v>
      </c>
      <c r="EF42" s="376">
        <v>0</v>
      </c>
      <c r="EG42" s="373">
        <v>0</v>
      </c>
      <c r="EH42" s="371">
        <v>0</v>
      </c>
      <c r="EI42" s="372">
        <v>0</v>
      </c>
      <c r="EJ42" s="372">
        <v>0</v>
      </c>
      <c r="EK42" s="372">
        <v>0</v>
      </c>
      <c r="EL42" s="372">
        <v>0</v>
      </c>
      <c r="EM42" s="372">
        <v>102488</v>
      </c>
      <c r="EN42" s="376">
        <v>102488</v>
      </c>
      <c r="EO42" s="375">
        <v>102488</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61200</v>
      </c>
      <c r="FM42" s="372">
        <v>16632</v>
      </c>
      <c r="FN42" s="373">
        <v>77832</v>
      </c>
      <c r="FO42" s="371">
        <v>0</v>
      </c>
      <c r="FP42" s="372">
        <v>138972</v>
      </c>
      <c r="FQ42" s="372">
        <v>556683</v>
      </c>
      <c r="FR42" s="372">
        <v>346716</v>
      </c>
      <c r="FS42" s="372">
        <v>144396</v>
      </c>
      <c r="FT42" s="372">
        <v>96650</v>
      </c>
      <c r="FU42" s="373">
        <v>1283417</v>
      </c>
      <c r="FV42" s="375">
        <v>1361249</v>
      </c>
      <c r="FW42" s="378">
        <v>61200</v>
      </c>
      <c r="FX42" s="372">
        <v>16632</v>
      </c>
      <c r="FY42" s="376">
        <v>77832</v>
      </c>
      <c r="FZ42" s="377">
        <v>0</v>
      </c>
      <c r="GA42" s="372">
        <v>138972</v>
      </c>
      <c r="GB42" s="372">
        <v>443083</v>
      </c>
      <c r="GC42" s="372">
        <v>233316</v>
      </c>
      <c r="GD42" s="372">
        <v>104490</v>
      </c>
      <c r="GE42" s="372">
        <v>96650</v>
      </c>
      <c r="GF42" s="373">
        <v>1016511</v>
      </c>
      <c r="GG42" s="379">
        <v>1094343</v>
      </c>
      <c r="GH42" s="378">
        <v>0</v>
      </c>
      <c r="GI42" s="372">
        <v>0</v>
      </c>
      <c r="GJ42" s="376">
        <v>0</v>
      </c>
      <c r="GK42" s="377">
        <v>0</v>
      </c>
      <c r="GL42" s="372">
        <v>0</v>
      </c>
      <c r="GM42" s="372">
        <v>0</v>
      </c>
      <c r="GN42" s="372">
        <v>0</v>
      </c>
      <c r="GO42" s="372">
        <v>39906</v>
      </c>
      <c r="GP42" s="372">
        <v>0</v>
      </c>
      <c r="GQ42" s="373">
        <v>39906</v>
      </c>
      <c r="GR42" s="375">
        <v>39906</v>
      </c>
      <c r="GS42" s="371">
        <v>0</v>
      </c>
      <c r="GT42" s="372">
        <v>0</v>
      </c>
      <c r="GU42" s="373">
        <v>0</v>
      </c>
      <c r="GV42" s="371">
        <v>0</v>
      </c>
      <c r="GW42" s="372">
        <v>0</v>
      </c>
      <c r="GX42" s="372">
        <v>113600</v>
      </c>
      <c r="GY42" s="372">
        <v>113400</v>
      </c>
      <c r="GZ42" s="372">
        <v>0</v>
      </c>
      <c r="HA42" s="372">
        <v>0</v>
      </c>
      <c r="HB42" s="376">
        <v>227000</v>
      </c>
      <c r="HC42" s="375">
        <v>227000</v>
      </c>
      <c r="HD42" s="371">
        <v>0</v>
      </c>
      <c r="HE42" s="372">
        <v>0</v>
      </c>
      <c r="HF42" s="376">
        <v>0</v>
      </c>
      <c r="HG42" s="377">
        <v>0</v>
      </c>
      <c r="HH42" s="372">
        <v>0</v>
      </c>
      <c r="HI42" s="372">
        <v>0</v>
      </c>
      <c r="HJ42" s="372">
        <v>0</v>
      </c>
      <c r="HK42" s="372">
        <v>0</v>
      </c>
      <c r="HL42" s="372">
        <v>0</v>
      </c>
      <c r="HM42" s="373">
        <v>0</v>
      </c>
      <c r="HN42" s="374">
        <v>0</v>
      </c>
      <c r="HO42" s="378">
        <v>50193</v>
      </c>
      <c r="HP42" s="372">
        <v>18252</v>
      </c>
      <c r="HQ42" s="373">
        <v>68445</v>
      </c>
      <c r="HR42" s="371">
        <v>0</v>
      </c>
      <c r="HS42" s="372">
        <v>384826</v>
      </c>
      <c r="HT42" s="372">
        <v>429012</v>
      </c>
      <c r="HU42" s="372">
        <v>415682</v>
      </c>
      <c r="HV42" s="372">
        <v>147277</v>
      </c>
      <c r="HW42" s="372">
        <v>76530</v>
      </c>
      <c r="HX42" s="376">
        <v>1453327</v>
      </c>
      <c r="HY42" s="375">
        <v>1521772</v>
      </c>
      <c r="HZ42" s="380">
        <v>0</v>
      </c>
      <c r="IA42" s="381">
        <v>0</v>
      </c>
      <c r="IB42" s="382">
        <v>0</v>
      </c>
      <c r="IC42" s="383">
        <v>0</v>
      </c>
      <c r="ID42" s="384">
        <v>1648695</v>
      </c>
      <c r="IE42" s="385">
        <v>1098393</v>
      </c>
      <c r="IF42" s="386">
        <v>1137849</v>
      </c>
      <c r="IG42" s="384">
        <v>2090011</v>
      </c>
      <c r="IH42" s="386">
        <v>870454</v>
      </c>
      <c r="II42" s="387">
        <v>6845402</v>
      </c>
      <c r="IJ42" s="388">
        <v>6845402</v>
      </c>
      <c r="IK42" s="389">
        <v>0</v>
      </c>
      <c r="IL42" s="390">
        <v>0</v>
      </c>
      <c r="IM42" s="391">
        <v>0</v>
      </c>
      <c r="IN42" s="405">
        <v>0</v>
      </c>
      <c r="IO42" s="392">
        <v>0</v>
      </c>
      <c r="IP42" s="392">
        <v>0</v>
      </c>
      <c r="IQ42" s="392">
        <v>0</v>
      </c>
      <c r="IR42" s="392">
        <v>218687</v>
      </c>
      <c r="IS42" s="392">
        <v>0</v>
      </c>
      <c r="IT42" s="393">
        <v>218687</v>
      </c>
      <c r="IU42" s="394">
        <v>218687</v>
      </c>
      <c r="IV42" s="395">
        <v>0</v>
      </c>
      <c r="IW42" s="392">
        <v>0</v>
      </c>
      <c r="IX42" s="396">
        <v>0</v>
      </c>
      <c r="IY42" s="414">
        <v>0</v>
      </c>
      <c r="IZ42" s="392">
        <v>0</v>
      </c>
      <c r="JA42" s="392">
        <v>0</v>
      </c>
      <c r="JB42" s="392">
        <v>0</v>
      </c>
      <c r="JC42" s="392">
        <v>0</v>
      </c>
      <c r="JD42" s="392">
        <v>0</v>
      </c>
      <c r="JE42" s="396">
        <v>0</v>
      </c>
      <c r="JF42" s="397">
        <v>0</v>
      </c>
      <c r="JG42" s="395">
        <v>0</v>
      </c>
      <c r="JH42" s="392">
        <v>0</v>
      </c>
      <c r="JI42" s="393">
        <v>0</v>
      </c>
      <c r="JJ42" s="398">
        <v>0</v>
      </c>
      <c r="JK42" s="392">
        <v>838781</v>
      </c>
      <c r="JL42" s="392">
        <v>817259</v>
      </c>
      <c r="JM42" s="392">
        <v>828017</v>
      </c>
      <c r="JN42" s="392">
        <v>159062</v>
      </c>
      <c r="JO42" s="392">
        <v>288590</v>
      </c>
      <c r="JP42" s="396">
        <v>2931709</v>
      </c>
      <c r="JQ42" s="394">
        <v>2931709</v>
      </c>
      <c r="JR42" s="395">
        <v>0</v>
      </c>
      <c r="JS42" s="392">
        <v>0</v>
      </c>
      <c r="JT42" s="393">
        <v>0</v>
      </c>
      <c r="JU42" s="398">
        <v>0</v>
      </c>
      <c r="JV42" s="392">
        <v>30205</v>
      </c>
      <c r="JW42" s="392">
        <v>0</v>
      </c>
      <c r="JX42" s="392">
        <v>0</v>
      </c>
      <c r="JY42" s="392">
        <v>0</v>
      </c>
      <c r="JZ42" s="392">
        <v>0</v>
      </c>
      <c r="KA42" s="396">
        <v>30205</v>
      </c>
      <c r="KB42" s="394">
        <v>30205</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14">
        <v>0</v>
      </c>
      <c r="KR42" s="392">
        <v>779709</v>
      </c>
      <c r="KS42" s="392">
        <v>281134</v>
      </c>
      <c r="KT42" s="392">
        <v>309832</v>
      </c>
      <c r="KU42" s="392">
        <v>1712262</v>
      </c>
      <c r="KV42" s="392">
        <v>581864</v>
      </c>
      <c r="KW42" s="396">
        <v>3664801</v>
      </c>
      <c r="KX42" s="394">
        <v>3664801</v>
      </c>
      <c r="KY42" s="395">
        <v>0</v>
      </c>
      <c r="KZ42" s="392">
        <v>0</v>
      </c>
      <c r="LA42" s="396">
        <v>0</v>
      </c>
      <c r="LB42" s="414">
        <v>0</v>
      </c>
      <c r="LC42" s="392">
        <v>0</v>
      </c>
      <c r="LD42" s="392">
        <v>0</v>
      </c>
      <c r="LE42" s="392">
        <v>0</v>
      </c>
      <c r="LF42" s="392">
        <v>0</v>
      </c>
      <c r="LG42" s="392">
        <v>0</v>
      </c>
      <c r="LH42" s="396">
        <v>0</v>
      </c>
      <c r="LI42" s="397">
        <v>0</v>
      </c>
      <c r="LJ42" s="395">
        <v>0</v>
      </c>
      <c r="LK42" s="392">
        <v>0</v>
      </c>
      <c r="LL42" s="396">
        <v>0</v>
      </c>
      <c r="LM42" s="414">
        <v>0</v>
      </c>
      <c r="LN42" s="392">
        <v>0</v>
      </c>
      <c r="LO42" s="392">
        <v>0</v>
      </c>
      <c r="LP42" s="392">
        <v>0</v>
      </c>
      <c r="LQ42" s="392">
        <v>0</v>
      </c>
      <c r="LR42" s="392">
        <v>0</v>
      </c>
      <c r="LS42" s="396">
        <v>0</v>
      </c>
      <c r="LT42" s="394">
        <v>0</v>
      </c>
      <c r="LU42" s="395">
        <v>0</v>
      </c>
      <c r="LV42" s="392">
        <v>0</v>
      </c>
      <c r="LW42" s="396">
        <v>0</v>
      </c>
      <c r="LX42" s="414">
        <v>0</v>
      </c>
      <c r="LY42" s="392">
        <v>0</v>
      </c>
      <c r="LZ42" s="392">
        <v>0</v>
      </c>
      <c r="MA42" s="392">
        <v>0</v>
      </c>
      <c r="MB42" s="392">
        <v>0</v>
      </c>
      <c r="MC42" s="392">
        <v>0</v>
      </c>
      <c r="MD42" s="396">
        <v>0</v>
      </c>
      <c r="ME42" s="397">
        <v>0</v>
      </c>
      <c r="MF42" s="395">
        <v>0</v>
      </c>
      <c r="MG42" s="392">
        <v>0</v>
      </c>
      <c r="MH42" s="396">
        <v>0</v>
      </c>
      <c r="MI42" s="414">
        <v>0</v>
      </c>
      <c r="MJ42" s="392">
        <v>249853</v>
      </c>
      <c r="MK42" s="392">
        <v>535425</v>
      </c>
      <c r="ML42" s="392">
        <v>3244339</v>
      </c>
      <c r="MM42" s="392">
        <v>3369953</v>
      </c>
      <c r="MN42" s="392">
        <v>4070672</v>
      </c>
      <c r="MO42" s="396">
        <v>11470242</v>
      </c>
      <c r="MP42" s="401">
        <v>11470242</v>
      </c>
      <c r="MQ42" s="395">
        <v>0</v>
      </c>
      <c r="MR42" s="392">
        <v>0</v>
      </c>
      <c r="MS42" s="396">
        <v>0</v>
      </c>
      <c r="MT42" s="414">
        <v>0</v>
      </c>
      <c r="MU42" s="392">
        <v>0</v>
      </c>
      <c r="MV42" s="392">
        <v>0</v>
      </c>
      <c r="MW42" s="392">
        <v>1638771</v>
      </c>
      <c r="MX42" s="392">
        <v>2442234</v>
      </c>
      <c r="MY42" s="392">
        <v>1945848</v>
      </c>
      <c r="MZ42" s="396">
        <v>6026853</v>
      </c>
      <c r="NA42" s="401">
        <v>6026853</v>
      </c>
      <c r="NB42" s="395">
        <v>0</v>
      </c>
      <c r="NC42" s="392">
        <v>0</v>
      </c>
      <c r="ND42" s="396">
        <v>0</v>
      </c>
      <c r="NE42" s="414">
        <v>0</v>
      </c>
      <c r="NF42" s="392">
        <v>249853</v>
      </c>
      <c r="NG42" s="392">
        <v>535425</v>
      </c>
      <c r="NH42" s="392">
        <v>1605568</v>
      </c>
      <c r="NI42" s="392">
        <v>927719</v>
      </c>
      <c r="NJ42" s="392">
        <v>1717843</v>
      </c>
      <c r="NK42" s="396">
        <v>5036408</v>
      </c>
      <c r="NL42" s="394">
        <v>5036408</v>
      </c>
      <c r="NM42" s="395">
        <v>0</v>
      </c>
      <c r="NN42" s="392">
        <v>0</v>
      </c>
      <c r="NO42" s="396">
        <v>0</v>
      </c>
      <c r="NP42" s="414">
        <v>0</v>
      </c>
      <c r="NQ42" s="392">
        <v>0</v>
      </c>
      <c r="NR42" s="392">
        <v>0</v>
      </c>
      <c r="NS42" s="392">
        <v>0</v>
      </c>
      <c r="NT42" s="392">
        <v>0</v>
      </c>
      <c r="NU42" s="392">
        <v>0</v>
      </c>
      <c r="NV42" s="396">
        <v>0</v>
      </c>
      <c r="NW42" s="397">
        <v>0</v>
      </c>
      <c r="NX42" s="395">
        <v>0</v>
      </c>
      <c r="NY42" s="392">
        <v>0</v>
      </c>
      <c r="NZ42" s="396">
        <v>0</v>
      </c>
      <c r="OA42" s="414">
        <v>0</v>
      </c>
      <c r="OB42" s="392">
        <v>0</v>
      </c>
      <c r="OC42" s="392">
        <v>0</v>
      </c>
      <c r="OD42" s="392">
        <v>0</v>
      </c>
      <c r="OE42" s="392">
        <v>0</v>
      </c>
      <c r="OF42" s="392">
        <v>406981</v>
      </c>
      <c r="OG42" s="396">
        <v>406981</v>
      </c>
      <c r="OH42" s="397">
        <v>406981</v>
      </c>
      <c r="OI42" s="395">
        <v>200140</v>
      </c>
      <c r="OJ42" s="392">
        <v>99293</v>
      </c>
      <c r="OK42" s="393">
        <v>299433</v>
      </c>
      <c r="OL42" s="398">
        <v>0</v>
      </c>
      <c r="OM42" s="392">
        <v>3524696</v>
      </c>
      <c r="ON42" s="392">
        <v>4187974</v>
      </c>
      <c r="OO42" s="392">
        <v>7008694</v>
      </c>
      <c r="OP42" s="392">
        <v>6303739</v>
      </c>
      <c r="OQ42" s="392">
        <v>6068311</v>
      </c>
      <c r="OR42" s="396">
        <v>27093414</v>
      </c>
      <c r="OS42" s="401">
        <v>27392847</v>
      </c>
    </row>
    <row r="43" spans="2:409" x14ac:dyDescent="0.2">
      <c r="B43" s="7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218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10"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1:409" ht="24" customHeight="1" x14ac:dyDescent="0.2">
      <c r="B1" s="10" t="s">
        <v>133</v>
      </c>
      <c r="E1" s="63">
        <f>第１表!F2</f>
        <v>6</v>
      </c>
      <c r="F1" s="16">
        <f>第１表!G2</f>
        <v>11</v>
      </c>
      <c r="G1" s="531">
        <f>IF(F1&lt;3,F1-2+12,F1-2)</f>
        <v>9</v>
      </c>
      <c r="H1" s="531"/>
      <c r="IB1" s="42"/>
      <c r="IC1" s="22"/>
      <c r="ID1" s="542"/>
      <c r="IE1" s="542"/>
    </row>
    <row r="2" spans="1:409" ht="24" customHeight="1" x14ac:dyDescent="0.2">
      <c r="B2" s="10" t="s">
        <v>144</v>
      </c>
      <c r="E2" s="19"/>
      <c r="F2" s="20"/>
      <c r="G2" s="248"/>
      <c r="H2" s="248"/>
      <c r="IB2" s="21"/>
      <c r="IC2" s="22"/>
      <c r="ID2" s="248"/>
      <c r="IE2" s="248"/>
    </row>
    <row r="3" spans="1:409" ht="24" customHeight="1" thickBot="1" x14ac:dyDescent="0.25">
      <c r="B3" s="10" t="s">
        <v>134</v>
      </c>
    </row>
    <row r="4" spans="1:409" ht="21" customHeight="1" thickBot="1" x14ac:dyDescent="0.25">
      <c r="B4" s="547" t="s">
        <v>42</v>
      </c>
      <c r="C4" s="550" t="s">
        <v>63</v>
      </c>
      <c r="D4" s="550"/>
      <c r="E4" s="550"/>
      <c r="F4" s="550"/>
      <c r="G4" s="550"/>
      <c r="H4" s="550"/>
      <c r="I4" s="550"/>
      <c r="J4" s="550"/>
      <c r="K4" s="550"/>
      <c r="L4" s="550"/>
      <c r="M4" s="550"/>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8"/>
      <c r="CB4" s="508"/>
      <c r="CC4" s="508"/>
      <c r="CD4" s="508"/>
      <c r="CE4" s="508"/>
      <c r="CF4" s="508"/>
      <c r="CG4" s="508"/>
      <c r="CH4" s="508"/>
      <c r="CI4" s="508"/>
      <c r="CJ4" s="508"/>
      <c r="CK4" s="508"/>
      <c r="CL4" s="508"/>
      <c r="CM4" s="508"/>
      <c r="CN4" s="508"/>
      <c r="CO4" s="508"/>
      <c r="CP4" s="508"/>
      <c r="CQ4" s="508"/>
      <c r="CR4" s="508"/>
      <c r="CS4" s="508"/>
      <c r="CT4" s="508"/>
      <c r="CU4" s="508"/>
      <c r="CV4" s="508"/>
      <c r="CW4" s="508"/>
      <c r="CX4" s="508"/>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8"/>
      <c r="FW4" s="508"/>
      <c r="FX4" s="508"/>
      <c r="FY4" s="508"/>
      <c r="FZ4" s="508"/>
      <c r="GA4" s="508"/>
      <c r="GB4" s="508"/>
      <c r="GC4" s="508"/>
      <c r="GD4" s="508"/>
      <c r="GE4" s="508"/>
      <c r="GF4" s="508"/>
      <c r="GG4" s="508"/>
      <c r="GH4" s="508"/>
      <c r="GI4" s="508"/>
      <c r="GJ4" s="508"/>
      <c r="GK4" s="508"/>
      <c r="GL4" s="508"/>
      <c r="GM4" s="508"/>
      <c r="GN4" s="508"/>
      <c r="GO4" s="508"/>
      <c r="GP4" s="508"/>
      <c r="GQ4" s="508"/>
      <c r="GR4" s="508"/>
      <c r="GS4" s="508"/>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9"/>
      <c r="HZ4" s="439" t="s">
        <v>85</v>
      </c>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0"/>
      <c r="JR4" s="440"/>
      <c r="JS4" s="440"/>
      <c r="JT4" s="440"/>
      <c r="JU4" s="440"/>
      <c r="JV4" s="440"/>
      <c r="JW4" s="440"/>
      <c r="JX4" s="440"/>
      <c r="JY4" s="440"/>
      <c r="JZ4" s="440"/>
      <c r="KA4" s="440"/>
      <c r="KB4" s="440"/>
      <c r="KC4" s="440"/>
      <c r="KD4" s="440"/>
      <c r="KE4" s="440"/>
      <c r="KF4" s="440"/>
      <c r="KG4" s="440"/>
      <c r="KH4" s="440"/>
      <c r="KI4" s="440"/>
      <c r="KJ4" s="440"/>
      <c r="KK4" s="440"/>
      <c r="KL4" s="440"/>
      <c r="KM4" s="440"/>
      <c r="KN4" s="440"/>
      <c r="KO4" s="440"/>
      <c r="KP4" s="440"/>
      <c r="KQ4" s="440"/>
      <c r="KR4" s="440"/>
      <c r="KS4" s="440"/>
      <c r="KT4" s="440"/>
      <c r="KU4" s="440"/>
      <c r="KV4" s="440"/>
      <c r="KW4" s="440"/>
      <c r="KX4" s="440"/>
      <c r="KY4" s="440"/>
      <c r="KZ4" s="440"/>
      <c r="LA4" s="440"/>
      <c r="LB4" s="440"/>
      <c r="LC4" s="440"/>
      <c r="LD4" s="440"/>
      <c r="LE4" s="440"/>
      <c r="LF4" s="440"/>
      <c r="LG4" s="440"/>
      <c r="LH4" s="440"/>
      <c r="LI4" s="440"/>
      <c r="LJ4" s="440"/>
      <c r="LK4" s="440"/>
      <c r="LL4" s="440"/>
      <c r="LM4" s="440"/>
      <c r="LN4" s="440"/>
      <c r="LO4" s="440"/>
      <c r="LP4" s="440"/>
      <c r="LQ4" s="440"/>
      <c r="LR4" s="440"/>
      <c r="LS4" s="440"/>
      <c r="LT4" s="440"/>
      <c r="LU4" s="440"/>
      <c r="LV4" s="440"/>
      <c r="LW4" s="440"/>
      <c r="LX4" s="440"/>
      <c r="LY4" s="440"/>
      <c r="LZ4" s="440"/>
      <c r="MA4" s="440"/>
      <c r="MB4" s="440"/>
      <c r="MC4" s="440"/>
      <c r="MD4" s="440"/>
      <c r="ME4" s="441"/>
      <c r="MF4" s="439" t="s">
        <v>86</v>
      </c>
      <c r="MG4" s="440"/>
      <c r="MH4" s="440"/>
      <c r="MI4" s="440"/>
      <c r="MJ4" s="440"/>
      <c r="MK4" s="440"/>
      <c r="ML4" s="440"/>
      <c r="MM4" s="440"/>
      <c r="MN4" s="440"/>
      <c r="MO4" s="440"/>
      <c r="MP4" s="440"/>
      <c r="MQ4" s="440"/>
      <c r="MR4" s="440"/>
      <c r="MS4" s="440"/>
      <c r="MT4" s="440"/>
      <c r="MU4" s="440"/>
      <c r="MV4" s="440"/>
      <c r="MW4" s="440"/>
      <c r="MX4" s="440"/>
      <c r="MY4" s="440"/>
      <c r="MZ4" s="440"/>
      <c r="NA4" s="440"/>
      <c r="NB4" s="440"/>
      <c r="NC4" s="440"/>
      <c r="ND4" s="440"/>
      <c r="NE4" s="440"/>
      <c r="NF4" s="440"/>
      <c r="NG4" s="440"/>
      <c r="NH4" s="440"/>
      <c r="NI4" s="440"/>
      <c r="NJ4" s="440"/>
      <c r="NK4" s="440"/>
      <c r="NL4" s="440"/>
      <c r="NM4" s="440"/>
      <c r="NN4" s="440"/>
      <c r="NO4" s="440"/>
      <c r="NP4" s="440"/>
      <c r="NQ4" s="440"/>
      <c r="NR4" s="440"/>
      <c r="NS4" s="440"/>
      <c r="NT4" s="440"/>
      <c r="NU4" s="440"/>
      <c r="NV4" s="440"/>
      <c r="NW4" s="440"/>
      <c r="NX4" s="440"/>
      <c r="NY4" s="440"/>
      <c r="NZ4" s="440"/>
      <c r="OA4" s="440"/>
      <c r="OB4" s="440"/>
      <c r="OC4" s="440"/>
      <c r="OD4" s="440"/>
      <c r="OE4" s="440"/>
      <c r="OF4" s="440"/>
      <c r="OG4" s="440"/>
      <c r="OH4" s="441"/>
      <c r="OI4" s="425" t="s">
        <v>60</v>
      </c>
      <c r="OJ4" s="426"/>
      <c r="OK4" s="426"/>
      <c r="OL4" s="426"/>
      <c r="OM4" s="426"/>
      <c r="ON4" s="426"/>
      <c r="OO4" s="426"/>
      <c r="OP4" s="426"/>
      <c r="OQ4" s="426"/>
      <c r="OR4" s="426"/>
      <c r="OS4" s="427"/>
    </row>
    <row r="5" spans="1:409" ht="21" customHeight="1" thickBot="1" x14ac:dyDescent="0.25">
      <c r="B5" s="548"/>
      <c r="C5" s="551"/>
      <c r="D5" s="551"/>
      <c r="E5" s="551"/>
      <c r="F5" s="551"/>
      <c r="G5" s="551"/>
      <c r="H5" s="551"/>
      <c r="I5" s="551"/>
      <c r="J5" s="551"/>
      <c r="K5" s="551"/>
      <c r="L5" s="551"/>
      <c r="M5" s="551"/>
      <c r="N5" s="553" t="s">
        <v>64</v>
      </c>
      <c r="O5" s="554"/>
      <c r="P5" s="554"/>
      <c r="Q5" s="554"/>
      <c r="R5" s="554"/>
      <c r="S5" s="554"/>
      <c r="T5" s="554"/>
      <c r="U5" s="554"/>
      <c r="V5" s="554"/>
      <c r="W5" s="554"/>
      <c r="X5" s="554"/>
      <c r="Y5" s="554"/>
      <c r="Z5" s="554"/>
      <c r="AA5" s="554"/>
      <c r="AB5" s="554"/>
      <c r="AC5" s="554"/>
      <c r="AD5" s="554"/>
      <c r="AE5" s="554"/>
      <c r="AF5" s="554"/>
      <c r="AG5" s="554"/>
      <c r="AH5" s="554"/>
      <c r="AI5" s="554"/>
      <c r="AJ5" s="554"/>
      <c r="AK5" s="554"/>
      <c r="AL5" s="554"/>
      <c r="AM5" s="554"/>
      <c r="AN5" s="554"/>
      <c r="AO5" s="554"/>
      <c r="AP5" s="554"/>
      <c r="AQ5" s="554"/>
      <c r="AR5" s="554"/>
      <c r="AS5" s="554"/>
      <c r="AT5" s="554"/>
      <c r="AU5" s="554"/>
      <c r="AV5" s="554"/>
      <c r="AW5" s="554"/>
      <c r="AX5" s="554"/>
      <c r="AY5" s="554"/>
      <c r="AZ5" s="554"/>
      <c r="BA5" s="554"/>
      <c r="BB5" s="554"/>
      <c r="BC5" s="554"/>
      <c r="BD5" s="554"/>
      <c r="BE5" s="554"/>
      <c r="BF5" s="554"/>
      <c r="BG5" s="554"/>
      <c r="BH5" s="554"/>
      <c r="BI5" s="554"/>
      <c r="BJ5" s="554"/>
      <c r="BK5" s="554"/>
      <c r="BL5" s="554"/>
      <c r="BM5" s="554"/>
      <c r="BN5" s="554"/>
      <c r="BO5" s="554"/>
      <c r="BP5" s="554"/>
      <c r="BQ5" s="554"/>
      <c r="BR5" s="554"/>
      <c r="BS5" s="554"/>
      <c r="BT5" s="554"/>
      <c r="BU5" s="554"/>
      <c r="BV5" s="554"/>
      <c r="BW5" s="554"/>
      <c r="BX5" s="554"/>
      <c r="BY5" s="554"/>
      <c r="BZ5" s="554"/>
      <c r="CA5" s="555"/>
      <c r="CB5" s="553" t="s">
        <v>65</v>
      </c>
      <c r="CC5" s="554"/>
      <c r="CD5" s="554"/>
      <c r="CE5" s="554"/>
      <c r="CF5" s="554"/>
      <c r="CG5" s="554"/>
      <c r="CH5" s="554"/>
      <c r="CI5" s="554"/>
      <c r="CJ5" s="554"/>
      <c r="CK5" s="554"/>
      <c r="CL5" s="554"/>
      <c r="CM5" s="554"/>
      <c r="CN5" s="554"/>
      <c r="CO5" s="554"/>
      <c r="CP5" s="554"/>
      <c r="CQ5" s="554"/>
      <c r="CR5" s="554"/>
      <c r="CS5" s="554"/>
      <c r="CT5" s="554"/>
      <c r="CU5" s="554"/>
      <c r="CV5" s="554"/>
      <c r="CW5" s="554"/>
      <c r="CX5" s="554"/>
      <c r="CY5" s="554"/>
      <c r="CZ5" s="554"/>
      <c r="DA5" s="554"/>
      <c r="DB5" s="554"/>
      <c r="DC5" s="554"/>
      <c r="DD5" s="554"/>
      <c r="DE5" s="554"/>
      <c r="DF5" s="554"/>
      <c r="DG5" s="554"/>
      <c r="DH5" s="555"/>
      <c r="DI5" s="439" t="s">
        <v>66</v>
      </c>
      <c r="DJ5" s="440"/>
      <c r="DK5" s="440"/>
      <c r="DL5" s="440"/>
      <c r="DM5" s="440"/>
      <c r="DN5" s="440"/>
      <c r="DO5" s="440"/>
      <c r="DP5" s="440"/>
      <c r="DQ5" s="440"/>
      <c r="DR5" s="440"/>
      <c r="DS5" s="440"/>
      <c r="DT5" s="440"/>
      <c r="DU5" s="440"/>
      <c r="DV5" s="440"/>
      <c r="DW5" s="440"/>
      <c r="DX5" s="440"/>
      <c r="DY5" s="440"/>
      <c r="DZ5" s="440"/>
      <c r="EA5" s="440"/>
      <c r="EB5" s="440"/>
      <c r="EC5" s="440"/>
      <c r="ED5" s="440"/>
      <c r="EE5" s="440"/>
      <c r="EF5" s="440"/>
      <c r="EG5" s="440"/>
      <c r="EH5" s="440"/>
      <c r="EI5" s="440"/>
      <c r="EJ5" s="440"/>
      <c r="EK5" s="440"/>
      <c r="EL5" s="440"/>
      <c r="EM5" s="440"/>
      <c r="EN5" s="440"/>
      <c r="EO5" s="440"/>
      <c r="EP5" s="440"/>
      <c r="EQ5" s="440"/>
      <c r="ER5" s="440"/>
      <c r="ES5" s="440"/>
      <c r="ET5" s="440"/>
      <c r="EU5" s="440"/>
      <c r="EV5" s="440"/>
      <c r="EW5" s="440"/>
      <c r="EX5" s="440"/>
      <c r="EY5" s="440"/>
      <c r="EZ5" s="440"/>
      <c r="FA5" s="440"/>
      <c r="FB5" s="440"/>
      <c r="FC5" s="440"/>
      <c r="FD5" s="440"/>
      <c r="FE5" s="440"/>
      <c r="FF5" s="440"/>
      <c r="FG5" s="440"/>
      <c r="FH5" s="440"/>
      <c r="FI5" s="440"/>
      <c r="FJ5" s="440"/>
      <c r="FK5" s="441"/>
      <c r="FL5" s="553" t="s">
        <v>67</v>
      </c>
      <c r="FM5" s="554"/>
      <c r="FN5" s="554"/>
      <c r="FO5" s="554"/>
      <c r="FP5" s="554"/>
      <c r="FQ5" s="554"/>
      <c r="FR5" s="554"/>
      <c r="FS5" s="554"/>
      <c r="FT5" s="554"/>
      <c r="FU5" s="554"/>
      <c r="FV5" s="554"/>
      <c r="FW5" s="554"/>
      <c r="FX5" s="554"/>
      <c r="FY5" s="554"/>
      <c r="FZ5" s="554"/>
      <c r="GA5" s="554"/>
      <c r="GB5" s="554"/>
      <c r="GC5" s="554"/>
      <c r="GD5" s="554"/>
      <c r="GE5" s="554"/>
      <c r="GF5" s="554"/>
      <c r="GG5" s="554"/>
      <c r="GH5" s="554"/>
      <c r="GI5" s="554"/>
      <c r="GJ5" s="554"/>
      <c r="GK5" s="554"/>
      <c r="GL5" s="554"/>
      <c r="GM5" s="554"/>
      <c r="GN5" s="554"/>
      <c r="GO5" s="554"/>
      <c r="GP5" s="554"/>
      <c r="GQ5" s="554"/>
      <c r="GR5" s="554"/>
      <c r="GS5" s="554"/>
      <c r="GT5" s="554"/>
      <c r="GU5" s="554"/>
      <c r="GV5" s="554"/>
      <c r="GW5" s="554"/>
      <c r="GX5" s="554"/>
      <c r="GY5" s="554"/>
      <c r="GZ5" s="554"/>
      <c r="HA5" s="554"/>
      <c r="HB5" s="554"/>
      <c r="HC5" s="555"/>
      <c r="HD5" s="539" t="s">
        <v>68</v>
      </c>
      <c r="HE5" s="540"/>
      <c r="HF5" s="540"/>
      <c r="HG5" s="540"/>
      <c r="HH5" s="540"/>
      <c r="HI5" s="540"/>
      <c r="HJ5" s="540"/>
      <c r="HK5" s="540"/>
      <c r="HL5" s="540"/>
      <c r="HM5" s="540"/>
      <c r="HN5" s="541"/>
      <c r="HO5" s="539" t="s">
        <v>69</v>
      </c>
      <c r="HP5" s="540"/>
      <c r="HQ5" s="540"/>
      <c r="HR5" s="540"/>
      <c r="HS5" s="540"/>
      <c r="HT5" s="540"/>
      <c r="HU5" s="540"/>
      <c r="HV5" s="540"/>
      <c r="HW5" s="540"/>
      <c r="HX5" s="540"/>
      <c r="HY5" s="541"/>
      <c r="HZ5" s="572"/>
      <c r="IA5" s="573"/>
      <c r="IB5" s="573"/>
      <c r="IC5" s="573"/>
      <c r="ID5" s="573"/>
      <c r="IE5" s="573"/>
      <c r="IF5" s="573"/>
      <c r="IG5" s="573"/>
      <c r="IH5" s="573"/>
      <c r="II5" s="573"/>
      <c r="IJ5" s="574"/>
      <c r="IK5" s="425" t="s">
        <v>94</v>
      </c>
      <c r="IL5" s="426"/>
      <c r="IM5" s="426"/>
      <c r="IN5" s="426"/>
      <c r="IO5" s="426"/>
      <c r="IP5" s="426"/>
      <c r="IQ5" s="426"/>
      <c r="IR5" s="426"/>
      <c r="IS5" s="426"/>
      <c r="IT5" s="426"/>
      <c r="IU5" s="427"/>
      <c r="IV5" s="425" t="s">
        <v>88</v>
      </c>
      <c r="IW5" s="426"/>
      <c r="IX5" s="426"/>
      <c r="IY5" s="426"/>
      <c r="IZ5" s="426"/>
      <c r="JA5" s="426"/>
      <c r="JB5" s="426"/>
      <c r="JC5" s="426"/>
      <c r="JD5" s="426"/>
      <c r="JE5" s="426"/>
      <c r="JF5" s="427"/>
      <c r="JG5" s="425" t="s">
        <v>141</v>
      </c>
      <c r="JH5" s="426"/>
      <c r="JI5" s="426"/>
      <c r="JJ5" s="426"/>
      <c r="JK5" s="426"/>
      <c r="JL5" s="426"/>
      <c r="JM5" s="426"/>
      <c r="JN5" s="426"/>
      <c r="JO5" s="426"/>
      <c r="JP5" s="426"/>
      <c r="JQ5" s="427"/>
      <c r="JR5" s="425" t="s">
        <v>90</v>
      </c>
      <c r="JS5" s="426"/>
      <c r="JT5" s="426"/>
      <c r="JU5" s="426"/>
      <c r="JV5" s="426"/>
      <c r="JW5" s="426"/>
      <c r="JX5" s="426"/>
      <c r="JY5" s="426"/>
      <c r="JZ5" s="426"/>
      <c r="KA5" s="426"/>
      <c r="KB5" s="427"/>
      <c r="KC5" s="425" t="s">
        <v>89</v>
      </c>
      <c r="KD5" s="426"/>
      <c r="KE5" s="426"/>
      <c r="KF5" s="426"/>
      <c r="KG5" s="426"/>
      <c r="KH5" s="426"/>
      <c r="KI5" s="426"/>
      <c r="KJ5" s="426"/>
      <c r="KK5" s="426"/>
      <c r="KL5" s="426"/>
      <c r="KM5" s="427"/>
      <c r="KN5" s="425" t="s">
        <v>91</v>
      </c>
      <c r="KO5" s="426"/>
      <c r="KP5" s="426"/>
      <c r="KQ5" s="426"/>
      <c r="KR5" s="426"/>
      <c r="KS5" s="426"/>
      <c r="KT5" s="426"/>
      <c r="KU5" s="426"/>
      <c r="KV5" s="426"/>
      <c r="KW5" s="426"/>
      <c r="KX5" s="427"/>
      <c r="KY5" s="425" t="s">
        <v>92</v>
      </c>
      <c r="KZ5" s="426"/>
      <c r="LA5" s="426"/>
      <c r="LB5" s="426"/>
      <c r="LC5" s="426"/>
      <c r="LD5" s="426"/>
      <c r="LE5" s="426"/>
      <c r="LF5" s="426"/>
      <c r="LG5" s="426"/>
      <c r="LH5" s="426"/>
      <c r="LI5" s="427"/>
      <c r="LJ5" s="575" t="s">
        <v>93</v>
      </c>
      <c r="LK5" s="576"/>
      <c r="LL5" s="576"/>
      <c r="LM5" s="576"/>
      <c r="LN5" s="576"/>
      <c r="LO5" s="576"/>
      <c r="LP5" s="576"/>
      <c r="LQ5" s="576"/>
      <c r="LR5" s="576"/>
      <c r="LS5" s="576"/>
      <c r="LT5" s="577"/>
      <c r="LU5" s="575" t="s">
        <v>142</v>
      </c>
      <c r="LV5" s="576"/>
      <c r="LW5" s="576"/>
      <c r="LX5" s="576"/>
      <c r="LY5" s="576"/>
      <c r="LZ5" s="576"/>
      <c r="MA5" s="576"/>
      <c r="MB5" s="576"/>
      <c r="MC5" s="576"/>
      <c r="MD5" s="576"/>
      <c r="ME5" s="577"/>
      <c r="MF5" s="572"/>
      <c r="MG5" s="573"/>
      <c r="MH5" s="573"/>
      <c r="MI5" s="573"/>
      <c r="MJ5" s="573"/>
      <c r="MK5" s="573"/>
      <c r="ML5" s="573"/>
      <c r="MM5" s="573"/>
      <c r="MN5" s="573"/>
      <c r="MO5" s="573"/>
      <c r="MP5" s="574"/>
      <c r="MQ5" s="425" t="s">
        <v>57</v>
      </c>
      <c r="MR5" s="426"/>
      <c r="MS5" s="426"/>
      <c r="MT5" s="426"/>
      <c r="MU5" s="426"/>
      <c r="MV5" s="426"/>
      <c r="MW5" s="426"/>
      <c r="MX5" s="426"/>
      <c r="MY5" s="426"/>
      <c r="MZ5" s="426"/>
      <c r="NA5" s="427"/>
      <c r="NB5" s="425" t="s">
        <v>58</v>
      </c>
      <c r="NC5" s="426"/>
      <c r="ND5" s="426"/>
      <c r="NE5" s="426"/>
      <c r="NF5" s="426"/>
      <c r="NG5" s="426"/>
      <c r="NH5" s="426"/>
      <c r="NI5" s="426"/>
      <c r="NJ5" s="426"/>
      <c r="NK5" s="426"/>
      <c r="NL5" s="427"/>
      <c r="NM5" s="425" t="s">
        <v>59</v>
      </c>
      <c r="NN5" s="426"/>
      <c r="NO5" s="426"/>
      <c r="NP5" s="426"/>
      <c r="NQ5" s="426"/>
      <c r="NR5" s="426"/>
      <c r="NS5" s="426"/>
      <c r="NT5" s="426"/>
      <c r="NU5" s="426"/>
      <c r="NV5" s="426"/>
      <c r="NW5" s="427"/>
      <c r="NX5" s="425" t="s">
        <v>148</v>
      </c>
      <c r="NY5" s="426"/>
      <c r="NZ5" s="426"/>
      <c r="OA5" s="426"/>
      <c r="OB5" s="426"/>
      <c r="OC5" s="426"/>
      <c r="OD5" s="426"/>
      <c r="OE5" s="426"/>
      <c r="OF5" s="426"/>
      <c r="OG5" s="426"/>
      <c r="OH5" s="427"/>
      <c r="OI5" s="443"/>
      <c r="OJ5" s="570"/>
      <c r="OK5" s="570"/>
      <c r="OL5" s="570"/>
      <c r="OM5" s="570"/>
      <c r="ON5" s="570"/>
      <c r="OO5" s="570"/>
      <c r="OP5" s="570"/>
      <c r="OQ5" s="570"/>
      <c r="OR5" s="570"/>
      <c r="OS5" s="571"/>
    </row>
    <row r="6" spans="1:409" ht="21" customHeight="1" thickBot="1" x14ac:dyDescent="0.25">
      <c r="B6" s="548"/>
      <c r="C6" s="552"/>
      <c r="D6" s="552"/>
      <c r="E6" s="552"/>
      <c r="F6" s="552"/>
      <c r="G6" s="552"/>
      <c r="H6" s="552"/>
      <c r="I6" s="552"/>
      <c r="J6" s="552"/>
      <c r="K6" s="552"/>
      <c r="L6" s="552"/>
      <c r="M6" s="552"/>
      <c r="N6" s="431"/>
      <c r="O6" s="432"/>
      <c r="P6" s="432"/>
      <c r="Q6" s="432"/>
      <c r="R6" s="432"/>
      <c r="S6" s="432"/>
      <c r="T6" s="432"/>
      <c r="U6" s="432"/>
      <c r="V6" s="432"/>
      <c r="W6" s="432"/>
      <c r="X6" s="433"/>
      <c r="Y6" s="434" t="s">
        <v>70</v>
      </c>
      <c r="Z6" s="435"/>
      <c r="AA6" s="435"/>
      <c r="AB6" s="435"/>
      <c r="AC6" s="435"/>
      <c r="AD6" s="435"/>
      <c r="AE6" s="435"/>
      <c r="AF6" s="435"/>
      <c r="AG6" s="435"/>
      <c r="AH6" s="435"/>
      <c r="AI6" s="436"/>
      <c r="AJ6" s="536" t="s">
        <v>71</v>
      </c>
      <c r="AK6" s="537"/>
      <c r="AL6" s="537"/>
      <c r="AM6" s="537"/>
      <c r="AN6" s="537"/>
      <c r="AO6" s="537"/>
      <c r="AP6" s="537"/>
      <c r="AQ6" s="537"/>
      <c r="AR6" s="537"/>
      <c r="AS6" s="537"/>
      <c r="AT6" s="538"/>
      <c r="AU6" s="536" t="s">
        <v>72</v>
      </c>
      <c r="AV6" s="537"/>
      <c r="AW6" s="537"/>
      <c r="AX6" s="537"/>
      <c r="AY6" s="537"/>
      <c r="AZ6" s="537"/>
      <c r="BA6" s="537"/>
      <c r="BB6" s="537"/>
      <c r="BC6" s="537"/>
      <c r="BD6" s="537"/>
      <c r="BE6" s="538"/>
      <c r="BF6" s="536" t="s">
        <v>73</v>
      </c>
      <c r="BG6" s="537"/>
      <c r="BH6" s="537"/>
      <c r="BI6" s="537"/>
      <c r="BJ6" s="537"/>
      <c r="BK6" s="537"/>
      <c r="BL6" s="537"/>
      <c r="BM6" s="537"/>
      <c r="BN6" s="537"/>
      <c r="BO6" s="537"/>
      <c r="BP6" s="538"/>
      <c r="BQ6" s="536" t="s">
        <v>74</v>
      </c>
      <c r="BR6" s="537"/>
      <c r="BS6" s="537"/>
      <c r="BT6" s="537"/>
      <c r="BU6" s="537"/>
      <c r="BV6" s="537"/>
      <c r="BW6" s="537"/>
      <c r="BX6" s="537"/>
      <c r="BY6" s="537"/>
      <c r="BZ6" s="537"/>
      <c r="CA6" s="538"/>
      <c r="CB6" s="533"/>
      <c r="CC6" s="534"/>
      <c r="CD6" s="534"/>
      <c r="CE6" s="534"/>
      <c r="CF6" s="534"/>
      <c r="CG6" s="534"/>
      <c r="CH6" s="534"/>
      <c r="CI6" s="534"/>
      <c r="CJ6" s="534"/>
      <c r="CK6" s="534"/>
      <c r="CL6" s="535"/>
      <c r="CM6" s="536" t="s">
        <v>75</v>
      </c>
      <c r="CN6" s="537"/>
      <c r="CO6" s="537"/>
      <c r="CP6" s="537"/>
      <c r="CQ6" s="537"/>
      <c r="CR6" s="537"/>
      <c r="CS6" s="537"/>
      <c r="CT6" s="537"/>
      <c r="CU6" s="537"/>
      <c r="CV6" s="537"/>
      <c r="CW6" s="538"/>
      <c r="CX6" s="536" t="s">
        <v>76</v>
      </c>
      <c r="CY6" s="537"/>
      <c r="CZ6" s="537"/>
      <c r="DA6" s="537"/>
      <c r="DB6" s="537"/>
      <c r="DC6" s="537"/>
      <c r="DD6" s="537"/>
      <c r="DE6" s="537"/>
      <c r="DF6" s="537"/>
      <c r="DG6" s="537"/>
      <c r="DH6" s="538"/>
      <c r="DI6" s="533"/>
      <c r="DJ6" s="534"/>
      <c r="DK6" s="534"/>
      <c r="DL6" s="534"/>
      <c r="DM6" s="534"/>
      <c r="DN6" s="534"/>
      <c r="DO6" s="534"/>
      <c r="DP6" s="534"/>
      <c r="DQ6" s="534"/>
      <c r="DR6" s="534"/>
      <c r="DS6" s="534"/>
      <c r="DT6" s="536" t="s">
        <v>77</v>
      </c>
      <c r="DU6" s="537"/>
      <c r="DV6" s="537"/>
      <c r="DW6" s="537"/>
      <c r="DX6" s="537"/>
      <c r="DY6" s="537"/>
      <c r="DZ6" s="537"/>
      <c r="EA6" s="537"/>
      <c r="EB6" s="537"/>
      <c r="EC6" s="537"/>
      <c r="ED6" s="538"/>
      <c r="EE6" s="536" t="s">
        <v>78</v>
      </c>
      <c r="EF6" s="537"/>
      <c r="EG6" s="537"/>
      <c r="EH6" s="537"/>
      <c r="EI6" s="537"/>
      <c r="EJ6" s="537"/>
      <c r="EK6" s="537"/>
      <c r="EL6" s="537"/>
      <c r="EM6" s="537"/>
      <c r="EN6" s="537"/>
      <c r="EO6" s="538"/>
      <c r="EP6" s="536" t="s">
        <v>79</v>
      </c>
      <c r="EQ6" s="537"/>
      <c r="ER6" s="537"/>
      <c r="ES6" s="537"/>
      <c r="ET6" s="537"/>
      <c r="EU6" s="537"/>
      <c r="EV6" s="537"/>
      <c r="EW6" s="537"/>
      <c r="EX6" s="537"/>
      <c r="EY6" s="537"/>
      <c r="EZ6" s="538"/>
      <c r="FA6" s="536" t="s">
        <v>149</v>
      </c>
      <c r="FB6" s="537"/>
      <c r="FC6" s="537"/>
      <c r="FD6" s="537"/>
      <c r="FE6" s="537"/>
      <c r="FF6" s="537"/>
      <c r="FG6" s="537"/>
      <c r="FH6" s="537"/>
      <c r="FI6" s="537"/>
      <c r="FJ6" s="537"/>
      <c r="FK6" s="538"/>
      <c r="FL6" s="533"/>
      <c r="FM6" s="534"/>
      <c r="FN6" s="534"/>
      <c r="FO6" s="534"/>
      <c r="FP6" s="534"/>
      <c r="FQ6" s="534"/>
      <c r="FR6" s="534"/>
      <c r="FS6" s="534"/>
      <c r="FT6" s="534"/>
      <c r="FU6" s="534"/>
      <c r="FV6" s="534"/>
      <c r="FW6" s="536" t="s">
        <v>80</v>
      </c>
      <c r="FX6" s="537"/>
      <c r="FY6" s="537"/>
      <c r="FZ6" s="537"/>
      <c r="GA6" s="537"/>
      <c r="GB6" s="537"/>
      <c r="GC6" s="537"/>
      <c r="GD6" s="537"/>
      <c r="GE6" s="537"/>
      <c r="GF6" s="537"/>
      <c r="GG6" s="538"/>
      <c r="GH6" s="434" t="s">
        <v>81</v>
      </c>
      <c r="GI6" s="435"/>
      <c r="GJ6" s="435"/>
      <c r="GK6" s="435"/>
      <c r="GL6" s="435"/>
      <c r="GM6" s="435"/>
      <c r="GN6" s="435"/>
      <c r="GO6" s="435"/>
      <c r="GP6" s="435"/>
      <c r="GQ6" s="435"/>
      <c r="GR6" s="436"/>
      <c r="GS6" s="434" t="s">
        <v>82</v>
      </c>
      <c r="GT6" s="435"/>
      <c r="GU6" s="435"/>
      <c r="GV6" s="435"/>
      <c r="GW6" s="435"/>
      <c r="GX6" s="435"/>
      <c r="GY6" s="435"/>
      <c r="GZ6" s="435"/>
      <c r="HA6" s="435"/>
      <c r="HB6" s="435"/>
      <c r="HC6" s="436"/>
      <c r="HD6" s="556"/>
      <c r="HE6" s="557"/>
      <c r="HF6" s="557"/>
      <c r="HG6" s="557"/>
      <c r="HH6" s="557"/>
      <c r="HI6" s="557"/>
      <c r="HJ6" s="557"/>
      <c r="HK6" s="557"/>
      <c r="HL6" s="557"/>
      <c r="HM6" s="557"/>
      <c r="HN6" s="558"/>
      <c r="HO6" s="556"/>
      <c r="HP6" s="557"/>
      <c r="HQ6" s="557"/>
      <c r="HR6" s="557"/>
      <c r="HS6" s="557"/>
      <c r="HT6" s="557"/>
      <c r="HU6" s="557"/>
      <c r="HV6" s="557"/>
      <c r="HW6" s="557"/>
      <c r="HX6" s="557"/>
      <c r="HY6" s="558"/>
      <c r="HZ6" s="533"/>
      <c r="IA6" s="534"/>
      <c r="IB6" s="534"/>
      <c r="IC6" s="534"/>
      <c r="ID6" s="534"/>
      <c r="IE6" s="534"/>
      <c r="IF6" s="534"/>
      <c r="IG6" s="534"/>
      <c r="IH6" s="534"/>
      <c r="II6" s="534"/>
      <c r="IJ6" s="535"/>
      <c r="IK6" s="431"/>
      <c r="IL6" s="432"/>
      <c r="IM6" s="432"/>
      <c r="IN6" s="432"/>
      <c r="IO6" s="432"/>
      <c r="IP6" s="432"/>
      <c r="IQ6" s="432"/>
      <c r="IR6" s="432"/>
      <c r="IS6" s="432"/>
      <c r="IT6" s="432"/>
      <c r="IU6" s="433"/>
      <c r="IV6" s="431"/>
      <c r="IW6" s="432"/>
      <c r="IX6" s="432"/>
      <c r="IY6" s="432"/>
      <c r="IZ6" s="432"/>
      <c r="JA6" s="432"/>
      <c r="JB6" s="432"/>
      <c r="JC6" s="432"/>
      <c r="JD6" s="432"/>
      <c r="JE6" s="432"/>
      <c r="JF6" s="433"/>
      <c r="JG6" s="431"/>
      <c r="JH6" s="432"/>
      <c r="JI6" s="432"/>
      <c r="JJ6" s="432"/>
      <c r="JK6" s="432"/>
      <c r="JL6" s="432"/>
      <c r="JM6" s="432"/>
      <c r="JN6" s="432"/>
      <c r="JO6" s="432"/>
      <c r="JP6" s="432"/>
      <c r="JQ6" s="433"/>
      <c r="JR6" s="431"/>
      <c r="JS6" s="432"/>
      <c r="JT6" s="432"/>
      <c r="JU6" s="432"/>
      <c r="JV6" s="432"/>
      <c r="JW6" s="432"/>
      <c r="JX6" s="432"/>
      <c r="JY6" s="432"/>
      <c r="JZ6" s="432"/>
      <c r="KA6" s="432"/>
      <c r="KB6" s="433"/>
      <c r="KC6" s="431"/>
      <c r="KD6" s="432"/>
      <c r="KE6" s="432"/>
      <c r="KF6" s="432"/>
      <c r="KG6" s="432"/>
      <c r="KH6" s="432"/>
      <c r="KI6" s="432"/>
      <c r="KJ6" s="432"/>
      <c r="KK6" s="432"/>
      <c r="KL6" s="432"/>
      <c r="KM6" s="433"/>
      <c r="KN6" s="431"/>
      <c r="KO6" s="432"/>
      <c r="KP6" s="432"/>
      <c r="KQ6" s="432"/>
      <c r="KR6" s="432"/>
      <c r="KS6" s="432"/>
      <c r="KT6" s="432"/>
      <c r="KU6" s="432"/>
      <c r="KV6" s="432"/>
      <c r="KW6" s="432"/>
      <c r="KX6" s="433"/>
      <c r="KY6" s="431"/>
      <c r="KZ6" s="432"/>
      <c r="LA6" s="432"/>
      <c r="LB6" s="432"/>
      <c r="LC6" s="432"/>
      <c r="LD6" s="432"/>
      <c r="LE6" s="432"/>
      <c r="LF6" s="432"/>
      <c r="LG6" s="432"/>
      <c r="LH6" s="432"/>
      <c r="LI6" s="433"/>
      <c r="LJ6" s="533"/>
      <c r="LK6" s="534"/>
      <c r="LL6" s="534"/>
      <c r="LM6" s="534"/>
      <c r="LN6" s="534"/>
      <c r="LO6" s="534"/>
      <c r="LP6" s="534"/>
      <c r="LQ6" s="534"/>
      <c r="LR6" s="534"/>
      <c r="LS6" s="534"/>
      <c r="LT6" s="535"/>
      <c r="LU6" s="533"/>
      <c r="LV6" s="534"/>
      <c r="LW6" s="534"/>
      <c r="LX6" s="534"/>
      <c r="LY6" s="534"/>
      <c r="LZ6" s="534"/>
      <c r="MA6" s="534"/>
      <c r="MB6" s="534"/>
      <c r="MC6" s="534"/>
      <c r="MD6" s="534"/>
      <c r="ME6" s="535"/>
      <c r="MF6" s="533"/>
      <c r="MG6" s="534"/>
      <c r="MH6" s="534"/>
      <c r="MI6" s="534"/>
      <c r="MJ6" s="534"/>
      <c r="MK6" s="534"/>
      <c r="ML6" s="534"/>
      <c r="MM6" s="534"/>
      <c r="MN6" s="534"/>
      <c r="MO6" s="534"/>
      <c r="MP6" s="535"/>
      <c r="MQ6" s="431"/>
      <c r="MR6" s="432"/>
      <c r="MS6" s="432"/>
      <c r="MT6" s="432"/>
      <c r="MU6" s="432"/>
      <c r="MV6" s="432"/>
      <c r="MW6" s="432"/>
      <c r="MX6" s="432"/>
      <c r="MY6" s="432"/>
      <c r="MZ6" s="432"/>
      <c r="NA6" s="433"/>
      <c r="NB6" s="431"/>
      <c r="NC6" s="432"/>
      <c r="ND6" s="432"/>
      <c r="NE6" s="432"/>
      <c r="NF6" s="432"/>
      <c r="NG6" s="432"/>
      <c r="NH6" s="432"/>
      <c r="NI6" s="432"/>
      <c r="NJ6" s="432"/>
      <c r="NK6" s="432"/>
      <c r="NL6" s="433"/>
      <c r="NM6" s="431"/>
      <c r="NN6" s="432"/>
      <c r="NO6" s="432"/>
      <c r="NP6" s="432"/>
      <c r="NQ6" s="432"/>
      <c r="NR6" s="432"/>
      <c r="NS6" s="432"/>
      <c r="NT6" s="432"/>
      <c r="NU6" s="432"/>
      <c r="NV6" s="432"/>
      <c r="NW6" s="433"/>
      <c r="NX6" s="431"/>
      <c r="NY6" s="432"/>
      <c r="NZ6" s="432"/>
      <c r="OA6" s="432"/>
      <c r="OB6" s="432"/>
      <c r="OC6" s="432"/>
      <c r="OD6" s="432"/>
      <c r="OE6" s="432"/>
      <c r="OF6" s="432"/>
      <c r="OG6" s="432"/>
      <c r="OH6" s="433"/>
      <c r="OI6" s="431"/>
      <c r="OJ6" s="432"/>
      <c r="OK6" s="432"/>
      <c r="OL6" s="432"/>
      <c r="OM6" s="432"/>
      <c r="ON6" s="432"/>
      <c r="OO6" s="432"/>
      <c r="OP6" s="432"/>
      <c r="OQ6" s="432"/>
      <c r="OR6" s="432"/>
      <c r="OS6" s="433"/>
    </row>
    <row r="7" spans="1:409" ht="21" customHeight="1" x14ac:dyDescent="0.2">
      <c r="B7" s="548"/>
      <c r="C7" s="516" t="s">
        <v>61</v>
      </c>
      <c r="D7" s="516"/>
      <c r="E7" s="516"/>
      <c r="F7" s="515" t="s">
        <v>62</v>
      </c>
      <c r="G7" s="516"/>
      <c r="H7" s="516"/>
      <c r="I7" s="516"/>
      <c r="J7" s="516"/>
      <c r="K7" s="516"/>
      <c r="L7" s="516"/>
      <c r="M7" s="515" t="s">
        <v>52</v>
      </c>
      <c r="N7" s="560" t="s">
        <v>61</v>
      </c>
      <c r="O7" s="516"/>
      <c r="P7" s="516"/>
      <c r="Q7" s="515" t="s">
        <v>62</v>
      </c>
      <c r="R7" s="516"/>
      <c r="S7" s="516"/>
      <c r="T7" s="516"/>
      <c r="U7" s="516"/>
      <c r="V7" s="516"/>
      <c r="W7" s="517"/>
      <c r="X7" s="545" t="s">
        <v>52</v>
      </c>
      <c r="Y7" s="431" t="s">
        <v>61</v>
      </c>
      <c r="Z7" s="432"/>
      <c r="AA7" s="524"/>
      <c r="AB7" s="523" t="s">
        <v>62</v>
      </c>
      <c r="AC7" s="432"/>
      <c r="AD7" s="432"/>
      <c r="AE7" s="432"/>
      <c r="AF7" s="432"/>
      <c r="AG7" s="432"/>
      <c r="AH7" s="524"/>
      <c r="AI7" s="433" t="s">
        <v>52</v>
      </c>
      <c r="AJ7" s="520" t="s">
        <v>61</v>
      </c>
      <c r="AK7" s="521"/>
      <c r="AL7" s="522"/>
      <c r="AM7" s="543" t="s">
        <v>62</v>
      </c>
      <c r="AN7" s="521"/>
      <c r="AO7" s="521"/>
      <c r="AP7" s="521"/>
      <c r="AQ7" s="521"/>
      <c r="AR7" s="521"/>
      <c r="AS7" s="544"/>
      <c r="AT7" s="433" t="s">
        <v>52</v>
      </c>
      <c r="AU7" s="520" t="s">
        <v>61</v>
      </c>
      <c r="AV7" s="521"/>
      <c r="AW7" s="522"/>
      <c r="AX7" s="543" t="s">
        <v>62</v>
      </c>
      <c r="AY7" s="521"/>
      <c r="AZ7" s="521"/>
      <c r="BA7" s="521"/>
      <c r="BB7" s="521"/>
      <c r="BC7" s="521"/>
      <c r="BD7" s="544"/>
      <c r="BE7" s="433" t="s">
        <v>52</v>
      </c>
      <c r="BF7" s="520" t="s">
        <v>61</v>
      </c>
      <c r="BG7" s="521"/>
      <c r="BH7" s="522"/>
      <c r="BI7" s="543" t="s">
        <v>62</v>
      </c>
      <c r="BJ7" s="521"/>
      <c r="BK7" s="521"/>
      <c r="BL7" s="521"/>
      <c r="BM7" s="521"/>
      <c r="BN7" s="521"/>
      <c r="BO7" s="544"/>
      <c r="BP7" s="433" t="s">
        <v>52</v>
      </c>
      <c r="BQ7" s="520" t="s">
        <v>61</v>
      </c>
      <c r="BR7" s="521"/>
      <c r="BS7" s="522"/>
      <c r="BT7" s="543" t="s">
        <v>62</v>
      </c>
      <c r="BU7" s="521"/>
      <c r="BV7" s="521"/>
      <c r="BW7" s="521"/>
      <c r="BX7" s="521"/>
      <c r="BY7" s="521"/>
      <c r="BZ7" s="544"/>
      <c r="CA7" s="433" t="s">
        <v>52</v>
      </c>
      <c r="CB7" s="512" t="s">
        <v>61</v>
      </c>
      <c r="CC7" s="513"/>
      <c r="CD7" s="514"/>
      <c r="CE7" s="561" t="s">
        <v>62</v>
      </c>
      <c r="CF7" s="513"/>
      <c r="CG7" s="513"/>
      <c r="CH7" s="513"/>
      <c r="CI7" s="513"/>
      <c r="CJ7" s="513"/>
      <c r="CK7" s="562"/>
      <c r="CL7" s="545" t="s">
        <v>52</v>
      </c>
      <c r="CM7" s="520" t="s">
        <v>61</v>
      </c>
      <c r="CN7" s="521"/>
      <c r="CO7" s="544"/>
      <c r="CP7" s="543" t="s">
        <v>62</v>
      </c>
      <c r="CQ7" s="521"/>
      <c r="CR7" s="521"/>
      <c r="CS7" s="521"/>
      <c r="CT7" s="521"/>
      <c r="CU7" s="521"/>
      <c r="CV7" s="544"/>
      <c r="CW7" s="567" t="s">
        <v>52</v>
      </c>
      <c r="CX7" s="520" t="s">
        <v>61</v>
      </c>
      <c r="CY7" s="521"/>
      <c r="CZ7" s="544"/>
      <c r="DA7" s="543" t="s">
        <v>62</v>
      </c>
      <c r="DB7" s="521"/>
      <c r="DC7" s="521"/>
      <c r="DD7" s="521"/>
      <c r="DE7" s="521"/>
      <c r="DF7" s="521"/>
      <c r="DG7" s="544"/>
      <c r="DH7" s="567" t="s">
        <v>52</v>
      </c>
      <c r="DI7" s="512" t="s">
        <v>61</v>
      </c>
      <c r="DJ7" s="513"/>
      <c r="DK7" s="562"/>
      <c r="DL7" s="561" t="s">
        <v>62</v>
      </c>
      <c r="DM7" s="513"/>
      <c r="DN7" s="513"/>
      <c r="DO7" s="513"/>
      <c r="DP7" s="513"/>
      <c r="DQ7" s="513"/>
      <c r="DR7" s="562"/>
      <c r="DS7" s="545" t="s">
        <v>52</v>
      </c>
      <c r="DT7" s="520" t="s">
        <v>61</v>
      </c>
      <c r="DU7" s="521"/>
      <c r="DV7" s="522"/>
      <c r="DW7" s="543" t="s">
        <v>62</v>
      </c>
      <c r="DX7" s="521"/>
      <c r="DY7" s="521"/>
      <c r="DZ7" s="521"/>
      <c r="EA7" s="521"/>
      <c r="EB7" s="521"/>
      <c r="EC7" s="544"/>
      <c r="ED7" s="433" t="s">
        <v>52</v>
      </c>
      <c r="EE7" s="520" t="s">
        <v>61</v>
      </c>
      <c r="EF7" s="521"/>
      <c r="EG7" s="522"/>
      <c r="EH7" s="543" t="s">
        <v>62</v>
      </c>
      <c r="EI7" s="521"/>
      <c r="EJ7" s="521"/>
      <c r="EK7" s="521"/>
      <c r="EL7" s="521"/>
      <c r="EM7" s="521"/>
      <c r="EN7" s="544"/>
      <c r="EO7" s="433" t="s">
        <v>52</v>
      </c>
      <c r="EP7" s="520" t="s">
        <v>61</v>
      </c>
      <c r="EQ7" s="521"/>
      <c r="ER7" s="522"/>
      <c r="ES7" s="543" t="s">
        <v>62</v>
      </c>
      <c r="ET7" s="521"/>
      <c r="EU7" s="521"/>
      <c r="EV7" s="521"/>
      <c r="EW7" s="521"/>
      <c r="EX7" s="521"/>
      <c r="EY7" s="544"/>
      <c r="EZ7" s="433" t="s">
        <v>52</v>
      </c>
      <c r="FA7" s="520" t="s">
        <v>61</v>
      </c>
      <c r="FB7" s="521"/>
      <c r="FC7" s="522"/>
      <c r="FD7" s="543" t="s">
        <v>62</v>
      </c>
      <c r="FE7" s="521"/>
      <c r="FF7" s="521"/>
      <c r="FG7" s="521"/>
      <c r="FH7" s="521"/>
      <c r="FI7" s="521"/>
      <c r="FJ7" s="544"/>
      <c r="FK7" s="433" t="s">
        <v>52</v>
      </c>
      <c r="FL7" s="512" t="s">
        <v>61</v>
      </c>
      <c r="FM7" s="513"/>
      <c r="FN7" s="514"/>
      <c r="FO7" s="561" t="s">
        <v>62</v>
      </c>
      <c r="FP7" s="513"/>
      <c r="FQ7" s="513"/>
      <c r="FR7" s="513"/>
      <c r="FS7" s="513"/>
      <c r="FT7" s="513"/>
      <c r="FU7" s="562"/>
      <c r="FV7" s="516" t="s">
        <v>52</v>
      </c>
      <c r="FW7" s="520" t="s">
        <v>61</v>
      </c>
      <c r="FX7" s="521"/>
      <c r="FY7" s="522"/>
      <c r="FZ7" s="543" t="s">
        <v>62</v>
      </c>
      <c r="GA7" s="521"/>
      <c r="GB7" s="521"/>
      <c r="GC7" s="521"/>
      <c r="GD7" s="521"/>
      <c r="GE7" s="521"/>
      <c r="GF7" s="544"/>
      <c r="GG7" s="433" t="s">
        <v>52</v>
      </c>
      <c r="GH7" s="431" t="s">
        <v>61</v>
      </c>
      <c r="GI7" s="432"/>
      <c r="GJ7" s="432"/>
      <c r="GK7" s="523" t="s">
        <v>62</v>
      </c>
      <c r="GL7" s="432"/>
      <c r="GM7" s="432"/>
      <c r="GN7" s="432"/>
      <c r="GO7" s="432"/>
      <c r="GP7" s="432"/>
      <c r="GQ7" s="524"/>
      <c r="GR7" s="564" t="s">
        <v>52</v>
      </c>
      <c r="GS7" s="431" t="s">
        <v>61</v>
      </c>
      <c r="GT7" s="432"/>
      <c r="GU7" s="524"/>
      <c r="GV7" s="523" t="s">
        <v>62</v>
      </c>
      <c r="GW7" s="432"/>
      <c r="GX7" s="432"/>
      <c r="GY7" s="432"/>
      <c r="GZ7" s="432"/>
      <c r="HA7" s="432"/>
      <c r="HB7" s="524"/>
      <c r="HC7" s="564" t="s">
        <v>52</v>
      </c>
      <c r="HD7" s="520" t="s">
        <v>61</v>
      </c>
      <c r="HE7" s="521"/>
      <c r="HF7" s="522"/>
      <c r="HG7" s="543" t="s">
        <v>62</v>
      </c>
      <c r="HH7" s="521"/>
      <c r="HI7" s="521"/>
      <c r="HJ7" s="521"/>
      <c r="HK7" s="521"/>
      <c r="HL7" s="521"/>
      <c r="HM7" s="544"/>
      <c r="HN7" s="433" t="s">
        <v>52</v>
      </c>
      <c r="HO7" s="520" t="s">
        <v>61</v>
      </c>
      <c r="HP7" s="521"/>
      <c r="HQ7" s="522"/>
      <c r="HR7" s="543" t="s">
        <v>62</v>
      </c>
      <c r="HS7" s="521"/>
      <c r="HT7" s="521"/>
      <c r="HU7" s="521"/>
      <c r="HV7" s="521"/>
      <c r="HW7" s="521"/>
      <c r="HX7" s="544"/>
      <c r="HY7" s="433" t="s">
        <v>52</v>
      </c>
      <c r="HZ7" s="512" t="s">
        <v>61</v>
      </c>
      <c r="IA7" s="513"/>
      <c r="IB7" s="514"/>
      <c r="IC7" s="561" t="s">
        <v>62</v>
      </c>
      <c r="ID7" s="513"/>
      <c r="IE7" s="513"/>
      <c r="IF7" s="513"/>
      <c r="IG7" s="513"/>
      <c r="IH7" s="513"/>
      <c r="II7" s="562"/>
      <c r="IJ7" s="516" t="s">
        <v>52</v>
      </c>
      <c r="IK7" s="520" t="s">
        <v>61</v>
      </c>
      <c r="IL7" s="521"/>
      <c r="IM7" s="522"/>
      <c r="IN7" s="543" t="s">
        <v>62</v>
      </c>
      <c r="IO7" s="521"/>
      <c r="IP7" s="521"/>
      <c r="IQ7" s="521"/>
      <c r="IR7" s="521"/>
      <c r="IS7" s="521"/>
      <c r="IT7" s="544"/>
      <c r="IU7" s="433" t="s">
        <v>52</v>
      </c>
      <c r="IV7" s="520" t="s">
        <v>61</v>
      </c>
      <c r="IW7" s="521"/>
      <c r="IX7" s="544"/>
      <c r="IY7" s="543" t="s">
        <v>62</v>
      </c>
      <c r="IZ7" s="521"/>
      <c r="JA7" s="521"/>
      <c r="JB7" s="521"/>
      <c r="JC7" s="521"/>
      <c r="JD7" s="521"/>
      <c r="JE7" s="544"/>
      <c r="JF7" s="433" t="s">
        <v>52</v>
      </c>
      <c r="JG7" s="520" t="s">
        <v>61</v>
      </c>
      <c r="JH7" s="521"/>
      <c r="JI7" s="522"/>
      <c r="JJ7" s="543" t="s">
        <v>62</v>
      </c>
      <c r="JK7" s="521"/>
      <c r="JL7" s="521"/>
      <c r="JM7" s="521"/>
      <c r="JN7" s="521"/>
      <c r="JO7" s="521"/>
      <c r="JP7" s="544"/>
      <c r="JQ7" s="567" t="s">
        <v>52</v>
      </c>
      <c r="JR7" s="520" t="s">
        <v>61</v>
      </c>
      <c r="JS7" s="521"/>
      <c r="JT7" s="522"/>
      <c r="JU7" s="543" t="s">
        <v>62</v>
      </c>
      <c r="JV7" s="521"/>
      <c r="JW7" s="521"/>
      <c r="JX7" s="521"/>
      <c r="JY7" s="521"/>
      <c r="JZ7" s="521"/>
      <c r="KA7" s="544"/>
      <c r="KB7" s="567" t="s">
        <v>52</v>
      </c>
      <c r="KC7" s="520" t="s">
        <v>61</v>
      </c>
      <c r="KD7" s="521"/>
      <c r="KE7" s="522"/>
      <c r="KF7" s="543" t="s">
        <v>62</v>
      </c>
      <c r="KG7" s="521"/>
      <c r="KH7" s="521"/>
      <c r="KI7" s="521"/>
      <c r="KJ7" s="521"/>
      <c r="KK7" s="521"/>
      <c r="KL7" s="544"/>
      <c r="KM7" s="567" t="s">
        <v>52</v>
      </c>
      <c r="KN7" s="520" t="s">
        <v>61</v>
      </c>
      <c r="KO7" s="521"/>
      <c r="KP7" s="522"/>
      <c r="KQ7" s="543" t="s">
        <v>62</v>
      </c>
      <c r="KR7" s="521"/>
      <c r="KS7" s="521"/>
      <c r="KT7" s="521"/>
      <c r="KU7" s="521"/>
      <c r="KV7" s="521"/>
      <c r="KW7" s="544"/>
      <c r="KX7" s="567" t="s">
        <v>52</v>
      </c>
      <c r="KY7" s="520" t="s">
        <v>61</v>
      </c>
      <c r="KZ7" s="521"/>
      <c r="LA7" s="522"/>
      <c r="LB7" s="543" t="s">
        <v>62</v>
      </c>
      <c r="LC7" s="521"/>
      <c r="LD7" s="521"/>
      <c r="LE7" s="521"/>
      <c r="LF7" s="521"/>
      <c r="LG7" s="521"/>
      <c r="LH7" s="544"/>
      <c r="LI7" s="567" t="s">
        <v>52</v>
      </c>
      <c r="LJ7" s="520" t="s">
        <v>61</v>
      </c>
      <c r="LK7" s="521"/>
      <c r="LL7" s="522"/>
      <c r="LM7" s="543" t="s">
        <v>62</v>
      </c>
      <c r="LN7" s="521"/>
      <c r="LO7" s="521"/>
      <c r="LP7" s="521"/>
      <c r="LQ7" s="521"/>
      <c r="LR7" s="521"/>
      <c r="LS7" s="544"/>
      <c r="LT7" s="567" t="s">
        <v>52</v>
      </c>
      <c r="LU7" s="520" t="s">
        <v>61</v>
      </c>
      <c r="LV7" s="521"/>
      <c r="LW7" s="522"/>
      <c r="LX7" s="543" t="s">
        <v>62</v>
      </c>
      <c r="LY7" s="521"/>
      <c r="LZ7" s="521"/>
      <c r="MA7" s="521"/>
      <c r="MB7" s="521"/>
      <c r="MC7" s="521"/>
      <c r="MD7" s="544"/>
      <c r="ME7" s="567" t="s">
        <v>52</v>
      </c>
      <c r="MF7" s="512" t="s">
        <v>61</v>
      </c>
      <c r="MG7" s="513"/>
      <c r="MH7" s="514"/>
      <c r="MI7" s="561" t="s">
        <v>62</v>
      </c>
      <c r="MJ7" s="513"/>
      <c r="MK7" s="513"/>
      <c r="ML7" s="513"/>
      <c r="MM7" s="513"/>
      <c r="MN7" s="513"/>
      <c r="MO7" s="562"/>
      <c r="MP7" s="545" t="s">
        <v>52</v>
      </c>
      <c r="MQ7" s="520" t="s">
        <v>61</v>
      </c>
      <c r="MR7" s="521"/>
      <c r="MS7" s="522"/>
      <c r="MT7" s="543" t="s">
        <v>62</v>
      </c>
      <c r="MU7" s="521"/>
      <c r="MV7" s="521"/>
      <c r="MW7" s="521"/>
      <c r="MX7" s="521"/>
      <c r="MY7" s="521"/>
      <c r="MZ7" s="544"/>
      <c r="NA7" s="567" t="s">
        <v>52</v>
      </c>
      <c r="NB7" s="520" t="s">
        <v>61</v>
      </c>
      <c r="NC7" s="521"/>
      <c r="ND7" s="522"/>
      <c r="NE7" s="543" t="s">
        <v>62</v>
      </c>
      <c r="NF7" s="521"/>
      <c r="NG7" s="521"/>
      <c r="NH7" s="521"/>
      <c r="NI7" s="521"/>
      <c r="NJ7" s="521"/>
      <c r="NK7" s="544"/>
      <c r="NL7" s="567" t="s">
        <v>52</v>
      </c>
      <c r="NM7" s="520" t="s">
        <v>61</v>
      </c>
      <c r="NN7" s="521"/>
      <c r="NO7" s="522"/>
      <c r="NP7" s="543" t="s">
        <v>62</v>
      </c>
      <c r="NQ7" s="521"/>
      <c r="NR7" s="521"/>
      <c r="NS7" s="521"/>
      <c r="NT7" s="521"/>
      <c r="NU7" s="521"/>
      <c r="NV7" s="544"/>
      <c r="NW7" s="567" t="s">
        <v>52</v>
      </c>
      <c r="NX7" s="520" t="s">
        <v>61</v>
      </c>
      <c r="NY7" s="521"/>
      <c r="NZ7" s="522"/>
      <c r="OA7" s="543" t="s">
        <v>62</v>
      </c>
      <c r="OB7" s="521"/>
      <c r="OC7" s="521"/>
      <c r="OD7" s="521"/>
      <c r="OE7" s="521"/>
      <c r="OF7" s="521"/>
      <c r="OG7" s="544"/>
      <c r="OH7" s="567" t="s">
        <v>52</v>
      </c>
      <c r="OI7" s="512" t="s">
        <v>61</v>
      </c>
      <c r="OJ7" s="513"/>
      <c r="OK7" s="514"/>
      <c r="OL7" s="561" t="s">
        <v>62</v>
      </c>
      <c r="OM7" s="513"/>
      <c r="ON7" s="513"/>
      <c r="OO7" s="513"/>
      <c r="OP7" s="513"/>
      <c r="OQ7" s="513"/>
      <c r="OR7" s="562"/>
      <c r="OS7" s="545" t="s">
        <v>52</v>
      </c>
    </row>
    <row r="8" spans="1:409" ht="30" customHeight="1" thickBot="1" x14ac:dyDescent="0.25">
      <c r="B8" s="549"/>
      <c r="C8" s="249" t="s">
        <v>43</v>
      </c>
      <c r="D8" s="74" t="s">
        <v>44</v>
      </c>
      <c r="E8" s="250" t="s">
        <v>45</v>
      </c>
      <c r="F8" s="76" t="s">
        <v>83</v>
      </c>
      <c r="G8" s="74" t="s">
        <v>47</v>
      </c>
      <c r="H8" s="74" t="s">
        <v>48</v>
      </c>
      <c r="I8" s="74" t="s">
        <v>49</v>
      </c>
      <c r="J8" s="74" t="s">
        <v>50</v>
      </c>
      <c r="K8" s="74" t="s">
        <v>51</v>
      </c>
      <c r="L8" s="75" t="s">
        <v>45</v>
      </c>
      <c r="M8" s="559"/>
      <c r="N8" s="73" t="s">
        <v>43</v>
      </c>
      <c r="O8" s="74" t="s">
        <v>44</v>
      </c>
      <c r="P8" s="75" t="s">
        <v>45</v>
      </c>
      <c r="Q8" s="76" t="s">
        <v>83</v>
      </c>
      <c r="R8" s="74" t="s">
        <v>47</v>
      </c>
      <c r="S8" s="74" t="s">
        <v>48</v>
      </c>
      <c r="T8" s="74" t="s">
        <v>49</v>
      </c>
      <c r="U8" s="74" t="s">
        <v>50</v>
      </c>
      <c r="V8" s="74" t="s">
        <v>51</v>
      </c>
      <c r="W8" s="75" t="s">
        <v>45</v>
      </c>
      <c r="X8" s="546"/>
      <c r="Y8" s="73" t="s">
        <v>43</v>
      </c>
      <c r="Z8" s="74" t="s">
        <v>44</v>
      </c>
      <c r="AA8" s="75" t="s">
        <v>45</v>
      </c>
      <c r="AB8" s="76" t="s">
        <v>83</v>
      </c>
      <c r="AC8" s="74" t="s">
        <v>47</v>
      </c>
      <c r="AD8" s="74" t="s">
        <v>48</v>
      </c>
      <c r="AE8" s="74" t="s">
        <v>49</v>
      </c>
      <c r="AF8" s="74" t="s">
        <v>50</v>
      </c>
      <c r="AG8" s="74" t="s">
        <v>51</v>
      </c>
      <c r="AH8" s="75" t="s">
        <v>45</v>
      </c>
      <c r="AI8" s="532"/>
      <c r="AJ8" s="73" t="s">
        <v>43</v>
      </c>
      <c r="AK8" s="74" t="s">
        <v>44</v>
      </c>
      <c r="AL8" s="250" t="s">
        <v>45</v>
      </c>
      <c r="AM8" s="76" t="s">
        <v>83</v>
      </c>
      <c r="AN8" s="74" t="s">
        <v>47</v>
      </c>
      <c r="AO8" s="74" t="s">
        <v>48</v>
      </c>
      <c r="AP8" s="74" t="s">
        <v>49</v>
      </c>
      <c r="AQ8" s="74" t="s">
        <v>50</v>
      </c>
      <c r="AR8" s="74" t="s">
        <v>51</v>
      </c>
      <c r="AS8" s="75" t="s">
        <v>45</v>
      </c>
      <c r="AT8" s="532"/>
      <c r="AU8" s="73" t="s">
        <v>43</v>
      </c>
      <c r="AV8" s="74" t="s">
        <v>44</v>
      </c>
      <c r="AW8" s="250" t="s">
        <v>45</v>
      </c>
      <c r="AX8" s="76" t="s">
        <v>83</v>
      </c>
      <c r="AY8" s="74" t="s">
        <v>47</v>
      </c>
      <c r="AZ8" s="74" t="s">
        <v>48</v>
      </c>
      <c r="BA8" s="74" t="s">
        <v>49</v>
      </c>
      <c r="BB8" s="74" t="s">
        <v>50</v>
      </c>
      <c r="BC8" s="74" t="s">
        <v>51</v>
      </c>
      <c r="BD8" s="75" t="s">
        <v>45</v>
      </c>
      <c r="BE8" s="532"/>
      <c r="BF8" s="251" t="s">
        <v>43</v>
      </c>
      <c r="BG8" s="74" t="s">
        <v>44</v>
      </c>
      <c r="BH8" s="250" t="s">
        <v>45</v>
      </c>
      <c r="BI8" s="76" t="s">
        <v>83</v>
      </c>
      <c r="BJ8" s="74" t="s">
        <v>47</v>
      </c>
      <c r="BK8" s="74" t="s">
        <v>48</v>
      </c>
      <c r="BL8" s="74" t="s">
        <v>49</v>
      </c>
      <c r="BM8" s="74" t="s">
        <v>50</v>
      </c>
      <c r="BN8" s="74" t="s">
        <v>51</v>
      </c>
      <c r="BO8" s="75" t="s">
        <v>45</v>
      </c>
      <c r="BP8" s="532"/>
      <c r="BQ8" s="73" t="s">
        <v>43</v>
      </c>
      <c r="BR8" s="74" t="s">
        <v>44</v>
      </c>
      <c r="BS8" s="250" t="s">
        <v>45</v>
      </c>
      <c r="BT8" s="76" t="s">
        <v>83</v>
      </c>
      <c r="BU8" s="74" t="s">
        <v>47</v>
      </c>
      <c r="BV8" s="74" t="s">
        <v>48</v>
      </c>
      <c r="BW8" s="74" t="s">
        <v>49</v>
      </c>
      <c r="BX8" s="74" t="s">
        <v>50</v>
      </c>
      <c r="BY8" s="74" t="s">
        <v>51</v>
      </c>
      <c r="BZ8" s="75" t="s">
        <v>45</v>
      </c>
      <c r="CA8" s="532"/>
      <c r="CB8" s="73" t="s">
        <v>43</v>
      </c>
      <c r="CC8" s="74" t="s">
        <v>44</v>
      </c>
      <c r="CD8" s="250" t="s">
        <v>45</v>
      </c>
      <c r="CE8" s="76" t="s">
        <v>83</v>
      </c>
      <c r="CF8" s="74" t="s">
        <v>47</v>
      </c>
      <c r="CG8" s="74" t="s">
        <v>48</v>
      </c>
      <c r="CH8" s="74" t="s">
        <v>49</v>
      </c>
      <c r="CI8" s="74" t="s">
        <v>50</v>
      </c>
      <c r="CJ8" s="74" t="s">
        <v>51</v>
      </c>
      <c r="CK8" s="75" t="s">
        <v>45</v>
      </c>
      <c r="CL8" s="546"/>
      <c r="CM8" s="73" t="s">
        <v>43</v>
      </c>
      <c r="CN8" s="74" t="s">
        <v>44</v>
      </c>
      <c r="CO8" s="75" t="s">
        <v>45</v>
      </c>
      <c r="CP8" s="76" t="s">
        <v>83</v>
      </c>
      <c r="CQ8" s="74" t="s">
        <v>47</v>
      </c>
      <c r="CR8" s="74" t="s">
        <v>48</v>
      </c>
      <c r="CS8" s="74" t="s">
        <v>49</v>
      </c>
      <c r="CT8" s="74" t="s">
        <v>50</v>
      </c>
      <c r="CU8" s="74" t="s">
        <v>51</v>
      </c>
      <c r="CV8" s="75" t="s">
        <v>45</v>
      </c>
      <c r="CW8" s="546"/>
      <c r="CX8" s="73" t="s">
        <v>43</v>
      </c>
      <c r="CY8" s="74" t="s">
        <v>44</v>
      </c>
      <c r="CZ8" s="75" t="s">
        <v>45</v>
      </c>
      <c r="DA8" s="76" t="s">
        <v>83</v>
      </c>
      <c r="DB8" s="74" t="s">
        <v>47</v>
      </c>
      <c r="DC8" s="74" t="s">
        <v>48</v>
      </c>
      <c r="DD8" s="74" t="s">
        <v>49</v>
      </c>
      <c r="DE8" s="74" t="s">
        <v>50</v>
      </c>
      <c r="DF8" s="74" t="s">
        <v>51</v>
      </c>
      <c r="DG8" s="75" t="s">
        <v>45</v>
      </c>
      <c r="DH8" s="546"/>
      <c r="DI8" s="73" t="s">
        <v>43</v>
      </c>
      <c r="DJ8" s="74" t="s">
        <v>44</v>
      </c>
      <c r="DK8" s="75" t="s">
        <v>45</v>
      </c>
      <c r="DL8" s="76" t="s">
        <v>83</v>
      </c>
      <c r="DM8" s="74" t="s">
        <v>47</v>
      </c>
      <c r="DN8" s="74" t="s">
        <v>48</v>
      </c>
      <c r="DO8" s="74" t="s">
        <v>49</v>
      </c>
      <c r="DP8" s="74" t="s">
        <v>50</v>
      </c>
      <c r="DQ8" s="74" t="s">
        <v>51</v>
      </c>
      <c r="DR8" s="75" t="s">
        <v>45</v>
      </c>
      <c r="DS8" s="546"/>
      <c r="DT8" s="73" t="s">
        <v>43</v>
      </c>
      <c r="DU8" s="74" t="s">
        <v>44</v>
      </c>
      <c r="DV8" s="250" t="s">
        <v>45</v>
      </c>
      <c r="DW8" s="76" t="s">
        <v>83</v>
      </c>
      <c r="DX8" s="74" t="s">
        <v>47</v>
      </c>
      <c r="DY8" s="74" t="s">
        <v>48</v>
      </c>
      <c r="DZ8" s="74" t="s">
        <v>49</v>
      </c>
      <c r="EA8" s="74" t="s">
        <v>50</v>
      </c>
      <c r="EB8" s="74" t="s">
        <v>51</v>
      </c>
      <c r="EC8" s="75" t="s">
        <v>45</v>
      </c>
      <c r="ED8" s="532"/>
      <c r="EE8" s="73" t="s">
        <v>43</v>
      </c>
      <c r="EF8" s="74" t="s">
        <v>44</v>
      </c>
      <c r="EG8" s="250" t="s">
        <v>45</v>
      </c>
      <c r="EH8" s="76" t="s">
        <v>83</v>
      </c>
      <c r="EI8" s="74" t="s">
        <v>47</v>
      </c>
      <c r="EJ8" s="74" t="s">
        <v>48</v>
      </c>
      <c r="EK8" s="74" t="s">
        <v>49</v>
      </c>
      <c r="EL8" s="74" t="s">
        <v>50</v>
      </c>
      <c r="EM8" s="74" t="s">
        <v>51</v>
      </c>
      <c r="EN8" s="75" t="s">
        <v>45</v>
      </c>
      <c r="EO8" s="532"/>
      <c r="EP8" s="73" t="s">
        <v>43</v>
      </c>
      <c r="EQ8" s="74" t="s">
        <v>44</v>
      </c>
      <c r="ER8" s="250" t="s">
        <v>45</v>
      </c>
      <c r="ES8" s="76" t="s">
        <v>83</v>
      </c>
      <c r="ET8" s="74" t="s">
        <v>47</v>
      </c>
      <c r="EU8" s="74" t="s">
        <v>48</v>
      </c>
      <c r="EV8" s="74" t="s">
        <v>49</v>
      </c>
      <c r="EW8" s="74" t="s">
        <v>50</v>
      </c>
      <c r="EX8" s="74" t="s">
        <v>51</v>
      </c>
      <c r="EY8" s="75" t="s">
        <v>45</v>
      </c>
      <c r="EZ8" s="532"/>
      <c r="FA8" s="73" t="s">
        <v>43</v>
      </c>
      <c r="FB8" s="74" t="s">
        <v>44</v>
      </c>
      <c r="FC8" s="250" t="s">
        <v>45</v>
      </c>
      <c r="FD8" s="76" t="s">
        <v>83</v>
      </c>
      <c r="FE8" s="74" t="s">
        <v>47</v>
      </c>
      <c r="FF8" s="74" t="s">
        <v>48</v>
      </c>
      <c r="FG8" s="74" t="s">
        <v>49</v>
      </c>
      <c r="FH8" s="74" t="s">
        <v>50</v>
      </c>
      <c r="FI8" s="74" t="s">
        <v>51</v>
      </c>
      <c r="FJ8" s="75" t="s">
        <v>45</v>
      </c>
      <c r="FK8" s="532"/>
      <c r="FL8" s="73" t="s">
        <v>43</v>
      </c>
      <c r="FM8" s="74" t="s">
        <v>44</v>
      </c>
      <c r="FN8" s="250" t="s">
        <v>45</v>
      </c>
      <c r="FO8" s="76" t="s">
        <v>83</v>
      </c>
      <c r="FP8" s="74" t="s">
        <v>47</v>
      </c>
      <c r="FQ8" s="74" t="s">
        <v>48</v>
      </c>
      <c r="FR8" s="74" t="s">
        <v>49</v>
      </c>
      <c r="FS8" s="74" t="s">
        <v>50</v>
      </c>
      <c r="FT8" s="74" t="s">
        <v>51</v>
      </c>
      <c r="FU8" s="75" t="s">
        <v>45</v>
      </c>
      <c r="FV8" s="566"/>
      <c r="FW8" s="73" t="s">
        <v>43</v>
      </c>
      <c r="FX8" s="74" t="s">
        <v>44</v>
      </c>
      <c r="FY8" s="250" t="s">
        <v>45</v>
      </c>
      <c r="FZ8" s="76" t="s">
        <v>83</v>
      </c>
      <c r="GA8" s="74" t="s">
        <v>47</v>
      </c>
      <c r="GB8" s="74" t="s">
        <v>48</v>
      </c>
      <c r="GC8" s="74" t="s">
        <v>49</v>
      </c>
      <c r="GD8" s="74" t="s">
        <v>50</v>
      </c>
      <c r="GE8" s="74" t="s">
        <v>51</v>
      </c>
      <c r="GF8" s="75" t="s">
        <v>45</v>
      </c>
      <c r="GG8" s="532"/>
      <c r="GH8" s="73" t="s">
        <v>43</v>
      </c>
      <c r="GI8" s="74" t="s">
        <v>44</v>
      </c>
      <c r="GJ8" s="250" t="s">
        <v>45</v>
      </c>
      <c r="GK8" s="76" t="s">
        <v>83</v>
      </c>
      <c r="GL8" s="74" t="s">
        <v>47</v>
      </c>
      <c r="GM8" s="74" t="s">
        <v>48</v>
      </c>
      <c r="GN8" s="74" t="s">
        <v>49</v>
      </c>
      <c r="GO8" s="74" t="s">
        <v>50</v>
      </c>
      <c r="GP8" s="74" t="s">
        <v>51</v>
      </c>
      <c r="GQ8" s="75" t="s">
        <v>45</v>
      </c>
      <c r="GR8" s="565"/>
      <c r="GS8" s="73" t="s">
        <v>43</v>
      </c>
      <c r="GT8" s="74" t="s">
        <v>44</v>
      </c>
      <c r="GU8" s="250" t="s">
        <v>45</v>
      </c>
      <c r="GV8" s="76" t="s">
        <v>83</v>
      </c>
      <c r="GW8" s="74" t="s">
        <v>47</v>
      </c>
      <c r="GX8" s="74" t="s">
        <v>48</v>
      </c>
      <c r="GY8" s="74" t="s">
        <v>49</v>
      </c>
      <c r="GZ8" s="74" t="s">
        <v>50</v>
      </c>
      <c r="HA8" s="74" t="s">
        <v>51</v>
      </c>
      <c r="HB8" s="75" t="s">
        <v>45</v>
      </c>
      <c r="HC8" s="565"/>
      <c r="HD8" s="73" t="s">
        <v>43</v>
      </c>
      <c r="HE8" s="74" t="s">
        <v>44</v>
      </c>
      <c r="HF8" s="250" t="s">
        <v>45</v>
      </c>
      <c r="HG8" s="76" t="s">
        <v>83</v>
      </c>
      <c r="HH8" s="74" t="s">
        <v>47</v>
      </c>
      <c r="HI8" s="74" t="s">
        <v>48</v>
      </c>
      <c r="HJ8" s="74" t="s">
        <v>49</v>
      </c>
      <c r="HK8" s="74" t="s">
        <v>50</v>
      </c>
      <c r="HL8" s="74" t="s">
        <v>51</v>
      </c>
      <c r="HM8" s="75" t="s">
        <v>45</v>
      </c>
      <c r="HN8" s="532"/>
      <c r="HO8" s="73" t="s">
        <v>43</v>
      </c>
      <c r="HP8" s="74" t="s">
        <v>44</v>
      </c>
      <c r="HQ8" s="250" t="s">
        <v>45</v>
      </c>
      <c r="HR8" s="76" t="s">
        <v>83</v>
      </c>
      <c r="HS8" s="74" t="s">
        <v>47</v>
      </c>
      <c r="HT8" s="74" t="s">
        <v>48</v>
      </c>
      <c r="HU8" s="74" t="s">
        <v>49</v>
      </c>
      <c r="HV8" s="74" t="s">
        <v>50</v>
      </c>
      <c r="HW8" s="74" t="s">
        <v>51</v>
      </c>
      <c r="HX8" s="75" t="s">
        <v>45</v>
      </c>
      <c r="HY8" s="532"/>
      <c r="HZ8" s="73" t="s">
        <v>43</v>
      </c>
      <c r="IA8" s="74" t="s">
        <v>44</v>
      </c>
      <c r="IB8" s="250" t="s">
        <v>45</v>
      </c>
      <c r="IC8" s="76" t="s">
        <v>83</v>
      </c>
      <c r="ID8" s="74" t="s">
        <v>47</v>
      </c>
      <c r="IE8" s="74" t="s">
        <v>48</v>
      </c>
      <c r="IF8" s="74" t="s">
        <v>49</v>
      </c>
      <c r="IG8" s="74" t="s">
        <v>50</v>
      </c>
      <c r="IH8" s="74" t="s">
        <v>51</v>
      </c>
      <c r="II8" s="75" t="s">
        <v>45</v>
      </c>
      <c r="IJ8" s="566"/>
      <c r="IK8" s="73" t="s">
        <v>43</v>
      </c>
      <c r="IL8" s="74" t="s">
        <v>44</v>
      </c>
      <c r="IM8" s="250" t="s">
        <v>45</v>
      </c>
      <c r="IN8" s="76" t="s">
        <v>83</v>
      </c>
      <c r="IO8" s="252" t="s">
        <v>47</v>
      </c>
      <c r="IP8" s="252" t="s">
        <v>48</v>
      </c>
      <c r="IQ8" s="252" t="s">
        <v>49</v>
      </c>
      <c r="IR8" s="252" t="s">
        <v>50</v>
      </c>
      <c r="IS8" s="252" t="s">
        <v>51</v>
      </c>
      <c r="IT8" s="253" t="s">
        <v>45</v>
      </c>
      <c r="IU8" s="569"/>
      <c r="IV8" s="251" t="s">
        <v>43</v>
      </c>
      <c r="IW8" s="252" t="s">
        <v>44</v>
      </c>
      <c r="IX8" s="253" t="s">
        <v>45</v>
      </c>
      <c r="IY8" s="231" t="s">
        <v>83</v>
      </c>
      <c r="IZ8" s="252" t="s">
        <v>47</v>
      </c>
      <c r="JA8" s="252" t="s">
        <v>48</v>
      </c>
      <c r="JB8" s="252" t="s">
        <v>49</v>
      </c>
      <c r="JC8" s="252" t="s">
        <v>50</v>
      </c>
      <c r="JD8" s="252" t="s">
        <v>51</v>
      </c>
      <c r="JE8" s="253" t="s">
        <v>45</v>
      </c>
      <c r="JF8" s="569"/>
      <c r="JG8" s="251" t="s">
        <v>43</v>
      </c>
      <c r="JH8" s="252" t="s">
        <v>44</v>
      </c>
      <c r="JI8" s="254" t="s">
        <v>45</v>
      </c>
      <c r="JJ8" s="231" t="s">
        <v>83</v>
      </c>
      <c r="JK8" s="252" t="s">
        <v>47</v>
      </c>
      <c r="JL8" s="252" t="s">
        <v>48</v>
      </c>
      <c r="JM8" s="252" t="s">
        <v>49</v>
      </c>
      <c r="JN8" s="252" t="s">
        <v>50</v>
      </c>
      <c r="JO8" s="252" t="s">
        <v>51</v>
      </c>
      <c r="JP8" s="253" t="s">
        <v>45</v>
      </c>
      <c r="JQ8" s="568"/>
      <c r="JR8" s="251" t="s">
        <v>43</v>
      </c>
      <c r="JS8" s="252" t="s">
        <v>44</v>
      </c>
      <c r="JT8" s="254" t="s">
        <v>45</v>
      </c>
      <c r="JU8" s="231" t="s">
        <v>83</v>
      </c>
      <c r="JV8" s="252" t="s">
        <v>47</v>
      </c>
      <c r="JW8" s="252" t="s">
        <v>48</v>
      </c>
      <c r="JX8" s="252" t="s">
        <v>49</v>
      </c>
      <c r="JY8" s="252" t="s">
        <v>50</v>
      </c>
      <c r="JZ8" s="252" t="s">
        <v>51</v>
      </c>
      <c r="KA8" s="253" t="s">
        <v>45</v>
      </c>
      <c r="KB8" s="568"/>
      <c r="KC8" s="251" t="s">
        <v>43</v>
      </c>
      <c r="KD8" s="252" t="s">
        <v>44</v>
      </c>
      <c r="KE8" s="254" t="s">
        <v>45</v>
      </c>
      <c r="KF8" s="231" t="s">
        <v>83</v>
      </c>
      <c r="KG8" s="252" t="s">
        <v>47</v>
      </c>
      <c r="KH8" s="252" t="s">
        <v>48</v>
      </c>
      <c r="KI8" s="252" t="s">
        <v>49</v>
      </c>
      <c r="KJ8" s="252" t="s">
        <v>50</v>
      </c>
      <c r="KK8" s="252" t="s">
        <v>51</v>
      </c>
      <c r="KL8" s="253" t="s">
        <v>45</v>
      </c>
      <c r="KM8" s="568"/>
      <c r="KN8" s="251" t="s">
        <v>43</v>
      </c>
      <c r="KO8" s="252" t="s">
        <v>44</v>
      </c>
      <c r="KP8" s="254" t="s">
        <v>45</v>
      </c>
      <c r="KQ8" s="76" t="s">
        <v>83</v>
      </c>
      <c r="KR8" s="252" t="s">
        <v>47</v>
      </c>
      <c r="KS8" s="252" t="s">
        <v>48</v>
      </c>
      <c r="KT8" s="252" t="s">
        <v>49</v>
      </c>
      <c r="KU8" s="252" t="s">
        <v>50</v>
      </c>
      <c r="KV8" s="252" t="s">
        <v>51</v>
      </c>
      <c r="KW8" s="253" t="s">
        <v>45</v>
      </c>
      <c r="KX8" s="568"/>
      <c r="KY8" s="251" t="s">
        <v>43</v>
      </c>
      <c r="KZ8" s="252" t="s">
        <v>44</v>
      </c>
      <c r="LA8" s="254" t="s">
        <v>45</v>
      </c>
      <c r="LB8" s="76" t="s">
        <v>83</v>
      </c>
      <c r="LC8" s="252" t="s">
        <v>47</v>
      </c>
      <c r="LD8" s="252" t="s">
        <v>48</v>
      </c>
      <c r="LE8" s="252" t="s">
        <v>49</v>
      </c>
      <c r="LF8" s="252" t="s">
        <v>50</v>
      </c>
      <c r="LG8" s="252" t="s">
        <v>51</v>
      </c>
      <c r="LH8" s="253" t="s">
        <v>45</v>
      </c>
      <c r="LI8" s="568"/>
      <c r="LJ8" s="251" t="s">
        <v>43</v>
      </c>
      <c r="LK8" s="252" t="s">
        <v>44</v>
      </c>
      <c r="LL8" s="254" t="s">
        <v>45</v>
      </c>
      <c r="LM8" s="76" t="s">
        <v>83</v>
      </c>
      <c r="LN8" s="252" t="s">
        <v>47</v>
      </c>
      <c r="LO8" s="252" t="s">
        <v>48</v>
      </c>
      <c r="LP8" s="252" t="s">
        <v>49</v>
      </c>
      <c r="LQ8" s="252" t="s">
        <v>50</v>
      </c>
      <c r="LR8" s="252" t="s">
        <v>51</v>
      </c>
      <c r="LS8" s="253" t="s">
        <v>45</v>
      </c>
      <c r="LT8" s="568"/>
      <c r="LU8" s="251" t="s">
        <v>43</v>
      </c>
      <c r="LV8" s="252" t="s">
        <v>44</v>
      </c>
      <c r="LW8" s="254" t="s">
        <v>45</v>
      </c>
      <c r="LX8" s="76" t="s">
        <v>83</v>
      </c>
      <c r="LY8" s="252" t="s">
        <v>47</v>
      </c>
      <c r="LZ8" s="252" t="s">
        <v>48</v>
      </c>
      <c r="MA8" s="252" t="s">
        <v>49</v>
      </c>
      <c r="MB8" s="252" t="s">
        <v>50</v>
      </c>
      <c r="MC8" s="252" t="s">
        <v>51</v>
      </c>
      <c r="MD8" s="253" t="s">
        <v>45</v>
      </c>
      <c r="ME8" s="568"/>
      <c r="MF8" s="251" t="s">
        <v>43</v>
      </c>
      <c r="MG8" s="252" t="s">
        <v>44</v>
      </c>
      <c r="MH8" s="254" t="s">
        <v>45</v>
      </c>
      <c r="MI8" s="76" t="s">
        <v>83</v>
      </c>
      <c r="MJ8" s="252" t="s">
        <v>47</v>
      </c>
      <c r="MK8" s="252" t="s">
        <v>48</v>
      </c>
      <c r="ML8" s="252" t="s">
        <v>49</v>
      </c>
      <c r="MM8" s="252" t="s">
        <v>50</v>
      </c>
      <c r="MN8" s="252" t="s">
        <v>51</v>
      </c>
      <c r="MO8" s="253" t="s">
        <v>45</v>
      </c>
      <c r="MP8" s="568"/>
      <c r="MQ8" s="251" t="s">
        <v>43</v>
      </c>
      <c r="MR8" s="252" t="s">
        <v>44</v>
      </c>
      <c r="MS8" s="254" t="s">
        <v>45</v>
      </c>
      <c r="MT8" s="76" t="s">
        <v>83</v>
      </c>
      <c r="MU8" s="252" t="s">
        <v>47</v>
      </c>
      <c r="MV8" s="252" t="s">
        <v>48</v>
      </c>
      <c r="MW8" s="252" t="s">
        <v>49</v>
      </c>
      <c r="MX8" s="252" t="s">
        <v>50</v>
      </c>
      <c r="MY8" s="252" t="s">
        <v>51</v>
      </c>
      <c r="MZ8" s="253" t="s">
        <v>45</v>
      </c>
      <c r="NA8" s="568"/>
      <c r="NB8" s="251" t="s">
        <v>43</v>
      </c>
      <c r="NC8" s="252" t="s">
        <v>44</v>
      </c>
      <c r="ND8" s="254" t="s">
        <v>45</v>
      </c>
      <c r="NE8" s="76" t="s">
        <v>83</v>
      </c>
      <c r="NF8" s="252" t="s">
        <v>47</v>
      </c>
      <c r="NG8" s="252" t="s">
        <v>48</v>
      </c>
      <c r="NH8" s="252" t="s">
        <v>49</v>
      </c>
      <c r="NI8" s="252" t="s">
        <v>50</v>
      </c>
      <c r="NJ8" s="252" t="s">
        <v>51</v>
      </c>
      <c r="NK8" s="253" t="s">
        <v>45</v>
      </c>
      <c r="NL8" s="568"/>
      <c r="NM8" s="251" t="s">
        <v>43</v>
      </c>
      <c r="NN8" s="252" t="s">
        <v>44</v>
      </c>
      <c r="NO8" s="254" t="s">
        <v>45</v>
      </c>
      <c r="NP8" s="76" t="s">
        <v>83</v>
      </c>
      <c r="NQ8" s="252" t="s">
        <v>47</v>
      </c>
      <c r="NR8" s="252" t="s">
        <v>48</v>
      </c>
      <c r="NS8" s="252" t="s">
        <v>49</v>
      </c>
      <c r="NT8" s="252" t="s">
        <v>50</v>
      </c>
      <c r="NU8" s="252" t="s">
        <v>51</v>
      </c>
      <c r="NV8" s="253" t="s">
        <v>45</v>
      </c>
      <c r="NW8" s="568"/>
      <c r="NX8" s="251" t="s">
        <v>43</v>
      </c>
      <c r="NY8" s="252" t="s">
        <v>44</v>
      </c>
      <c r="NZ8" s="254" t="s">
        <v>45</v>
      </c>
      <c r="OA8" s="76" t="s">
        <v>83</v>
      </c>
      <c r="OB8" s="252" t="s">
        <v>47</v>
      </c>
      <c r="OC8" s="252" t="s">
        <v>48</v>
      </c>
      <c r="OD8" s="252" t="s">
        <v>49</v>
      </c>
      <c r="OE8" s="252" t="s">
        <v>50</v>
      </c>
      <c r="OF8" s="252" t="s">
        <v>51</v>
      </c>
      <c r="OG8" s="253" t="s">
        <v>45</v>
      </c>
      <c r="OH8" s="568"/>
      <c r="OI8" s="251" t="s">
        <v>43</v>
      </c>
      <c r="OJ8" s="252" t="s">
        <v>44</v>
      </c>
      <c r="OK8" s="254" t="s">
        <v>45</v>
      </c>
      <c r="OL8" s="231" t="s">
        <v>83</v>
      </c>
      <c r="OM8" s="252" t="s">
        <v>47</v>
      </c>
      <c r="ON8" s="252" t="s">
        <v>48</v>
      </c>
      <c r="OO8" s="252" t="s">
        <v>49</v>
      </c>
      <c r="OP8" s="252" t="s">
        <v>50</v>
      </c>
      <c r="OQ8" s="252" t="s">
        <v>51</v>
      </c>
      <c r="OR8" s="253" t="s">
        <v>45</v>
      </c>
      <c r="OS8" s="568"/>
    </row>
    <row r="9" spans="1:409" s="407" customFormat="1" ht="21" customHeight="1" x14ac:dyDescent="0.2">
      <c r="A9" s="70"/>
      <c r="B9" s="408" t="s">
        <v>4</v>
      </c>
      <c r="C9" s="255">
        <v>28423345</v>
      </c>
      <c r="D9" s="256">
        <v>52148416</v>
      </c>
      <c r="E9" s="257">
        <v>80571761</v>
      </c>
      <c r="F9" s="258">
        <v>0</v>
      </c>
      <c r="G9" s="256">
        <v>320540039</v>
      </c>
      <c r="H9" s="256">
        <v>437913760</v>
      </c>
      <c r="I9" s="256">
        <v>358931234</v>
      </c>
      <c r="J9" s="256">
        <v>323972633</v>
      </c>
      <c r="K9" s="256">
        <v>212794793</v>
      </c>
      <c r="L9" s="259">
        <v>1654152459</v>
      </c>
      <c r="M9" s="260">
        <v>1734724220</v>
      </c>
      <c r="N9" s="255">
        <v>8356429</v>
      </c>
      <c r="O9" s="256">
        <v>18824527</v>
      </c>
      <c r="P9" s="261">
        <v>27180956</v>
      </c>
      <c r="Q9" s="255">
        <v>0</v>
      </c>
      <c r="R9" s="256">
        <v>98107366</v>
      </c>
      <c r="S9" s="256">
        <v>145634225</v>
      </c>
      <c r="T9" s="256">
        <v>122037086</v>
      </c>
      <c r="U9" s="256">
        <v>123717348</v>
      </c>
      <c r="V9" s="256">
        <v>109230952</v>
      </c>
      <c r="W9" s="261">
        <v>598726977</v>
      </c>
      <c r="X9" s="260">
        <v>625907933</v>
      </c>
      <c r="Y9" s="255">
        <v>0</v>
      </c>
      <c r="Z9" s="256">
        <v>0</v>
      </c>
      <c r="AA9" s="261">
        <v>0</v>
      </c>
      <c r="AB9" s="262">
        <v>0</v>
      </c>
      <c r="AC9" s="263">
        <v>40615864</v>
      </c>
      <c r="AD9" s="263">
        <v>59595080</v>
      </c>
      <c r="AE9" s="263">
        <v>59473960</v>
      </c>
      <c r="AF9" s="263">
        <v>66855174</v>
      </c>
      <c r="AG9" s="263">
        <v>62928877</v>
      </c>
      <c r="AH9" s="261">
        <v>289468955</v>
      </c>
      <c r="AI9" s="260">
        <v>289468955</v>
      </c>
      <c r="AJ9" s="264">
        <v>0</v>
      </c>
      <c r="AK9" s="263">
        <v>82473</v>
      </c>
      <c r="AL9" s="261">
        <v>82473</v>
      </c>
      <c r="AM9" s="262">
        <v>0</v>
      </c>
      <c r="AN9" s="263">
        <v>427752</v>
      </c>
      <c r="AO9" s="259">
        <v>1221915</v>
      </c>
      <c r="AP9" s="263">
        <v>2907035</v>
      </c>
      <c r="AQ9" s="263">
        <v>7716823</v>
      </c>
      <c r="AR9" s="263">
        <v>11542147</v>
      </c>
      <c r="AS9" s="261">
        <v>23815672</v>
      </c>
      <c r="AT9" s="260">
        <v>23898145</v>
      </c>
      <c r="AU9" s="264">
        <v>4406196</v>
      </c>
      <c r="AV9" s="263">
        <v>13299577</v>
      </c>
      <c r="AW9" s="261">
        <v>17705773</v>
      </c>
      <c r="AX9" s="262">
        <v>0</v>
      </c>
      <c r="AY9" s="263">
        <v>34896507</v>
      </c>
      <c r="AZ9" s="263">
        <v>57764350</v>
      </c>
      <c r="BA9" s="263">
        <v>36783167</v>
      </c>
      <c r="BB9" s="263">
        <v>27390776</v>
      </c>
      <c r="BC9" s="263">
        <v>21601169</v>
      </c>
      <c r="BD9" s="261">
        <v>178435969</v>
      </c>
      <c r="BE9" s="265">
        <v>196141742</v>
      </c>
      <c r="BF9" s="264">
        <v>479713</v>
      </c>
      <c r="BG9" s="259">
        <v>1363472</v>
      </c>
      <c r="BH9" s="266">
        <v>1843185</v>
      </c>
      <c r="BI9" s="262">
        <v>0</v>
      </c>
      <c r="BJ9" s="263">
        <v>3040595</v>
      </c>
      <c r="BK9" s="263">
        <v>3582227</v>
      </c>
      <c r="BL9" s="263">
        <v>3001558</v>
      </c>
      <c r="BM9" s="263">
        <v>2717962</v>
      </c>
      <c r="BN9" s="263">
        <v>1021410</v>
      </c>
      <c r="BO9" s="261">
        <v>13363752</v>
      </c>
      <c r="BP9" s="260">
        <v>15206937</v>
      </c>
      <c r="BQ9" s="264">
        <v>3470520</v>
      </c>
      <c r="BR9" s="263">
        <v>4079005</v>
      </c>
      <c r="BS9" s="261">
        <v>7549525</v>
      </c>
      <c r="BT9" s="262">
        <v>0</v>
      </c>
      <c r="BU9" s="263">
        <v>19126648</v>
      </c>
      <c r="BV9" s="263">
        <v>23470653</v>
      </c>
      <c r="BW9" s="263">
        <v>19871366</v>
      </c>
      <c r="BX9" s="263">
        <v>19036613</v>
      </c>
      <c r="BY9" s="263">
        <v>12137349</v>
      </c>
      <c r="BZ9" s="261">
        <v>93642629</v>
      </c>
      <c r="CA9" s="260">
        <v>101192154</v>
      </c>
      <c r="CB9" s="264">
        <v>3132321</v>
      </c>
      <c r="CC9" s="263">
        <v>7819691</v>
      </c>
      <c r="CD9" s="261">
        <v>10952012</v>
      </c>
      <c r="CE9" s="262">
        <v>0</v>
      </c>
      <c r="CF9" s="263">
        <v>95572865</v>
      </c>
      <c r="CG9" s="263">
        <v>122703893</v>
      </c>
      <c r="CH9" s="267">
        <v>81425843</v>
      </c>
      <c r="CI9" s="263">
        <v>46755607</v>
      </c>
      <c r="CJ9" s="263">
        <v>19798775</v>
      </c>
      <c r="CK9" s="261">
        <v>366256983</v>
      </c>
      <c r="CL9" s="260">
        <v>377208995</v>
      </c>
      <c r="CM9" s="255">
        <v>0</v>
      </c>
      <c r="CN9" s="256">
        <v>0</v>
      </c>
      <c r="CO9" s="261">
        <v>0</v>
      </c>
      <c r="CP9" s="262">
        <v>0</v>
      </c>
      <c r="CQ9" s="263">
        <v>77394137</v>
      </c>
      <c r="CR9" s="263">
        <v>90795220</v>
      </c>
      <c r="CS9" s="263">
        <v>59586349</v>
      </c>
      <c r="CT9" s="263">
        <v>31503826</v>
      </c>
      <c r="CU9" s="263">
        <v>15208385</v>
      </c>
      <c r="CV9" s="268">
        <v>274487917</v>
      </c>
      <c r="CW9" s="260">
        <v>274487917</v>
      </c>
      <c r="CX9" s="264">
        <v>3132321</v>
      </c>
      <c r="CY9" s="263">
        <v>7819691</v>
      </c>
      <c r="CZ9" s="261">
        <v>10952012</v>
      </c>
      <c r="DA9" s="262">
        <v>0</v>
      </c>
      <c r="DB9" s="263">
        <v>18178728</v>
      </c>
      <c r="DC9" s="263">
        <v>31908673</v>
      </c>
      <c r="DD9" s="263">
        <v>21839494</v>
      </c>
      <c r="DE9" s="263">
        <v>15251781</v>
      </c>
      <c r="DF9" s="263">
        <v>4590390</v>
      </c>
      <c r="DG9" s="261">
        <v>91769066</v>
      </c>
      <c r="DH9" s="260">
        <v>102721078</v>
      </c>
      <c r="DI9" s="264">
        <v>126863</v>
      </c>
      <c r="DJ9" s="263">
        <v>835301</v>
      </c>
      <c r="DK9" s="266">
        <v>962164</v>
      </c>
      <c r="DL9" s="262">
        <v>0</v>
      </c>
      <c r="DM9" s="263">
        <v>11087117</v>
      </c>
      <c r="DN9" s="263">
        <v>21230031</v>
      </c>
      <c r="DO9" s="263">
        <v>33753538</v>
      </c>
      <c r="DP9" s="263">
        <v>24174285</v>
      </c>
      <c r="DQ9" s="263">
        <v>13616954</v>
      </c>
      <c r="DR9" s="269">
        <v>103861925</v>
      </c>
      <c r="DS9" s="260">
        <v>104824089</v>
      </c>
      <c r="DT9" s="264">
        <v>126863</v>
      </c>
      <c r="DU9" s="263">
        <v>642676</v>
      </c>
      <c r="DV9" s="261">
        <v>769539</v>
      </c>
      <c r="DW9" s="262">
        <v>0</v>
      </c>
      <c r="DX9" s="263">
        <v>9972725</v>
      </c>
      <c r="DY9" s="263">
        <v>18677743</v>
      </c>
      <c r="DZ9" s="263">
        <v>28590735</v>
      </c>
      <c r="EA9" s="263">
        <v>21255685</v>
      </c>
      <c r="EB9" s="263">
        <v>11651014</v>
      </c>
      <c r="EC9" s="261">
        <v>90147902</v>
      </c>
      <c r="ED9" s="260">
        <v>90917441</v>
      </c>
      <c r="EE9" s="264">
        <v>0</v>
      </c>
      <c r="EF9" s="259">
        <v>192625</v>
      </c>
      <c r="EG9" s="261">
        <v>192625</v>
      </c>
      <c r="EH9" s="265">
        <v>0</v>
      </c>
      <c r="EI9" s="263">
        <v>1114392</v>
      </c>
      <c r="EJ9" s="263">
        <v>2552288</v>
      </c>
      <c r="EK9" s="263">
        <v>5162803</v>
      </c>
      <c r="EL9" s="263">
        <v>2918600</v>
      </c>
      <c r="EM9" s="267">
        <v>1965940</v>
      </c>
      <c r="EN9" s="259">
        <v>13714023</v>
      </c>
      <c r="EO9" s="260">
        <v>13906648</v>
      </c>
      <c r="EP9" s="264">
        <v>0</v>
      </c>
      <c r="EQ9" s="263">
        <v>0</v>
      </c>
      <c r="ER9" s="259">
        <v>0</v>
      </c>
      <c r="ES9" s="262">
        <v>0</v>
      </c>
      <c r="ET9" s="263">
        <v>0</v>
      </c>
      <c r="EU9" s="263">
        <v>0</v>
      </c>
      <c r="EV9" s="263">
        <v>0</v>
      </c>
      <c r="EW9" s="263">
        <v>0</v>
      </c>
      <c r="EX9" s="263">
        <v>0</v>
      </c>
      <c r="EY9" s="268">
        <v>0</v>
      </c>
      <c r="EZ9" s="260">
        <v>0</v>
      </c>
      <c r="FA9" s="264">
        <v>0</v>
      </c>
      <c r="FB9" s="263">
        <v>0</v>
      </c>
      <c r="FC9" s="259">
        <v>0</v>
      </c>
      <c r="FD9" s="262">
        <v>0</v>
      </c>
      <c r="FE9" s="263">
        <v>0</v>
      </c>
      <c r="FF9" s="263">
        <v>0</v>
      </c>
      <c r="FG9" s="263">
        <v>0</v>
      </c>
      <c r="FH9" s="263">
        <v>0</v>
      </c>
      <c r="FI9" s="263">
        <v>0</v>
      </c>
      <c r="FJ9" s="268">
        <v>0</v>
      </c>
      <c r="FK9" s="260">
        <v>0</v>
      </c>
      <c r="FL9" s="264">
        <v>6643727</v>
      </c>
      <c r="FM9" s="263">
        <v>12142340</v>
      </c>
      <c r="FN9" s="261">
        <v>18786067</v>
      </c>
      <c r="FO9" s="262">
        <v>0</v>
      </c>
      <c r="FP9" s="263">
        <v>16138036</v>
      </c>
      <c r="FQ9" s="263">
        <v>42464980</v>
      </c>
      <c r="FR9" s="263">
        <v>29706848</v>
      </c>
      <c r="FS9" s="263">
        <v>23400981</v>
      </c>
      <c r="FT9" s="263">
        <v>16166953</v>
      </c>
      <c r="FU9" s="261">
        <v>127877798</v>
      </c>
      <c r="FV9" s="260">
        <v>146663865</v>
      </c>
      <c r="FW9" s="264">
        <v>3000472</v>
      </c>
      <c r="FX9" s="263">
        <v>8202024</v>
      </c>
      <c r="FY9" s="259">
        <v>11202496</v>
      </c>
      <c r="FZ9" s="265">
        <v>0</v>
      </c>
      <c r="GA9" s="263">
        <v>11655032</v>
      </c>
      <c r="GB9" s="270">
        <v>38193458</v>
      </c>
      <c r="GC9" s="263">
        <v>27344881</v>
      </c>
      <c r="GD9" s="270">
        <v>21825161</v>
      </c>
      <c r="GE9" s="263">
        <v>15113176</v>
      </c>
      <c r="GF9" s="268">
        <v>114131708</v>
      </c>
      <c r="GG9" s="271">
        <v>125334204</v>
      </c>
      <c r="GH9" s="272">
        <v>248175</v>
      </c>
      <c r="GI9" s="263">
        <v>686925</v>
      </c>
      <c r="GJ9" s="270">
        <v>935100</v>
      </c>
      <c r="GK9" s="258">
        <v>0</v>
      </c>
      <c r="GL9" s="263">
        <v>1000932</v>
      </c>
      <c r="GM9" s="259">
        <v>1106970</v>
      </c>
      <c r="GN9" s="263">
        <v>852563</v>
      </c>
      <c r="GO9" s="259">
        <v>705940</v>
      </c>
      <c r="GP9" s="263">
        <v>303873</v>
      </c>
      <c r="GQ9" s="269">
        <v>3970278</v>
      </c>
      <c r="GR9" s="260">
        <v>4905378</v>
      </c>
      <c r="GS9" s="259">
        <v>3395080</v>
      </c>
      <c r="GT9" s="263">
        <v>3253391</v>
      </c>
      <c r="GU9" s="261">
        <v>6648471</v>
      </c>
      <c r="GV9" s="259">
        <v>0</v>
      </c>
      <c r="GW9" s="263">
        <v>3482072</v>
      </c>
      <c r="GX9" s="259">
        <v>3164552</v>
      </c>
      <c r="GY9" s="263">
        <v>1509404</v>
      </c>
      <c r="GZ9" s="259">
        <v>869880</v>
      </c>
      <c r="HA9" s="263">
        <v>749904</v>
      </c>
      <c r="HB9" s="259">
        <v>9775812</v>
      </c>
      <c r="HC9" s="260">
        <v>16424283</v>
      </c>
      <c r="HD9" s="259">
        <v>10164005</v>
      </c>
      <c r="HE9" s="263">
        <v>12526557</v>
      </c>
      <c r="HF9" s="259">
        <v>22690562</v>
      </c>
      <c r="HG9" s="265">
        <v>0</v>
      </c>
      <c r="HH9" s="263">
        <v>99634655</v>
      </c>
      <c r="HI9" s="270">
        <v>105880631</v>
      </c>
      <c r="HJ9" s="263">
        <v>92007919</v>
      </c>
      <c r="HK9" s="270">
        <v>105924412</v>
      </c>
      <c r="HL9" s="263">
        <v>53981159</v>
      </c>
      <c r="HM9" s="268">
        <v>457428776</v>
      </c>
      <c r="HN9" s="259">
        <v>480119338</v>
      </c>
      <c r="HO9" s="272">
        <v>0</v>
      </c>
      <c r="HP9" s="263">
        <v>0</v>
      </c>
      <c r="HQ9" s="268">
        <v>0</v>
      </c>
      <c r="HR9" s="270">
        <v>0</v>
      </c>
      <c r="HS9" s="263">
        <v>0</v>
      </c>
      <c r="HT9" s="270">
        <v>0</v>
      </c>
      <c r="HU9" s="263">
        <v>0</v>
      </c>
      <c r="HV9" s="270">
        <v>0</v>
      </c>
      <c r="HW9" s="263">
        <v>0</v>
      </c>
      <c r="HX9" s="270">
        <v>0</v>
      </c>
      <c r="HY9" s="260">
        <v>0</v>
      </c>
      <c r="HZ9" s="273">
        <v>382247</v>
      </c>
      <c r="IA9" s="274">
        <v>871028</v>
      </c>
      <c r="IB9" s="275">
        <v>1253275</v>
      </c>
      <c r="IC9" s="276">
        <v>0</v>
      </c>
      <c r="ID9" s="274">
        <v>84572514</v>
      </c>
      <c r="IE9" s="277">
        <v>114112681</v>
      </c>
      <c r="IF9" s="278">
        <v>111672930</v>
      </c>
      <c r="IG9" s="274">
        <v>82779242</v>
      </c>
      <c r="IH9" s="278">
        <v>54809068</v>
      </c>
      <c r="II9" s="279">
        <v>447946435</v>
      </c>
      <c r="IJ9" s="280">
        <v>449199710</v>
      </c>
      <c r="IK9" s="281">
        <v>0</v>
      </c>
      <c r="IL9" s="282">
        <v>0</v>
      </c>
      <c r="IM9" s="283">
        <v>0</v>
      </c>
      <c r="IN9" s="406">
        <v>0</v>
      </c>
      <c r="IO9" s="284">
        <v>1765592</v>
      </c>
      <c r="IP9" s="284">
        <v>2744167</v>
      </c>
      <c r="IQ9" s="284">
        <v>5242669</v>
      </c>
      <c r="IR9" s="284">
        <v>5135703</v>
      </c>
      <c r="IS9" s="284">
        <v>5371685</v>
      </c>
      <c r="IT9" s="285">
        <v>20259816</v>
      </c>
      <c r="IU9" s="286">
        <v>20259816</v>
      </c>
      <c r="IV9" s="287">
        <v>0</v>
      </c>
      <c r="IW9" s="284">
        <v>0</v>
      </c>
      <c r="IX9" s="288">
        <v>0</v>
      </c>
      <c r="IY9" s="406">
        <v>0</v>
      </c>
      <c r="IZ9" s="284">
        <v>222413</v>
      </c>
      <c r="JA9" s="284">
        <v>433078</v>
      </c>
      <c r="JB9" s="284">
        <v>981521</v>
      </c>
      <c r="JC9" s="284">
        <v>1046339</v>
      </c>
      <c r="JD9" s="284">
        <v>681157</v>
      </c>
      <c r="JE9" s="288">
        <v>3364508</v>
      </c>
      <c r="JF9" s="289">
        <v>3364508</v>
      </c>
      <c r="JG9" s="287">
        <v>0</v>
      </c>
      <c r="JH9" s="284">
        <v>0</v>
      </c>
      <c r="JI9" s="285">
        <v>0</v>
      </c>
      <c r="JJ9" s="290">
        <v>0</v>
      </c>
      <c r="JK9" s="284">
        <v>39193364</v>
      </c>
      <c r="JL9" s="284">
        <v>46552820</v>
      </c>
      <c r="JM9" s="284">
        <v>28965665</v>
      </c>
      <c r="JN9" s="284">
        <v>13739829</v>
      </c>
      <c r="JO9" s="284">
        <v>8386418</v>
      </c>
      <c r="JP9" s="288">
        <v>136838096</v>
      </c>
      <c r="JQ9" s="286">
        <v>136838096</v>
      </c>
      <c r="JR9" s="287">
        <v>0</v>
      </c>
      <c r="JS9" s="284">
        <v>0</v>
      </c>
      <c r="JT9" s="285">
        <v>0</v>
      </c>
      <c r="JU9" s="290">
        <v>0</v>
      </c>
      <c r="JV9" s="284">
        <v>5518227</v>
      </c>
      <c r="JW9" s="284">
        <v>7941793</v>
      </c>
      <c r="JX9" s="284">
        <v>8906634</v>
      </c>
      <c r="JY9" s="284">
        <v>4018410</v>
      </c>
      <c r="JZ9" s="284">
        <v>2589629</v>
      </c>
      <c r="KA9" s="288">
        <v>28974693</v>
      </c>
      <c r="KB9" s="286">
        <v>28974693</v>
      </c>
      <c r="KC9" s="291">
        <v>382247</v>
      </c>
      <c r="KD9" s="292">
        <v>635464</v>
      </c>
      <c r="KE9" s="288">
        <v>1017711</v>
      </c>
      <c r="KF9" s="290">
        <v>0</v>
      </c>
      <c r="KG9" s="284">
        <v>9454509</v>
      </c>
      <c r="KH9" s="284">
        <v>17239243</v>
      </c>
      <c r="KI9" s="284">
        <v>15659082</v>
      </c>
      <c r="KJ9" s="284">
        <v>14233752</v>
      </c>
      <c r="KK9" s="284">
        <v>9306175</v>
      </c>
      <c r="KL9" s="288">
        <v>65892761</v>
      </c>
      <c r="KM9" s="293">
        <v>66910472</v>
      </c>
      <c r="KN9" s="281">
        <v>0</v>
      </c>
      <c r="KO9" s="282">
        <v>235564</v>
      </c>
      <c r="KP9" s="283">
        <v>235564</v>
      </c>
      <c r="KQ9" s="406">
        <v>0</v>
      </c>
      <c r="KR9" s="284">
        <v>24124373</v>
      </c>
      <c r="KS9" s="284">
        <v>34109387</v>
      </c>
      <c r="KT9" s="284">
        <v>41710894</v>
      </c>
      <c r="KU9" s="284">
        <v>29552029</v>
      </c>
      <c r="KV9" s="284">
        <v>16013233</v>
      </c>
      <c r="KW9" s="288">
        <v>145509916</v>
      </c>
      <c r="KX9" s="286">
        <v>145745480</v>
      </c>
      <c r="KY9" s="287">
        <v>0</v>
      </c>
      <c r="KZ9" s="284">
        <v>0</v>
      </c>
      <c r="LA9" s="288">
        <v>0</v>
      </c>
      <c r="LB9" s="406">
        <v>0</v>
      </c>
      <c r="LC9" s="284">
        <v>382685</v>
      </c>
      <c r="LD9" s="284">
        <v>912557</v>
      </c>
      <c r="LE9" s="284">
        <v>564920</v>
      </c>
      <c r="LF9" s="284">
        <v>1051457</v>
      </c>
      <c r="LG9" s="284">
        <v>1429834</v>
      </c>
      <c r="LH9" s="288">
        <v>4341453</v>
      </c>
      <c r="LI9" s="289">
        <v>4341453</v>
      </c>
      <c r="LJ9" s="287">
        <v>0</v>
      </c>
      <c r="LK9" s="284">
        <v>0</v>
      </c>
      <c r="LL9" s="288">
        <v>0</v>
      </c>
      <c r="LM9" s="406">
        <v>0</v>
      </c>
      <c r="LN9" s="284">
        <v>230144</v>
      </c>
      <c r="LO9" s="284">
        <v>711497</v>
      </c>
      <c r="LP9" s="284">
        <v>2965581</v>
      </c>
      <c r="LQ9" s="284">
        <v>7128614</v>
      </c>
      <c r="LR9" s="284">
        <v>4214246</v>
      </c>
      <c r="LS9" s="288">
        <v>15250082</v>
      </c>
      <c r="LT9" s="286">
        <v>15250082</v>
      </c>
      <c r="LU9" s="287">
        <v>0</v>
      </c>
      <c r="LV9" s="284">
        <v>0</v>
      </c>
      <c r="LW9" s="288">
        <v>0</v>
      </c>
      <c r="LX9" s="406">
        <v>0</v>
      </c>
      <c r="LY9" s="284">
        <v>3681207</v>
      </c>
      <c r="LZ9" s="284">
        <v>3468139</v>
      </c>
      <c r="MA9" s="284">
        <v>6675964</v>
      </c>
      <c r="MB9" s="284">
        <v>6873109</v>
      </c>
      <c r="MC9" s="284">
        <v>6816691</v>
      </c>
      <c r="MD9" s="288">
        <v>27515110</v>
      </c>
      <c r="ME9" s="289">
        <v>27515110</v>
      </c>
      <c r="MF9" s="287">
        <v>0</v>
      </c>
      <c r="MG9" s="284">
        <v>0</v>
      </c>
      <c r="MH9" s="288">
        <v>0</v>
      </c>
      <c r="MI9" s="406">
        <v>0</v>
      </c>
      <c r="MJ9" s="284">
        <v>23849574</v>
      </c>
      <c r="MK9" s="284">
        <v>59752184</v>
      </c>
      <c r="ML9" s="284">
        <v>202331716</v>
      </c>
      <c r="MM9" s="284">
        <v>290773014</v>
      </c>
      <c r="MN9" s="284">
        <v>154479688</v>
      </c>
      <c r="MO9" s="288">
        <v>731186176</v>
      </c>
      <c r="MP9" s="293">
        <v>731186176</v>
      </c>
      <c r="MQ9" s="287">
        <v>0</v>
      </c>
      <c r="MR9" s="284">
        <v>0</v>
      </c>
      <c r="MS9" s="288">
        <v>0</v>
      </c>
      <c r="MT9" s="406">
        <v>0</v>
      </c>
      <c r="MU9" s="284">
        <v>3681467</v>
      </c>
      <c r="MV9" s="284">
        <v>14871080</v>
      </c>
      <c r="MW9" s="284">
        <v>117484501</v>
      </c>
      <c r="MX9" s="284">
        <v>183339583</v>
      </c>
      <c r="MY9" s="284">
        <v>98019999</v>
      </c>
      <c r="MZ9" s="288">
        <v>417396630</v>
      </c>
      <c r="NA9" s="293">
        <v>417396630</v>
      </c>
      <c r="NB9" s="287">
        <v>0</v>
      </c>
      <c r="NC9" s="284">
        <v>0</v>
      </c>
      <c r="ND9" s="288">
        <v>0</v>
      </c>
      <c r="NE9" s="406">
        <v>0</v>
      </c>
      <c r="NF9" s="284">
        <v>20168107</v>
      </c>
      <c r="NG9" s="284">
        <v>44881104</v>
      </c>
      <c r="NH9" s="284">
        <v>84248099</v>
      </c>
      <c r="NI9" s="284">
        <v>100477250</v>
      </c>
      <c r="NJ9" s="284">
        <v>50198823</v>
      </c>
      <c r="NK9" s="288">
        <v>299973383</v>
      </c>
      <c r="NL9" s="286">
        <v>299973383</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0</v>
      </c>
      <c r="OD9" s="284">
        <v>599116</v>
      </c>
      <c r="OE9" s="284">
        <v>6956181</v>
      </c>
      <c r="OF9" s="284">
        <v>6260866</v>
      </c>
      <c r="OG9" s="288">
        <v>13816163</v>
      </c>
      <c r="OH9" s="289">
        <v>13816163</v>
      </c>
      <c r="OI9" s="287">
        <v>28805592</v>
      </c>
      <c r="OJ9" s="284">
        <v>53019444</v>
      </c>
      <c r="OK9" s="285">
        <v>81825036</v>
      </c>
      <c r="OL9" s="290">
        <v>0</v>
      </c>
      <c r="OM9" s="284">
        <v>428962127</v>
      </c>
      <c r="ON9" s="284">
        <v>611778625</v>
      </c>
      <c r="OO9" s="284">
        <v>672935880</v>
      </c>
      <c r="OP9" s="284">
        <v>697524889</v>
      </c>
      <c r="OQ9" s="284">
        <v>422083549</v>
      </c>
      <c r="OR9" s="288">
        <v>2833285070</v>
      </c>
      <c r="OS9" s="293">
        <v>2915110106</v>
      </c>
    </row>
    <row r="10" spans="1:409" s="407" customFormat="1" ht="21" customHeight="1" x14ac:dyDescent="0.2">
      <c r="A10" s="70"/>
      <c r="B10" s="409" t="s">
        <v>5</v>
      </c>
      <c r="C10" s="295">
        <v>11743023</v>
      </c>
      <c r="D10" s="296">
        <v>27721166</v>
      </c>
      <c r="E10" s="297">
        <v>39464189</v>
      </c>
      <c r="F10" s="298">
        <v>0</v>
      </c>
      <c r="G10" s="296">
        <v>118241515</v>
      </c>
      <c r="H10" s="296">
        <v>206067643</v>
      </c>
      <c r="I10" s="296">
        <v>166326794</v>
      </c>
      <c r="J10" s="296">
        <v>144813987</v>
      </c>
      <c r="K10" s="296">
        <v>92888871</v>
      </c>
      <c r="L10" s="298">
        <v>728338810</v>
      </c>
      <c r="M10" s="299">
        <v>767802999</v>
      </c>
      <c r="N10" s="295">
        <v>3452019</v>
      </c>
      <c r="O10" s="296">
        <v>11352405</v>
      </c>
      <c r="P10" s="297">
        <v>14804424</v>
      </c>
      <c r="Q10" s="295">
        <v>0</v>
      </c>
      <c r="R10" s="296">
        <v>38441700</v>
      </c>
      <c r="S10" s="296">
        <v>73786006</v>
      </c>
      <c r="T10" s="296">
        <v>59224231</v>
      </c>
      <c r="U10" s="296">
        <v>56683138</v>
      </c>
      <c r="V10" s="296">
        <v>44787073</v>
      </c>
      <c r="W10" s="297">
        <v>272922148</v>
      </c>
      <c r="X10" s="299">
        <v>287726572</v>
      </c>
      <c r="Y10" s="295">
        <v>0</v>
      </c>
      <c r="Z10" s="296">
        <v>0</v>
      </c>
      <c r="AA10" s="297">
        <v>0</v>
      </c>
      <c r="AB10" s="295">
        <v>0</v>
      </c>
      <c r="AC10" s="296">
        <v>15044847</v>
      </c>
      <c r="AD10" s="296">
        <v>28254789</v>
      </c>
      <c r="AE10" s="296">
        <v>27511864</v>
      </c>
      <c r="AF10" s="296">
        <v>27945386</v>
      </c>
      <c r="AG10" s="296">
        <v>24316120</v>
      </c>
      <c r="AH10" s="297">
        <v>123073006</v>
      </c>
      <c r="AI10" s="299">
        <v>123073006</v>
      </c>
      <c r="AJ10" s="295">
        <v>0</v>
      </c>
      <c r="AK10" s="296">
        <v>82473</v>
      </c>
      <c r="AL10" s="297">
        <v>82473</v>
      </c>
      <c r="AM10" s="295">
        <v>0</v>
      </c>
      <c r="AN10" s="296">
        <v>262678</v>
      </c>
      <c r="AO10" s="296">
        <v>471487</v>
      </c>
      <c r="AP10" s="296">
        <v>1212616</v>
      </c>
      <c r="AQ10" s="296">
        <v>3930570</v>
      </c>
      <c r="AR10" s="296">
        <v>5610398</v>
      </c>
      <c r="AS10" s="297">
        <v>11487749</v>
      </c>
      <c r="AT10" s="299">
        <v>11570222</v>
      </c>
      <c r="AU10" s="295">
        <v>1927920</v>
      </c>
      <c r="AV10" s="296">
        <v>8170635</v>
      </c>
      <c r="AW10" s="297">
        <v>10098555</v>
      </c>
      <c r="AX10" s="295">
        <v>0</v>
      </c>
      <c r="AY10" s="296">
        <v>14854428</v>
      </c>
      <c r="AZ10" s="296">
        <v>32151259</v>
      </c>
      <c r="BA10" s="296">
        <v>20270325</v>
      </c>
      <c r="BB10" s="296">
        <v>14924651</v>
      </c>
      <c r="BC10" s="296">
        <v>9004579</v>
      </c>
      <c r="BD10" s="297">
        <v>91205242</v>
      </c>
      <c r="BE10" s="299">
        <v>101303797</v>
      </c>
      <c r="BF10" s="295">
        <v>127107</v>
      </c>
      <c r="BG10" s="296">
        <v>775876</v>
      </c>
      <c r="BH10" s="300">
        <v>902983</v>
      </c>
      <c r="BI10" s="301">
        <v>0</v>
      </c>
      <c r="BJ10" s="296">
        <v>830739</v>
      </c>
      <c r="BK10" s="296">
        <v>1465399</v>
      </c>
      <c r="BL10" s="296">
        <v>1408708</v>
      </c>
      <c r="BM10" s="296">
        <v>1548291</v>
      </c>
      <c r="BN10" s="296">
        <v>397960</v>
      </c>
      <c r="BO10" s="297">
        <v>5651097</v>
      </c>
      <c r="BP10" s="299">
        <v>6554080</v>
      </c>
      <c r="BQ10" s="295">
        <v>1396992</v>
      </c>
      <c r="BR10" s="296">
        <v>2323421</v>
      </c>
      <c r="BS10" s="297">
        <v>3720413</v>
      </c>
      <c r="BT10" s="295">
        <v>0</v>
      </c>
      <c r="BU10" s="296">
        <v>7449008</v>
      </c>
      <c r="BV10" s="296">
        <v>11443072</v>
      </c>
      <c r="BW10" s="296">
        <v>8820718</v>
      </c>
      <c r="BX10" s="296">
        <v>8334240</v>
      </c>
      <c r="BY10" s="296">
        <v>5458016</v>
      </c>
      <c r="BZ10" s="297">
        <v>41505054</v>
      </c>
      <c r="CA10" s="299">
        <v>45225467</v>
      </c>
      <c r="CB10" s="295">
        <v>1434575</v>
      </c>
      <c r="CC10" s="296">
        <v>3942966</v>
      </c>
      <c r="CD10" s="297">
        <v>5377541</v>
      </c>
      <c r="CE10" s="295">
        <v>0</v>
      </c>
      <c r="CF10" s="296">
        <v>32176693</v>
      </c>
      <c r="CG10" s="296">
        <v>53092912</v>
      </c>
      <c r="CH10" s="296">
        <v>34728449</v>
      </c>
      <c r="CI10" s="296">
        <v>20189941</v>
      </c>
      <c r="CJ10" s="296">
        <v>9269178</v>
      </c>
      <c r="CK10" s="297">
        <v>149457173</v>
      </c>
      <c r="CL10" s="299">
        <v>154834714</v>
      </c>
      <c r="CM10" s="295">
        <v>0</v>
      </c>
      <c r="CN10" s="296">
        <v>0</v>
      </c>
      <c r="CO10" s="297">
        <v>0</v>
      </c>
      <c r="CP10" s="301">
        <v>0</v>
      </c>
      <c r="CQ10" s="296">
        <v>25781793</v>
      </c>
      <c r="CR10" s="296">
        <v>38222823</v>
      </c>
      <c r="CS10" s="296">
        <v>23654425</v>
      </c>
      <c r="CT10" s="296">
        <v>12654749</v>
      </c>
      <c r="CU10" s="296">
        <v>7635148</v>
      </c>
      <c r="CV10" s="297">
        <v>107948938</v>
      </c>
      <c r="CW10" s="299">
        <v>107948938</v>
      </c>
      <c r="CX10" s="295">
        <v>1434575</v>
      </c>
      <c r="CY10" s="296">
        <v>3942966</v>
      </c>
      <c r="CZ10" s="297">
        <v>5377541</v>
      </c>
      <c r="DA10" s="295">
        <v>0</v>
      </c>
      <c r="DB10" s="296">
        <v>6394900</v>
      </c>
      <c r="DC10" s="296">
        <v>14870089</v>
      </c>
      <c r="DD10" s="296">
        <v>11074024</v>
      </c>
      <c r="DE10" s="296">
        <v>7535192</v>
      </c>
      <c r="DF10" s="296">
        <v>1634030</v>
      </c>
      <c r="DG10" s="297">
        <v>41508235</v>
      </c>
      <c r="DH10" s="299">
        <v>46885776</v>
      </c>
      <c r="DI10" s="295">
        <v>58043</v>
      </c>
      <c r="DJ10" s="296">
        <v>374939</v>
      </c>
      <c r="DK10" s="300">
        <v>432982</v>
      </c>
      <c r="DL10" s="301">
        <v>0</v>
      </c>
      <c r="DM10" s="296">
        <v>4408920</v>
      </c>
      <c r="DN10" s="296">
        <v>8568557</v>
      </c>
      <c r="DO10" s="296">
        <v>15914261</v>
      </c>
      <c r="DP10" s="296">
        <v>9954418</v>
      </c>
      <c r="DQ10" s="296">
        <v>6669022</v>
      </c>
      <c r="DR10" s="297">
        <v>45515178</v>
      </c>
      <c r="DS10" s="299">
        <v>45948160</v>
      </c>
      <c r="DT10" s="295">
        <v>58043</v>
      </c>
      <c r="DU10" s="296">
        <v>241592</v>
      </c>
      <c r="DV10" s="297">
        <v>299635</v>
      </c>
      <c r="DW10" s="295">
        <v>0</v>
      </c>
      <c r="DX10" s="296">
        <v>3827948</v>
      </c>
      <c r="DY10" s="296">
        <v>7330282</v>
      </c>
      <c r="DZ10" s="296">
        <v>12255143</v>
      </c>
      <c r="EA10" s="296">
        <v>8348707</v>
      </c>
      <c r="EB10" s="296">
        <v>5166397</v>
      </c>
      <c r="EC10" s="297">
        <v>36928477</v>
      </c>
      <c r="ED10" s="299">
        <v>37228112</v>
      </c>
      <c r="EE10" s="295">
        <v>0</v>
      </c>
      <c r="EF10" s="300">
        <v>133347</v>
      </c>
      <c r="EG10" s="297">
        <v>133347</v>
      </c>
      <c r="EH10" s="295">
        <v>0</v>
      </c>
      <c r="EI10" s="296">
        <v>580972</v>
      </c>
      <c r="EJ10" s="296">
        <v>1238275</v>
      </c>
      <c r="EK10" s="296">
        <v>3659118</v>
      </c>
      <c r="EL10" s="296">
        <v>1605711</v>
      </c>
      <c r="EM10" s="296">
        <v>1502625</v>
      </c>
      <c r="EN10" s="300">
        <v>8586701</v>
      </c>
      <c r="EO10" s="299">
        <v>8720048</v>
      </c>
      <c r="EP10" s="295">
        <v>0</v>
      </c>
      <c r="EQ10" s="296">
        <v>0</v>
      </c>
      <c r="ER10" s="300">
        <v>0</v>
      </c>
      <c r="ES10" s="301">
        <v>0</v>
      </c>
      <c r="ET10" s="296">
        <v>0</v>
      </c>
      <c r="EU10" s="296">
        <v>0</v>
      </c>
      <c r="EV10" s="296">
        <v>0</v>
      </c>
      <c r="EW10" s="296">
        <v>0</v>
      </c>
      <c r="EX10" s="296">
        <v>0</v>
      </c>
      <c r="EY10" s="297">
        <v>0</v>
      </c>
      <c r="EZ10" s="299">
        <v>0</v>
      </c>
      <c r="FA10" s="295">
        <v>0</v>
      </c>
      <c r="FB10" s="296">
        <v>0</v>
      </c>
      <c r="FC10" s="300">
        <v>0</v>
      </c>
      <c r="FD10" s="301">
        <v>0</v>
      </c>
      <c r="FE10" s="296">
        <v>0</v>
      </c>
      <c r="FF10" s="296">
        <v>0</v>
      </c>
      <c r="FG10" s="296">
        <v>0</v>
      </c>
      <c r="FH10" s="296">
        <v>0</v>
      </c>
      <c r="FI10" s="296">
        <v>0</v>
      </c>
      <c r="FJ10" s="297">
        <v>0</v>
      </c>
      <c r="FK10" s="299">
        <v>0</v>
      </c>
      <c r="FL10" s="295">
        <v>2673432</v>
      </c>
      <c r="FM10" s="296">
        <v>5822489</v>
      </c>
      <c r="FN10" s="297">
        <v>8495921</v>
      </c>
      <c r="FO10" s="295">
        <v>0</v>
      </c>
      <c r="FP10" s="296">
        <v>4988301</v>
      </c>
      <c r="FQ10" s="296">
        <v>18517020</v>
      </c>
      <c r="FR10" s="296">
        <v>13936653</v>
      </c>
      <c r="FS10" s="296">
        <v>10296049</v>
      </c>
      <c r="FT10" s="296">
        <v>6563449</v>
      </c>
      <c r="FU10" s="297">
        <v>54301472</v>
      </c>
      <c r="FV10" s="299">
        <v>62797393</v>
      </c>
      <c r="FW10" s="302">
        <v>913392</v>
      </c>
      <c r="FX10" s="296">
        <v>3673312</v>
      </c>
      <c r="FY10" s="300">
        <v>4586704</v>
      </c>
      <c r="FZ10" s="301">
        <v>0</v>
      </c>
      <c r="GA10" s="296">
        <v>3481368</v>
      </c>
      <c r="GB10" s="296">
        <v>16738760</v>
      </c>
      <c r="GC10" s="296">
        <v>12730993</v>
      </c>
      <c r="GD10" s="296">
        <v>9590040</v>
      </c>
      <c r="GE10" s="296">
        <v>6096920</v>
      </c>
      <c r="GF10" s="297">
        <v>48638081</v>
      </c>
      <c r="GG10" s="303">
        <v>53224785</v>
      </c>
      <c r="GH10" s="302">
        <v>25520</v>
      </c>
      <c r="GI10" s="296">
        <v>479493</v>
      </c>
      <c r="GJ10" s="300">
        <v>505013</v>
      </c>
      <c r="GK10" s="301">
        <v>0</v>
      </c>
      <c r="GL10" s="296">
        <v>433157</v>
      </c>
      <c r="GM10" s="296">
        <v>661268</v>
      </c>
      <c r="GN10" s="296">
        <v>276460</v>
      </c>
      <c r="GO10" s="296">
        <v>346649</v>
      </c>
      <c r="GP10" s="296">
        <v>165089</v>
      </c>
      <c r="GQ10" s="297">
        <v>1882623</v>
      </c>
      <c r="GR10" s="299">
        <v>2387636</v>
      </c>
      <c r="GS10" s="295">
        <v>1734520</v>
      </c>
      <c r="GT10" s="296">
        <v>1669684</v>
      </c>
      <c r="GU10" s="297">
        <v>3404204</v>
      </c>
      <c r="GV10" s="295">
        <v>0</v>
      </c>
      <c r="GW10" s="296">
        <v>1073776</v>
      </c>
      <c r="GX10" s="296">
        <v>1116992</v>
      </c>
      <c r="GY10" s="296">
        <v>929200</v>
      </c>
      <c r="GZ10" s="296">
        <v>359360</v>
      </c>
      <c r="HA10" s="296">
        <v>301440</v>
      </c>
      <c r="HB10" s="300">
        <v>3780768</v>
      </c>
      <c r="HC10" s="299">
        <v>7184972</v>
      </c>
      <c r="HD10" s="295">
        <v>4124954</v>
      </c>
      <c r="HE10" s="296">
        <v>6228367</v>
      </c>
      <c r="HF10" s="300">
        <v>10353321</v>
      </c>
      <c r="HG10" s="301">
        <v>0</v>
      </c>
      <c r="HH10" s="296">
        <v>38225901</v>
      </c>
      <c r="HI10" s="296">
        <v>52103148</v>
      </c>
      <c r="HJ10" s="296">
        <v>42523200</v>
      </c>
      <c r="HK10" s="296">
        <v>47690441</v>
      </c>
      <c r="HL10" s="296">
        <v>25600149</v>
      </c>
      <c r="HM10" s="297">
        <v>206142839</v>
      </c>
      <c r="HN10" s="298">
        <v>216496160</v>
      </c>
      <c r="HO10" s="302">
        <v>0</v>
      </c>
      <c r="HP10" s="296">
        <v>0</v>
      </c>
      <c r="HQ10" s="297">
        <v>0</v>
      </c>
      <c r="HR10" s="295">
        <v>0</v>
      </c>
      <c r="HS10" s="296">
        <v>0</v>
      </c>
      <c r="HT10" s="296">
        <v>0</v>
      </c>
      <c r="HU10" s="296">
        <v>0</v>
      </c>
      <c r="HV10" s="296">
        <v>0</v>
      </c>
      <c r="HW10" s="296">
        <v>0</v>
      </c>
      <c r="HX10" s="300">
        <v>0</v>
      </c>
      <c r="HY10" s="299">
        <v>0</v>
      </c>
      <c r="HZ10" s="304">
        <v>150394</v>
      </c>
      <c r="IA10" s="305">
        <v>486359</v>
      </c>
      <c r="IB10" s="306">
        <v>636753</v>
      </c>
      <c r="IC10" s="307">
        <v>0</v>
      </c>
      <c r="ID10" s="308">
        <v>31782742</v>
      </c>
      <c r="IE10" s="309">
        <v>49801914</v>
      </c>
      <c r="IF10" s="310">
        <v>48881317</v>
      </c>
      <c r="IG10" s="308">
        <v>31342243</v>
      </c>
      <c r="IH10" s="310">
        <v>25466251</v>
      </c>
      <c r="II10" s="311">
        <v>187274467</v>
      </c>
      <c r="IJ10" s="312">
        <v>187911220</v>
      </c>
      <c r="IK10" s="313">
        <v>0</v>
      </c>
      <c r="IL10" s="314">
        <v>0</v>
      </c>
      <c r="IM10" s="315">
        <v>0</v>
      </c>
      <c r="IN10" s="403">
        <v>0</v>
      </c>
      <c r="IO10" s="316">
        <v>706801</v>
      </c>
      <c r="IP10" s="316">
        <v>1655391</v>
      </c>
      <c r="IQ10" s="316">
        <v>2507306</v>
      </c>
      <c r="IR10" s="316">
        <v>2575196</v>
      </c>
      <c r="IS10" s="316">
        <v>3303052</v>
      </c>
      <c r="IT10" s="317">
        <v>10747746</v>
      </c>
      <c r="IU10" s="318">
        <v>10747746</v>
      </c>
      <c r="IV10" s="319">
        <v>0</v>
      </c>
      <c r="IW10" s="316">
        <v>0</v>
      </c>
      <c r="IX10" s="320">
        <v>0</v>
      </c>
      <c r="IY10" s="403">
        <v>0</v>
      </c>
      <c r="IZ10" s="316">
        <v>119733</v>
      </c>
      <c r="JA10" s="316">
        <v>345786</v>
      </c>
      <c r="JB10" s="316">
        <v>657747</v>
      </c>
      <c r="JC10" s="316">
        <v>920761</v>
      </c>
      <c r="JD10" s="316">
        <v>514729</v>
      </c>
      <c r="JE10" s="320">
        <v>2558756</v>
      </c>
      <c r="JF10" s="321">
        <v>2558756</v>
      </c>
      <c r="JG10" s="319">
        <v>0</v>
      </c>
      <c r="JH10" s="316">
        <v>0</v>
      </c>
      <c r="JI10" s="317">
        <v>0</v>
      </c>
      <c r="JJ10" s="322">
        <v>0</v>
      </c>
      <c r="JK10" s="316">
        <v>14499914</v>
      </c>
      <c r="JL10" s="316">
        <v>22427436</v>
      </c>
      <c r="JM10" s="316">
        <v>16501360</v>
      </c>
      <c r="JN10" s="316">
        <v>5725390</v>
      </c>
      <c r="JO10" s="316">
        <v>4357254</v>
      </c>
      <c r="JP10" s="320">
        <v>63511354</v>
      </c>
      <c r="JQ10" s="318">
        <v>63511354</v>
      </c>
      <c r="JR10" s="319">
        <v>0</v>
      </c>
      <c r="JS10" s="316">
        <v>0</v>
      </c>
      <c r="JT10" s="317">
        <v>0</v>
      </c>
      <c r="JU10" s="322">
        <v>0</v>
      </c>
      <c r="JV10" s="316">
        <v>3122882</v>
      </c>
      <c r="JW10" s="316">
        <v>4630437</v>
      </c>
      <c r="JX10" s="316">
        <v>5723357</v>
      </c>
      <c r="JY10" s="316">
        <v>2310848</v>
      </c>
      <c r="JZ10" s="316">
        <v>1186182</v>
      </c>
      <c r="KA10" s="320">
        <v>16973706</v>
      </c>
      <c r="KB10" s="318">
        <v>16973706</v>
      </c>
      <c r="KC10" s="323">
        <v>150394</v>
      </c>
      <c r="KD10" s="324">
        <v>250795</v>
      </c>
      <c r="KE10" s="320">
        <v>401189</v>
      </c>
      <c r="KF10" s="322">
        <v>0</v>
      </c>
      <c r="KG10" s="316">
        <v>3704602</v>
      </c>
      <c r="KH10" s="316">
        <v>6483041</v>
      </c>
      <c r="KI10" s="316">
        <v>6854009</v>
      </c>
      <c r="KJ10" s="316">
        <v>5860115</v>
      </c>
      <c r="KK10" s="316">
        <v>5375351</v>
      </c>
      <c r="KL10" s="320">
        <v>28277118</v>
      </c>
      <c r="KM10" s="325">
        <v>28678307</v>
      </c>
      <c r="KN10" s="313">
        <v>0</v>
      </c>
      <c r="KO10" s="314">
        <v>235564</v>
      </c>
      <c r="KP10" s="315">
        <v>235564</v>
      </c>
      <c r="KQ10" s="403">
        <v>0</v>
      </c>
      <c r="KR10" s="316">
        <v>8597231</v>
      </c>
      <c r="KS10" s="316">
        <v>13179833</v>
      </c>
      <c r="KT10" s="316">
        <v>14637296</v>
      </c>
      <c r="KU10" s="316">
        <v>10864883</v>
      </c>
      <c r="KV10" s="316">
        <v>7789372</v>
      </c>
      <c r="KW10" s="320">
        <v>55068615</v>
      </c>
      <c r="KX10" s="318">
        <v>55304179</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230144</v>
      </c>
      <c r="LO10" s="316">
        <v>265186</v>
      </c>
      <c r="LP10" s="316">
        <v>287107</v>
      </c>
      <c r="LQ10" s="316">
        <v>1509657</v>
      </c>
      <c r="LR10" s="316">
        <v>619640</v>
      </c>
      <c r="LS10" s="320">
        <v>2911734</v>
      </c>
      <c r="LT10" s="318">
        <v>2911734</v>
      </c>
      <c r="LU10" s="319">
        <v>0</v>
      </c>
      <c r="LV10" s="316">
        <v>0</v>
      </c>
      <c r="LW10" s="320">
        <v>0</v>
      </c>
      <c r="LX10" s="403">
        <v>0</v>
      </c>
      <c r="LY10" s="316">
        <v>801435</v>
      </c>
      <c r="LZ10" s="316">
        <v>814804</v>
      </c>
      <c r="MA10" s="316">
        <v>1713135</v>
      </c>
      <c r="MB10" s="316">
        <v>1575393</v>
      </c>
      <c r="MC10" s="316">
        <v>2320671</v>
      </c>
      <c r="MD10" s="320">
        <v>7225438</v>
      </c>
      <c r="ME10" s="321">
        <v>7225438</v>
      </c>
      <c r="MF10" s="319">
        <v>0</v>
      </c>
      <c r="MG10" s="316">
        <v>0</v>
      </c>
      <c r="MH10" s="320">
        <v>0</v>
      </c>
      <c r="MI10" s="403">
        <v>0</v>
      </c>
      <c r="MJ10" s="316">
        <v>11993299</v>
      </c>
      <c r="MK10" s="316">
        <v>38896618</v>
      </c>
      <c r="ML10" s="316">
        <v>97824454</v>
      </c>
      <c r="MM10" s="316">
        <v>142216546</v>
      </c>
      <c r="MN10" s="316">
        <v>71437846</v>
      </c>
      <c r="MO10" s="320">
        <v>362368763</v>
      </c>
      <c r="MP10" s="325">
        <v>362368763</v>
      </c>
      <c r="MQ10" s="319">
        <v>0</v>
      </c>
      <c r="MR10" s="316">
        <v>0</v>
      </c>
      <c r="MS10" s="320">
        <v>0</v>
      </c>
      <c r="MT10" s="403">
        <v>0</v>
      </c>
      <c r="MU10" s="316">
        <v>1983674</v>
      </c>
      <c r="MV10" s="316">
        <v>12206507</v>
      </c>
      <c r="MW10" s="316">
        <v>56232287</v>
      </c>
      <c r="MX10" s="316">
        <v>85521881</v>
      </c>
      <c r="MY10" s="316">
        <v>42290799</v>
      </c>
      <c r="MZ10" s="320">
        <v>198235148</v>
      </c>
      <c r="NA10" s="325">
        <v>198235148</v>
      </c>
      <c r="NB10" s="319">
        <v>0</v>
      </c>
      <c r="NC10" s="316">
        <v>0</v>
      </c>
      <c r="ND10" s="320">
        <v>0</v>
      </c>
      <c r="NE10" s="403">
        <v>0</v>
      </c>
      <c r="NF10" s="316">
        <v>10009625</v>
      </c>
      <c r="NG10" s="316">
        <v>26690111</v>
      </c>
      <c r="NH10" s="316">
        <v>41592167</v>
      </c>
      <c r="NI10" s="316">
        <v>54618554</v>
      </c>
      <c r="NJ10" s="316">
        <v>26960949</v>
      </c>
      <c r="NK10" s="320">
        <v>159871406</v>
      </c>
      <c r="NL10" s="318">
        <v>159871406</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2076111</v>
      </c>
      <c r="OF10" s="316">
        <v>2186098</v>
      </c>
      <c r="OG10" s="320">
        <v>4262209</v>
      </c>
      <c r="OH10" s="321">
        <v>4262209</v>
      </c>
      <c r="OI10" s="319">
        <v>11893417</v>
      </c>
      <c r="OJ10" s="316">
        <v>28207525</v>
      </c>
      <c r="OK10" s="317">
        <v>40100942</v>
      </c>
      <c r="OL10" s="322">
        <v>0</v>
      </c>
      <c r="OM10" s="316">
        <v>162017556</v>
      </c>
      <c r="ON10" s="316">
        <v>294766175</v>
      </c>
      <c r="OO10" s="316">
        <v>313032565</v>
      </c>
      <c r="OP10" s="316">
        <v>318372776</v>
      </c>
      <c r="OQ10" s="316">
        <v>189792968</v>
      </c>
      <c r="OR10" s="320">
        <v>1277982040</v>
      </c>
      <c r="OS10" s="325">
        <v>1318082982</v>
      </c>
    </row>
    <row r="11" spans="1:409" s="70" customFormat="1" ht="21" customHeight="1" x14ac:dyDescent="0.2">
      <c r="B11" s="410" t="s">
        <v>6</v>
      </c>
      <c r="C11" s="326">
        <v>3542873</v>
      </c>
      <c r="D11" s="327">
        <v>4499801</v>
      </c>
      <c r="E11" s="328">
        <v>8042674</v>
      </c>
      <c r="F11" s="329">
        <v>0</v>
      </c>
      <c r="G11" s="327">
        <v>47172454</v>
      </c>
      <c r="H11" s="327">
        <v>54392402</v>
      </c>
      <c r="I11" s="327">
        <v>40287324</v>
      </c>
      <c r="J11" s="327">
        <v>39390421</v>
      </c>
      <c r="K11" s="327">
        <v>26532014</v>
      </c>
      <c r="L11" s="329">
        <v>207774615</v>
      </c>
      <c r="M11" s="330">
        <v>215817289</v>
      </c>
      <c r="N11" s="326">
        <v>1067212</v>
      </c>
      <c r="O11" s="327">
        <v>1742101</v>
      </c>
      <c r="P11" s="328">
        <v>2809313</v>
      </c>
      <c r="Q11" s="326">
        <v>0</v>
      </c>
      <c r="R11" s="327">
        <v>14424022</v>
      </c>
      <c r="S11" s="327">
        <v>17840280</v>
      </c>
      <c r="T11" s="327">
        <v>12593467</v>
      </c>
      <c r="U11" s="327">
        <v>13489363</v>
      </c>
      <c r="V11" s="327">
        <v>14034492</v>
      </c>
      <c r="W11" s="328">
        <v>72381624</v>
      </c>
      <c r="X11" s="330">
        <v>75190937</v>
      </c>
      <c r="Y11" s="326">
        <v>0</v>
      </c>
      <c r="Z11" s="327">
        <v>0</v>
      </c>
      <c r="AA11" s="328">
        <v>0</v>
      </c>
      <c r="AB11" s="326">
        <v>0</v>
      </c>
      <c r="AC11" s="327">
        <v>5761752</v>
      </c>
      <c r="AD11" s="327">
        <v>7511092</v>
      </c>
      <c r="AE11" s="327">
        <v>6017186</v>
      </c>
      <c r="AF11" s="327">
        <v>7258673</v>
      </c>
      <c r="AG11" s="327">
        <v>8416645</v>
      </c>
      <c r="AH11" s="328">
        <v>34965348</v>
      </c>
      <c r="AI11" s="330">
        <v>34965348</v>
      </c>
      <c r="AJ11" s="326">
        <v>0</v>
      </c>
      <c r="AK11" s="327">
        <v>0</v>
      </c>
      <c r="AL11" s="328">
        <v>0</v>
      </c>
      <c r="AM11" s="326">
        <v>0</v>
      </c>
      <c r="AN11" s="327">
        <v>103457</v>
      </c>
      <c r="AO11" s="327">
        <v>49283</v>
      </c>
      <c r="AP11" s="327">
        <v>48276</v>
      </c>
      <c r="AQ11" s="327">
        <v>637538</v>
      </c>
      <c r="AR11" s="327">
        <v>1322523</v>
      </c>
      <c r="AS11" s="328">
        <v>2161077</v>
      </c>
      <c r="AT11" s="330">
        <v>2161077</v>
      </c>
      <c r="AU11" s="326">
        <v>550105</v>
      </c>
      <c r="AV11" s="327">
        <v>1194564</v>
      </c>
      <c r="AW11" s="328">
        <v>1744669</v>
      </c>
      <c r="AX11" s="326">
        <v>0</v>
      </c>
      <c r="AY11" s="327">
        <v>5053191</v>
      </c>
      <c r="AZ11" s="327">
        <v>6747632</v>
      </c>
      <c r="BA11" s="327">
        <v>3763878</v>
      </c>
      <c r="BB11" s="327">
        <v>2971807</v>
      </c>
      <c r="BC11" s="327">
        <v>2495012</v>
      </c>
      <c r="BD11" s="328">
        <v>21031520</v>
      </c>
      <c r="BE11" s="330">
        <v>22776189</v>
      </c>
      <c r="BF11" s="326">
        <v>41403</v>
      </c>
      <c r="BG11" s="327">
        <v>25937</v>
      </c>
      <c r="BH11" s="331">
        <v>67340</v>
      </c>
      <c r="BI11" s="332">
        <v>0</v>
      </c>
      <c r="BJ11" s="327">
        <v>439886</v>
      </c>
      <c r="BK11" s="327">
        <v>520724</v>
      </c>
      <c r="BL11" s="327">
        <v>153975</v>
      </c>
      <c r="BM11" s="327">
        <v>149870</v>
      </c>
      <c r="BN11" s="327">
        <v>122584</v>
      </c>
      <c r="BO11" s="328">
        <v>1387039</v>
      </c>
      <c r="BP11" s="330">
        <v>1454379</v>
      </c>
      <c r="BQ11" s="326">
        <v>475704</v>
      </c>
      <c r="BR11" s="327">
        <v>521600</v>
      </c>
      <c r="BS11" s="328">
        <v>997304</v>
      </c>
      <c r="BT11" s="326">
        <v>0</v>
      </c>
      <c r="BU11" s="327">
        <v>3065736</v>
      </c>
      <c r="BV11" s="327">
        <v>3011549</v>
      </c>
      <c r="BW11" s="327">
        <v>2610152</v>
      </c>
      <c r="BX11" s="327">
        <v>2471475</v>
      </c>
      <c r="BY11" s="327">
        <v>1677728</v>
      </c>
      <c r="BZ11" s="328">
        <v>12836640</v>
      </c>
      <c r="CA11" s="330">
        <v>13833944</v>
      </c>
      <c r="CB11" s="326">
        <v>215938</v>
      </c>
      <c r="CC11" s="327">
        <v>435862</v>
      </c>
      <c r="CD11" s="328">
        <v>651800</v>
      </c>
      <c r="CE11" s="326">
        <v>0</v>
      </c>
      <c r="CF11" s="327">
        <v>13002227</v>
      </c>
      <c r="CG11" s="327">
        <v>16223265</v>
      </c>
      <c r="CH11" s="327">
        <v>9564949</v>
      </c>
      <c r="CI11" s="327">
        <v>6499070</v>
      </c>
      <c r="CJ11" s="327">
        <v>2188989</v>
      </c>
      <c r="CK11" s="328">
        <v>47478500</v>
      </c>
      <c r="CL11" s="330">
        <v>48130300</v>
      </c>
      <c r="CM11" s="326">
        <v>0</v>
      </c>
      <c r="CN11" s="327">
        <v>0</v>
      </c>
      <c r="CO11" s="328">
        <v>0</v>
      </c>
      <c r="CP11" s="332">
        <v>0</v>
      </c>
      <c r="CQ11" s="327">
        <v>10835454</v>
      </c>
      <c r="CR11" s="327">
        <v>12611133</v>
      </c>
      <c r="CS11" s="327">
        <v>7282273</v>
      </c>
      <c r="CT11" s="327">
        <v>4412200</v>
      </c>
      <c r="CU11" s="327">
        <v>1433639</v>
      </c>
      <c r="CV11" s="328">
        <v>36574699</v>
      </c>
      <c r="CW11" s="330">
        <v>36574699</v>
      </c>
      <c r="CX11" s="326">
        <v>215938</v>
      </c>
      <c r="CY11" s="327">
        <v>435862</v>
      </c>
      <c r="CZ11" s="328">
        <v>651800</v>
      </c>
      <c r="DA11" s="326">
        <v>0</v>
      </c>
      <c r="DB11" s="327">
        <v>2166773</v>
      </c>
      <c r="DC11" s="327">
        <v>3612132</v>
      </c>
      <c r="DD11" s="327">
        <v>2282676</v>
      </c>
      <c r="DE11" s="327">
        <v>2086870</v>
      </c>
      <c r="DF11" s="327">
        <v>755350</v>
      </c>
      <c r="DG11" s="328">
        <v>10903801</v>
      </c>
      <c r="DH11" s="330">
        <v>11555601</v>
      </c>
      <c r="DI11" s="326">
        <v>35799</v>
      </c>
      <c r="DJ11" s="327">
        <v>0</v>
      </c>
      <c r="DK11" s="331">
        <v>35799</v>
      </c>
      <c r="DL11" s="332">
        <v>0</v>
      </c>
      <c r="DM11" s="327">
        <v>991087</v>
      </c>
      <c r="DN11" s="327">
        <v>2527964</v>
      </c>
      <c r="DO11" s="327">
        <v>2664128</v>
      </c>
      <c r="DP11" s="327">
        <v>2701634</v>
      </c>
      <c r="DQ11" s="327">
        <v>1392951</v>
      </c>
      <c r="DR11" s="328">
        <v>10277764</v>
      </c>
      <c r="DS11" s="330">
        <v>10313563</v>
      </c>
      <c r="DT11" s="326">
        <v>35799</v>
      </c>
      <c r="DU11" s="327">
        <v>0</v>
      </c>
      <c r="DV11" s="328">
        <v>35799</v>
      </c>
      <c r="DW11" s="326">
        <v>0</v>
      </c>
      <c r="DX11" s="327">
        <v>944177</v>
      </c>
      <c r="DY11" s="327">
        <v>2178618</v>
      </c>
      <c r="DZ11" s="327">
        <v>2412100</v>
      </c>
      <c r="EA11" s="327">
        <v>1999242</v>
      </c>
      <c r="EB11" s="327">
        <v>1221064</v>
      </c>
      <c r="EC11" s="328">
        <v>8755201</v>
      </c>
      <c r="ED11" s="330">
        <v>8791000</v>
      </c>
      <c r="EE11" s="326">
        <v>0</v>
      </c>
      <c r="EF11" s="331">
        <v>0</v>
      </c>
      <c r="EG11" s="328">
        <v>0</v>
      </c>
      <c r="EH11" s="326">
        <v>0</v>
      </c>
      <c r="EI11" s="327">
        <v>46910</v>
      </c>
      <c r="EJ11" s="327">
        <v>349346</v>
      </c>
      <c r="EK11" s="327">
        <v>252028</v>
      </c>
      <c r="EL11" s="327">
        <v>702392</v>
      </c>
      <c r="EM11" s="327">
        <v>171887</v>
      </c>
      <c r="EN11" s="331">
        <v>1522563</v>
      </c>
      <c r="EO11" s="330">
        <v>1522563</v>
      </c>
      <c r="EP11" s="326">
        <v>0</v>
      </c>
      <c r="EQ11" s="327">
        <v>0</v>
      </c>
      <c r="ER11" s="331">
        <v>0</v>
      </c>
      <c r="ES11" s="332">
        <v>0</v>
      </c>
      <c r="ET11" s="327">
        <v>0</v>
      </c>
      <c r="EU11" s="327">
        <v>0</v>
      </c>
      <c r="EV11" s="327">
        <v>0</v>
      </c>
      <c r="EW11" s="327">
        <v>0</v>
      </c>
      <c r="EX11" s="327">
        <v>0</v>
      </c>
      <c r="EY11" s="328">
        <v>0</v>
      </c>
      <c r="EZ11" s="330">
        <v>0</v>
      </c>
      <c r="FA11" s="326">
        <v>0</v>
      </c>
      <c r="FB11" s="327">
        <v>0</v>
      </c>
      <c r="FC11" s="331">
        <v>0</v>
      </c>
      <c r="FD11" s="332">
        <v>0</v>
      </c>
      <c r="FE11" s="327">
        <v>0</v>
      </c>
      <c r="FF11" s="327">
        <v>0</v>
      </c>
      <c r="FG11" s="327">
        <v>0</v>
      </c>
      <c r="FH11" s="327">
        <v>0</v>
      </c>
      <c r="FI11" s="327">
        <v>0</v>
      </c>
      <c r="FJ11" s="328">
        <v>0</v>
      </c>
      <c r="FK11" s="330">
        <v>0</v>
      </c>
      <c r="FL11" s="326">
        <v>683896</v>
      </c>
      <c r="FM11" s="327">
        <v>909544</v>
      </c>
      <c r="FN11" s="328">
        <v>1593440</v>
      </c>
      <c r="FO11" s="326">
        <v>0</v>
      </c>
      <c r="FP11" s="327">
        <v>2138264</v>
      </c>
      <c r="FQ11" s="327">
        <v>5039728</v>
      </c>
      <c r="FR11" s="327">
        <v>3317080</v>
      </c>
      <c r="FS11" s="327">
        <v>3336559</v>
      </c>
      <c r="FT11" s="327">
        <v>2087968</v>
      </c>
      <c r="FU11" s="328">
        <v>15919599</v>
      </c>
      <c r="FV11" s="330">
        <v>17513039</v>
      </c>
      <c r="FW11" s="333">
        <v>383896</v>
      </c>
      <c r="FX11" s="327">
        <v>877952</v>
      </c>
      <c r="FY11" s="331">
        <v>1261848</v>
      </c>
      <c r="FZ11" s="332">
        <v>0</v>
      </c>
      <c r="GA11" s="327">
        <v>1766824</v>
      </c>
      <c r="GB11" s="327">
        <v>4677856</v>
      </c>
      <c r="GC11" s="327">
        <v>3127024</v>
      </c>
      <c r="GD11" s="327">
        <v>3110503</v>
      </c>
      <c r="GE11" s="327">
        <v>2087968</v>
      </c>
      <c r="GF11" s="328">
        <v>14770175</v>
      </c>
      <c r="GG11" s="334">
        <v>16032023</v>
      </c>
      <c r="GH11" s="333">
        <v>80000</v>
      </c>
      <c r="GI11" s="327">
        <v>31592</v>
      </c>
      <c r="GJ11" s="331">
        <v>111592</v>
      </c>
      <c r="GK11" s="332">
        <v>0</v>
      </c>
      <c r="GL11" s="327">
        <v>125280</v>
      </c>
      <c r="GM11" s="327">
        <v>62192</v>
      </c>
      <c r="GN11" s="327">
        <v>156456</v>
      </c>
      <c r="GO11" s="327">
        <v>157136</v>
      </c>
      <c r="GP11" s="327">
        <v>0</v>
      </c>
      <c r="GQ11" s="328">
        <v>501064</v>
      </c>
      <c r="GR11" s="330">
        <v>612656</v>
      </c>
      <c r="GS11" s="326">
        <v>220000</v>
      </c>
      <c r="GT11" s="327">
        <v>0</v>
      </c>
      <c r="GU11" s="328">
        <v>220000</v>
      </c>
      <c r="GV11" s="326">
        <v>0</v>
      </c>
      <c r="GW11" s="327">
        <v>246160</v>
      </c>
      <c r="GX11" s="327">
        <v>299680</v>
      </c>
      <c r="GY11" s="327">
        <v>33600</v>
      </c>
      <c r="GZ11" s="327">
        <v>68920</v>
      </c>
      <c r="HA11" s="327">
        <v>0</v>
      </c>
      <c r="HB11" s="331">
        <v>648360</v>
      </c>
      <c r="HC11" s="330">
        <v>868360</v>
      </c>
      <c r="HD11" s="326">
        <v>1540028</v>
      </c>
      <c r="HE11" s="327">
        <v>1412294</v>
      </c>
      <c r="HF11" s="331">
        <v>2952322</v>
      </c>
      <c r="HG11" s="332">
        <v>0</v>
      </c>
      <c r="HH11" s="327">
        <v>16616854</v>
      </c>
      <c r="HI11" s="327">
        <v>12761165</v>
      </c>
      <c r="HJ11" s="327">
        <v>12147700</v>
      </c>
      <c r="HK11" s="327">
        <v>13363795</v>
      </c>
      <c r="HL11" s="327">
        <v>6827614</v>
      </c>
      <c r="HM11" s="328">
        <v>61717128</v>
      </c>
      <c r="HN11" s="329">
        <v>64669450</v>
      </c>
      <c r="HO11" s="333">
        <v>0</v>
      </c>
      <c r="HP11" s="327">
        <v>0</v>
      </c>
      <c r="HQ11" s="328">
        <v>0</v>
      </c>
      <c r="HR11" s="326">
        <v>0</v>
      </c>
      <c r="HS11" s="327">
        <v>0</v>
      </c>
      <c r="HT11" s="327">
        <v>0</v>
      </c>
      <c r="HU11" s="327">
        <v>0</v>
      </c>
      <c r="HV11" s="327">
        <v>0</v>
      </c>
      <c r="HW11" s="327">
        <v>0</v>
      </c>
      <c r="HX11" s="331">
        <v>0</v>
      </c>
      <c r="HY11" s="330">
        <v>0</v>
      </c>
      <c r="HZ11" s="335">
        <v>93568</v>
      </c>
      <c r="IA11" s="336">
        <v>157152</v>
      </c>
      <c r="IB11" s="337">
        <v>250720</v>
      </c>
      <c r="IC11" s="338">
        <v>0</v>
      </c>
      <c r="ID11" s="336">
        <v>13673852</v>
      </c>
      <c r="IE11" s="339">
        <v>14998487</v>
      </c>
      <c r="IF11" s="337">
        <v>15733747</v>
      </c>
      <c r="IG11" s="336">
        <v>13455334</v>
      </c>
      <c r="IH11" s="337">
        <v>8374033</v>
      </c>
      <c r="II11" s="340">
        <v>66235453</v>
      </c>
      <c r="IJ11" s="341">
        <v>66486173</v>
      </c>
      <c r="IK11" s="342">
        <v>0</v>
      </c>
      <c r="IL11" s="343">
        <v>0</v>
      </c>
      <c r="IM11" s="344">
        <v>0</v>
      </c>
      <c r="IN11" s="404">
        <v>0</v>
      </c>
      <c r="IO11" s="345">
        <v>378271</v>
      </c>
      <c r="IP11" s="345">
        <v>263329</v>
      </c>
      <c r="IQ11" s="345">
        <v>1112501</v>
      </c>
      <c r="IR11" s="345">
        <v>727183</v>
      </c>
      <c r="IS11" s="345">
        <v>1361825</v>
      </c>
      <c r="IT11" s="346">
        <v>3843109</v>
      </c>
      <c r="IU11" s="347">
        <v>3843109</v>
      </c>
      <c r="IV11" s="348">
        <v>0</v>
      </c>
      <c r="IW11" s="345">
        <v>0</v>
      </c>
      <c r="IX11" s="349">
        <v>0</v>
      </c>
      <c r="IY11" s="404">
        <v>0</v>
      </c>
      <c r="IZ11" s="345">
        <v>81678</v>
      </c>
      <c r="JA11" s="345">
        <v>70541</v>
      </c>
      <c r="JB11" s="345">
        <v>313273</v>
      </c>
      <c r="JC11" s="345">
        <v>103414</v>
      </c>
      <c r="JD11" s="345">
        <v>166428</v>
      </c>
      <c r="JE11" s="349">
        <v>735334</v>
      </c>
      <c r="JF11" s="350">
        <v>735334</v>
      </c>
      <c r="JG11" s="348">
        <v>0</v>
      </c>
      <c r="JH11" s="345">
        <v>0</v>
      </c>
      <c r="JI11" s="346">
        <v>0</v>
      </c>
      <c r="JJ11" s="351">
        <v>0</v>
      </c>
      <c r="JK11" s="345">
        <v>4157485</v>
      </c>
      <c r="JL11" s="345">
        <v>4463763</v>
      </c>
      <c r="JM11" s="345">
        <v>2364868</v>
      </c>
      <c r="JN11" s="345">
        <v>2034848</v>
      </c>
      <c r="JO11" s="345">
        <v>1746552</v>
      </c>
      <c r="JP11" s="349">
        <v>14767516</v>
      </c>
      <c r="JQ11" s="347">
        <v>14767516</v>
      </c>
      <c r="JR11" s="348">
        <v>0</v>
      </c>
      <c r="JS11" s="345">
        <v>0</v>
      </c>
      <c r="JT11" s="346">
        <v>0</v>
      </c>
      <c r="JU11" s="351">
        <v>0</v>
      </c>
      <c r="JV11" s="345">
        <v>677878</v>
      </c>
      <c r="JW11" s="345">
        <v>2038446</v>
      </c>
      <c r="JX11" s="345">
        <v>820821</v>
      </c>
      <c r="JY11" s="345">
        <v>623028</v>
      </c>
      <c r="JZ11" s="345">
        <v>471677</v>
      </c>
      <c r="KA11" s="349">
        <v>4631850</v>
      </c>
      <c r="KB11" s="347">
        <v>4631850</v>
      </c>
      <c r="KC11" s="352">
        <v>93568</v>
      </c>
      <c r="KD11" s="353">
        <v>157152</v>
      </c>
      <c r="KE11" s="349">
        <v>250720</v>
      </c>
      <c r="KF11" s="351">
        <v>0</v>
      </c>
      <c r="KG11" s="345">
        <v>1262997</v>
      </c>
      <c r="KH11" s="345">
        <v>2015620</v>
      </c>
      <c r="KI11" s="345">
        <v>1723423</v>
      </c>
      <c r="KJ11" s="345">
        <v>2390796</v>
      </c>
      <c r="KK11" s="345">
        <v>587187</v>
      </c>
      <c r="KL11" s="349">
        <v>7980023</v>
      </c>
      <c r="KM11" s="354">
        <v>8230743</v>
      </c>
      <c r="KN11" s="342">
        <v>0</v>
      </c>
      <c r="KO11" s="343">
        <v>0</v>
      </c>
      <c r="KP11" s="344">
        <v>0</v>
      </c>
      <c r="KQ11" s="404">
        <v>0</v>
      </c>
      <c r="KR11" s="345">
        <v>5305424</v>
      </c>
      <c r="KS11" s="345">
        <v>5300537</v>
      </c>
      <c r="KT11" s="345">
        <v>6372720</v>
      </c>
      <c r="KU11" s="345">
        <v>4833504</v>
      </c>
      <c r="KV11" s="345">
        <v>2326053</v>
      </c>
      <c r="KW11" s="349">
        <v>24138238</v>
      </c>
      <c r="KX11" s="347">
        <v>24138238</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0</v>
      </c>
      <c r="LP11" s="345">
        <v>1145666</v>
      </c>
      <c r="LQ11" s="345">
        <v>1263302</v>
      </c>
      <c r="LR11" s="345">
        <v>936472</v>
      </c>
      <c r="LS11" s="349">
        <v>3345440</v>
      </c>
      <c r="LT11" s="347">
        <v>3345440</v>
      </c>
      <c r="LU11" s="348">
        <v>0</v>
      </c>
      <c r="LV11" s="345">
        <v>0</v>
      </c>
      <c r="LW11" s="349">
        <v>0</v>
      </c>
      <c r="LX11" s="404">
        <v>0</v>
      </c>
      <c r="LY11" s="345">
        <v>1810119</v>
      </c>
      <c r="LZ11" s="345">
        <v>846251</v>
      </c>
      <c r="MA11" s="345">
        <v>1880475</v>
      </c>
      <c r="MB11" s="345">
        <v>1479259</v>
      </c>
      <c r="MC11" s="345">
        <v>777839</v>
      </c>
      <c r="MD11" s="349">
        <v>6793943</v>
      </c>
      <c r="ME11" s="350">
        <v>6793943</v>
      </c>
      <c r="MF11" s="348">
        <v>0</v>
      </c>
      <c r="MG11" s="345">
        <v>0</v>
      </c>
      <c r="MH11" s="349">
        <v>0</v>
      </c>
      <c r="MI11" s="404">
        <v>0</v>
      </c>
      <c r="MJ11" s="345">
        <v>2359093</v>
      </c>
      <c r="MK11" s="345">
        <v>4609720</v>
      </c>
      <c r="ML11" s="345">
        <v>24228305</v>
      </c>
      <c r="MM11" s="345">
        <v>29912764</v>
      </c>
      <c r="MN11" s="345">
        <v>19677893</v>
      </c>
      <c r="MO11" s="349">
        <v>80787775</v>
      </c>
      <c r="MP11" s="354">
        <v>80787775</v>
      </c>
      <c r="MQ11" s="348">
        <v>0</v>
      </c>
      <c r="MR11" s="345">
        <v>0</v>
      </c>
      <c r="MS11" s="349">
        <v>0</v>
      </c>
      <c r="MT11" s="404">
        <v>0</v>
      </c>
      <c r="MU11" s="345">
        <v>849046</v>
      </c>
      <c r="MV11" s="345">
        <v>1083480</v>
      </c>
      <c r="MW11" s="345">
        <v>13951645</v>
      </c>
      <c r="MX11" s="345">
        <v>18539036</v>
      </c>
      <c r="MY11" s="345">
        <v>13140253</v>
      </c>
      <c r="MZ11" s="349">
        <v>47563460</v>
      </c>
      <c r="NA11" s="354">
        <v>47563460</v>
      </c>
      <c r="NB11" s="348">
        <v>0</v>
      </c>
      <c r="NC11" s="345">
        <v>0</v>
      </c>
      <c r="ND11" s="349">
        <v>0</v>
      </c>
      <c r="NE11" s="404">
        <v>0</v>
      </c>
      <c r="NF11" s="345">
        <v>1510047</v>
      </c>
      <c r="NG11" s="345">
        <v>3526240</v>
      </c>
      <c r="NH11" s="345">
        <v>10276660</v>
      </c>
      <c r="NI11" s="345">
        <v>10994786</v>
      </c>
      <c r="NJ11" s="345">
        <v>6537640</v>
      </c>
      <c r="NK11" s="349">
        <v>32845373</v>
      </c>
      <c r="NL11" s="347">
        <v>32845373</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0</v>
      </c>
      <c r="OD11" s="345">
        <v>0</v>
      </c>
      <c r="OE11" s="345">
        <v>378942</v>
      </c>
      <c r="OF11" s="345">
        <v>0</v>
      </c>
      <c r="OG11" s="349">
        <v>378942</v>
      </c>
      <c r="OH11" s="350">
        <v>378942</v>
      </c>
      <c r="OI11" s="348">
        <v>3636441</v>
      </c>
      <c r="OJ11" s="345">
        <v>4656953</v>
      </c>
      <c r="OK11" s="346">
        <v>8293394</v>
      </c>
      <c r="OL11" s="351">
        <v>0</v>
      </c>
      <c r="OM11" s="345">
        <v>63205399</v>
      </c>
      <c r="ON11" s="345">
        <v>74000609</v>
      </c>
      <c r="OO11" s="345">
        <v>80249376</v>
      </c>
      <c r="OP11" s="345">
        <v>82758519</v>
      </c>
      <c r="OQ11" s="345">
        <v>54583940</v>
      </c>
      <c r="OR11" s="349">
        <v>354797843</v>
      </c>
      <c r="OS11" s="354">
        <v>363091237</v>
      </c>
    </row>
    <row r="12" spans="1:409" s="70" customFormat="1" ht="21" customHeight="1" x14ac:dyDescent="0.2">
      <c r="B12" s="410" t="s">
        <v>14</v>
      </c>
      <c r="C12" s="326">
        <v>2008653</v>
      </c>
      <c r="D12" s="327">
        <v>3490281</v>
      </c>
      <c r="E12" s="328">
        <v>5498934</v>
      </c>
      <c r="F12" s="329">
        <v>0</v>
      </c>
      <c r="G12" s="327">
        <v>15098949</v>
      </c>
      <c r="H12" s="327">
        <v>31087488</v>
      </c>
      <c r="I12" s="327">
        <v>27866611</v>
      </c>
      <c r="J12" s="327">
        <v>20885125</v>
      </c>
      <c r="K12" s="327">
        <v>16866528</v>
      </c>
      <c r="L12" s="331">
        <v>111804701</v>
      </c>
      <c r="M12" s="330">
        <v>117303635</v>
      </c>
      <c r="N12" s="326">
        <v>555194</v>
      </c>
      <c r="O12" s="327">
        <v>1197528</v>
      </c>
      <c r="P12" s="328">
        <v>1752722</v>
      </c>
      <c r="Q12" s="326">
        <v>0</v>
      </c>
      <c r="R12" s="327">
        <v>4558848</v>
      </c>
      <c r="S12" s="327">
        <v>10184725</v>
      </c>
      <c r="T12" s="327">
        <v>8961345</v>
      </c>
      <c r="U12" s="327">
        <v>7430983</v>
      </c>
      <c r="V12" s="327">
        <v>10023005</v>
      </c>
      <c r="W12" s="328">
        <v>41158906</v>
      </c>
      <c r="X12" s="330">
        <v>42911628</v>
      </c>
      <c r="Y12" s="326">
        <v>0</v>
      </c>
      <c r="Z12" s="327">
        <v>0</v>
      </c>
      <c r="AA12" s="328">
        <v>0</v>
      </c>
      <c r="AB12" s="326">
        <v>0</v>
      </c>
      <c r="AC12" s="327">
        <v>1828249</v>
      </c>
      <c r="AD12" s="327">
        <v>4680031</v>
      </c>
      <c r="AE12" s="327">
        <v>4620169</v>
      </c>
      <c r="AF12" s="327">
        <v>3919393</v>
      </c>
      <c r="AG12" s="327">
        <v>6991322</v>
      </c>
      <c r="AH12" s="328">
        <v>22039164</v>
      </c>
      <c r="AI12" s="330">
        <v>22039164</v>
      </c>
      <c r="AJ12" s="326">
        <v>0</v>
      </c>
      <c r="AK12" s="327">
        <v>0</v>
      </c>
      <c r="AL12" s="328">
        <v>0</v>
      </c>
      <c r="AM12" s="326">
        <v>0</v>
      </c>
      <c r="AN12" s="327">
        <v>0</v>
      </c>
      <c r="AO12" s="327">
        <v>63192</v>
      </c>
      <c r="AP12" s="327">
        <v>208551</v>
      </c>
      <c r="AQ12" s="327">
        <v>515251</v>
      </c>
      <c r="AR12" s="327">
        <v>433623</v>
      </c>
      <c r="AS12" s="328">
        <v>1220617</v>
      </c>
      <c r="AT12" s="330">
        <v>1220617</v>
      </c>
      <c r="AU12" s="326">
        <v>258414</v>
      </c>
      <c r="AV12" s="327">
        <v>932658</v>
      </c>
      <c r="AW12" s="328">
        <v>1191072</v>
      </c>
      <c r="AX12" s="326">
        <v>0</v>
      </c>
      <c r="AY12" s="327">
        <v>1558034</v>
      </c>
      <c r="AZ12" s="327">
        <v>3686641</v>
      </c>
      <c r="BA12" s="327">
        <v>2451840</v>
      </c>
      <c r="BB12" s="327">
        <v>1576692</v>
      </c>
      <c r="BC12" s="327">
        <v>1683076</v>
      </c>
      <c r="BD12" s="328">
        <v>10956283</v>
      </c>
      <c r="BE12" s="330">
        <v>12147355</v>
      </c>
      <c r="BF12" s="326">
        <v>30788</v>
      </c>
      <c r="BG12" s="327">
        <v>23366</v>
      </c>
      <c r="BH12" s="331">
        <v>54154</v>
      </c>
      <c r="BI12" s="332">
        <v>0</v>
      </c>
      <c r="BJ12" s="327">
        <v>43773</v>
      </c>
      <c r="BK12" s="327">
        <v>78565</v>
      </c>
      <c r="BL12" s="327">
        <v>42249</v>
      </c>
      <c r="BM12" s="327">
        <v>154271</v>
      </c>
      <c r="BN12" s="327">
        <v>0</v>
      </c>
      <c r="BO12" s="328">
        <v>318858</v>
      </c>
      <c r="BP12" s="330">
        <v>373012</v>
      </c>
      <c r="BQ12" s="326">
        <v>265992</v>
      </c>
      <c r="BR12" s="327">
        <v>241504</v>
      </c>
      <c r="BS12" s="328">
        <v>507496</v>
      </c>
      <c r="BT12" s="326">
        <v>0</v>
      </c>
      <c r="BU12" s="327">
        <v>1128792</v>
      </c>
      <c r="BV12" s="327">
        <v>1676296</v>
      </c>
      <c r="BW12" s="327">
        <v>1638536</v>
      </c>
      <c r="BX12" s="327">
        <v>1265376</v>
      </c>
      <c r="BY12" s="327">
        <v>914984</v>
      </c>
      <c r="BZ12" s="328">
        <v>6623984</v>
      </c>
      <c r="CA12" s="330">
        <v>7131480</v>
      </c>
      <c r="CB12" s="326">
        <v>143680</v>
      </c>
      <c r="CC12" s="327">
        <v>578680</v>
      </c>
      <c r="CD12" s="328">
        <v>722360</v>
      </c>
      <c r="CE12" s="326">
        <v>0</v>
      </c>
      <c r="CF12" s="327">
        <v>4790661</v>
      </c>
      <c r="CG12" s="327">
        <v>9399445</v>
      </c>
      <c r="CH12" s="327">
        <v>7924382</v>
      </c>
      <c r="CI12" s="327">
        <v>4733268</v>
      </c>
      <c r="CJ12" s="327">
        <v>1288202</v>
      </c>
      <c r="CK12" s="328">
        <v>28135958</v>
      </c>
      <c r="CL12" s="330">
        <v>28858318</v>
      </c>
      <c r="CM12" s="326">
        <v>0</v>
      </c>
      <c r="CN12" s="327">
        <v>0</v>
      </c>
      <c r="CO12" s="328">
        <v>0</v>
      </c>
      <c r="CP12" s="332">
        <v>0</v>
      </c>
      <c r="CQ12" s="327">
        <v>4340475</v>
      </c>
      <c r="CR12" s="327">
        <v>7725993</v>
      </c>
      <c r="CS12" s="327">
        <v>6870918</v>
      </c>
      <c r="CT12" s="327">
        <v>3685713</v>
      </c>
      <c r="CU12" s="327">
        <v>1182169</v>
      </c>
      <c r="CV12" s="328">
        <v>23805268</v>
      </c>
      <c r="CW12" s="330">
        <v>23805268</v>
      </c>
      <c r="CX12" s="326">
        <v>143680</v>
      </c>
      <c r="CY12" s="327">
        <v>578680</v>
      </c>
      <c r="CZ12" s="328">
        <v>722360</v>
      </c>
      <c r="DA12" s="326">
        <v>0</v>
      </c>
      <c r="DB12" s="327">
        <v>450186</v>
      </c>
      <c r="DC12" s="327">
        <v>1673452</v>
      </c>
      <c r="DD12" s="327">
        <v>1053464</v>
      </c>
      <c r="DE12" s="327">
        <v>1047555</v>
      </c>
      <c r="DF12" s="327">
        <v>106033</v>
      </c>
      <c r="DG12" s="328">
        <v>4330690</v>
      </c>
      <c r="DH12" s="330">
        <v>5053050</v>
      </c>
      <c r="DI12" s="326">
        <v>0</v>
      </c>
      <c r="DJ12" s="327">
        <v>29216</v>
      </c>
      <c r="DK12" s="331">
        <v>29216</v>
      </c>
      <c r="DL12" s="332">
        <v>0</v>
      </c>
      <c r="DM12" s="327">
        <v>244304</v>
      </c>
      <c r="DN12" s="327">
        <v>1557447</v>
      </c>
      <c r="DO12" s="327">
        <v>3612922</v>
      </c>
      <c r="DP12" s="327">
        <v>2539006</v>
      </c>
      <c r="DQ12" s="327">
        <v>1015523</v>
      </c>
      <c r="DR12" s="328">
        <v>8969202</v>
      </c>
      <c r="DS12" s="330">
        <v>8998418</v>
      </c>
      <c r="DT12" s="326">
        <v>0</v>
      </c>
      <c r="DU12" s="327">
        <v>29216</v>
      </c>
      <c r="DV12" s="328">
        <v>29216</v>
      </c>
      <c r="DW12" s="326">
        <v>0</v>
      </c>
      <c r="DX12" s="327">
        <v>244304</v>
      </c>
      <c r="DY12" s="327">
        <v>1499959</v>
      </c>
      <c r="DZ12" s="327">
        <v>3576387</v>
      </c>
      <c r="EA12" s="327">
        <v>2539006</v>
      </c>
      <c r="EB12" s="327">
        <v>953639</v>
      </c>
      <c r="EC12" s="328">
        <v>8813295</v>
      </c>
      <c r="ED12" s="330">
        <v>8842511</v>
      </c>
      <c r="EE12" s="326">
        <v>0</v>
      </c>
      <c r="EF12" s="331">
        <v>0</v>
      </c>
      <c r="EG12" s="328">
        <v>0</v>
      </c>
      <c r="EH12" s="326">
        <v>0</v>
      </c>
      <c r="EI12" s="327">
        <v>0</v>
      </c>
      <c r="EJ12" s="327">
        <v>57488</v>
      </c>
      <c r="EK12" s="327">
        <v>36535</v>
      </c>
      <c r="EL12" s="327">
        <v>0</v>
      </c>
      <c r="EM12" s="327">
        <v>61884</v>
      </c>
      <c r="EN12" s="331">
        <v>155907</v>
      </c>
      <c r="EO12" s="330">
        <v>155907</v>
      </c>
      <c r="EP12" s="326">
        <v>0</v>
      </c>
      <c r="EQ12" s="327">
        <v>0</v>
      </c>
      <c r="ER12" s="331">
        <v>0</v>
      </c>
      <c r="ES12" s="332">
        <v>0</v>
      </c>
      <c r="ET12" s="327">
        <v>0</v>
      </c>
      <c r="EU12" s="327">
        <v>0</v>
      </c>
      <c r="EV12" s="327">
        <v>0</v>
      </c>
      <c r="EW12" s="327">
        <v>0</v>
      </c>
      <c r="EX12" s="327">
        <v>0</v>
      </c>
      <c r="EY12" s="328">
        <v>0</v>
      </c>
      <c r="EZ12" s="330">
        <v>0</v>
      </c>
      <c r="FA12" s="326">
        <v>0</v>
      </c>
      <c r="FB12" s="327">
        <v>0</v>
      </c>
      <c r="FC12" s="331">
        <v>0</v>
      </c>
      <c r="FD12" s="332">
        <v>0</v>
      </c>
      <c r="FE12" s="327">
        <v>0</v>
      </c>
      <c r="FF12" s="327">
        <v>0</v>
      </c>
      <c r="FG12" s="327">
        <v>0</v>
      </c>
      <c r="FH12" s="327">
        <v>0</v>
      </c>
      <c r="FI12" s="327">
        <v>0</v>
      </c>
      <c r="FJ12" s="328">
        <v>0</v>
      </c>
      <c r="FK12" s="330">
        <v>0</v>
      </c>
      <c r="FL12" s="326">
        <v>537208</v>
      </c>
      <c r="FM12" s="327">
        <v>1221335</v>
      </c>
      <c r="FN12" s="328">
        <v>1758543</v>
      </c>
      <c r="FO12" s="326">
        <v>0</v>
      </c>
      <c r="FP12" s="327">
        <v>983240</v>
      </c>
      <c r="FQ12" s="327">
        <v>3501096</v>
      </c>
      <c r="FR12" s="327">
        <v>2381336</v>
      </c>
      <c r="FS12" s="327">
        <v>1653096</v>
      </c>
      <c r="FT12" s="327">
        <v>1885480</v>
      </c>
      <c r="FU12" s="328">
        <v>10404248</v>
      </c>
      <c r="FV12" s="330">
        <v>12162791</v>
      </c>
      <c r="FW12" s="333">
        <v>170456</v>
      </c>
      <c r="FX12" s="327">
        <v>837680</v>
      </c>
      <c r="FY12" s="331">
        <v>1008136</v>
      </c>
      <c r="FZ12" s="332">
        <v>0</v>
      </c>
      <c r="GA12" s="327">
        <v>812192</v>
      </c>
      <c r="GB12" s="327">
        <v>3154296</v>
      </c>
      <c r="GC12" s="327">
        <v>2283792</v>
      </c>
      <c r="GD12" s="327">
        <v>1633896</v>
      </c>
      <c r="GE12" s="327">
        <v>1540280</v>
      </c>
      <c r="GF12" s="328">
        <v>9424456</v>
      </c>
      <c r="GG12" s="334">
        <v>10432592</v>
      </c>
      <c r="GH12" s="333">
        <v>12352</v>
      </c>
      <c r="GI12" s="327">
        <v>18216</v>
      </c>
      <c r="GJ12" s="331">
        <v>30568</v>
      </c>
      <c r="GK12" s="332">
        <v>0</v>
      </c>
      <c r="GL12" s="327">
        <v>52272</v>
      </c>
      <c r="GM12" s="327">
        <v>13440</v>
      </c>
      <c r="GN12" s="327">
        <v>74400</v>
      </c>
      <c r="GO12" s="327">
        <v>0</v>
      </c>
      <c r="GP12" s="327">
        <v>25200</v>
      </c>
      <c r="GQ12" s="328">
        <v>165312</v>
      </c>
      <c r="GR12" s="330">
        <v>195880</v>
      </c>
      <c r="GS12" s="326">
        <v>354400</v>
      </c>
      <c r="GT12" s="327">
        <v>365439</v>
      </c>
      <c r="GU12" s="328">
        <v>719839</v>
      </c>
      <c r="GV12" s="326">
        <v>0</v>
      </c>
      <c r="GW12" s="327">
        <v>118776</v>
      </c>
      <c r="GX12" s="327">
        <v>333360</v>
      </c>
      <c r="GY12" s="327">
        <v>23144</v>
      </c>
      <c r="GZ12" s="327">
        <v>19200</v>
      </c>
      <c r="HA12" s="327">
        <v>320000</v>
      </c>
      <c r="HB12" s="331">
        <v>814480</v>
      </c>
      <c r="HC12" s="330">
        <v>1534319</v>
      </c>
      <c r="HD12" s="326">
        <v>772571</v>
      </c>
      <c r="HE12" s="327">
        <v>463522</v>
      </c>
      <c r="HF12" s="331">
        <v>1236093</v>
      </c>
      <c r="HG12" s="332">
        <v>0</v>
      </c>
      <c r="HH12" s="327">
        <v>4521896</v>
      </c>
      <c r="HI12" s="327">
        <v>6444775</v>
      </c>
      <c r="HJ12" s="327">
        <v>4986626</v>
      </c>
      <c r="HK12" s="327">
        <v>4528772</v>
      </c>
      <c r="HL12" s="327">
        <v>2654318</v>
      </c>
      <c r="HM12" s="328">
        <v>23136387</v>
      </c>
      <c r="HN12" s="329">
        <v>24372480</v>
      </c>
      <c r="HO12" s="333">
        <v>0</v>
      </c>
      <c r="HP12" s="327">
        <v>0</v>
      </c>
      <c r="HQ12" s="328">
        <v>0</v>
      </c>
      <c r="HR12" s="326">
        <v>0</v>
      </c>
      <c r="HS12" s="327">
        <v>0</v>
      </c>
      <c r="HT12" s="327">
        <v>0</v>
      </c>
      <c r="HU12" s="327">
        <v>0</v>
      </c>
      <c r="HV12" s="327">
        <v>0</v>
      </c>
      <c r="HW12" s="327">
        <v>0</v>
      </c>
      <c r="HX12" s="331">
        <v>0</v>
      </c>
      <c r="HY12" s="330">
        <v>0</v>
      </c>
      <c r="HZ12" s="335">
        <v>41539</v>
      </c>
      <c r="IA12" s="336">
        <v>68138</v>
      </c>
      <c r="IB12" s="337">
        <v>109677</v>
      </c>
      <c r="IC12" s="355">
        <v>0</v>
      </c>
      <c r="ID12" s="356">
        <v>7337988</v>
      </c>
      <c r="IE12" s="357">
        <v>7063312</v>
      </c>
      <c r="IF12" s="358">
        <v>9476895</v>
      </c>
      <c r="IG12" s="356">
        <v>8188869</v>
      </c>
      <c r="IH12" s="358">
        <v>3498168</v>
      </c>
      <c r="II12" s="359">
        <v>35565232</v>
      </c>
      <c r="IJ12" s="341">
        <v>35674909</v>
      </c>
      <c r="IK12" s="342">
        <v>0</v>
      </c>
      <c r="IL12" s="343">
        <v>0</v>
      </c>
      <c r="IM12" s="344">
        <v>0</v>
      </c>
      <c r="IN12" s="404">
        <v>0</v>
      </c>
      <c r="IO12" s="345">
        <v>102337</v>
      </c>
      <c r="IP12" s="345">
        <v>327253</v>
      </c>
      <c r="IQ12" s="345">
        <v>497223</v>
      </c>
      <c r="IR12" s="345">
        <v>548511</v>
      </c>
      <c r="IS12" s="345">
        <v>706808</v>
      </c>
      <c r="IT12" s="346">
        <v>2182132</v>
      </c>
      <c r="IU12" s="347">
        <v>2182132</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3256838</v>
      </c>
      <c r="JL12" s="345">
        <v>4106201</v>
      </c>
      <c r="JM12" s="345">
        <v>2829534</v>
      </c>
      <c r="JN12" s="345">
        <v>1184119</v>
      </c>
      <c r="JO12" s="345">
        <v>246056</v>
      </c>
      <c r="JP12" s="349">
        <v>11622748</v>
      </c>
      <c r="JQ12" s="347">
        <v>11622748</v>
      </c>
      <c r="JR12" s="348">
        <v>0</v>
      </c>
      <c r="JS12" s="345">
        <v>0</v>
      </c>
      <c r="JT12" s="346">
        <v>0</v>
      </c>
      <c r="JU12" s="351">
        <v>0</v>
      </c>
      <c r="JV12" s="345">
        <v>391919</v>
      </c>
      <c r="JW12" s="345">
        <v>94344</v>
      </c>
      <c r="JX12" s="345">
        <v>0</v>
      </c>
      <c r="JY12" s="345">
        <v>0</v>
      </c>
      <c r="JZ12" s="345">
        <v>0</v>
      </c>
      <c r="KA12" s="349">
        <v>486263</v>
      </c>
      <c r="KB12" s="347">
        <v>486263</v>
      </c>
      <c r="KC12" s="352">
        <v>41539</v>
      </c>
      <c r="KD12" s="353">
        <v>68138</v>
      </c>
      <c r="KE12" s="349">
        <v>109677</v>
      </c>
      <c r="KF12" s="351">
        <v>0</v>
      </c>
      <c r="KG12" s="345">
        <v>687524</v>
      </c>
      <c r="KH12" s="345">
        <v>815426</v>
      </c>
      <c r="KI12" s="345">
        <v>1453823</v>
      </c>
      <c r="KJ12" s="345">
        <v>1590390</v>
      </c>
      <c r="KK12" s="345">
        <v>588319</v>
      </c>
      <c r="KL12" s="349">
        <v>5135482</v>
      </c>
      <c r="KM12" s="354">
        <v>5245159</v>
      </c>
      <c r="KN12" s="342">
        <v>0</v>
      </c>
      <c r="KO12" s="343">
        <v>0</v>
      </c>
      <c r="KP12" s="344">
        <v>0</v>
      </c>
      <c r="KQ12" s="404">
        <v>0</v>
      </c>
      <c r="KR12" s="345">
        <v>2610152</v>
      </c>
      <c r="KS12" s="345">
        <v>1720088</v>
      </c>
      <c r="KT12" s="345">
        <v>4458778</v>
      </c>
      <c r="KU12" s="345">
        <v>3824897</v>
      </c>
      <c r="KV12" s="345">
        <v>1348514</v>
      </c>
      <c r="KW12" s="349">
        <v>13962429</v>
      </c>
      <c r="KX12" s="347">
        <v>13962429</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237537</v>
      </c>
      <c r="LQ12" s="345">
        <v>300009</v>
      </c>
      <c r="LR12" s="345">
        <v>0</v>
      </c>
      <c r="LS12" s="349">
        <v>537546</v>
      </c>
      <c r="LT12" s="347">
        <v>537546</v>
      </c>
      <c r="LU12" s="348">
        <v>0</v>
      </c>
      <c r="LV12" s="345">
        <v>0</v>
      </c>
      <c r="LW12" s="349">
        <v>0</v>
      </c>
      <c r="LX12" s="404">
        <v>0</v>
      </c>
      <c r="LY12" s="345">
        <v>289218</v>
      </c>
      <c r="LZ12" s="345">
        <v>0</v>
      </c>
      <c r="MA12" s="345">
        <v>0</v>
      </c>
      <c r="MB12" s="345">
        <v>740943</v>
      </c>
      <c r="MC12" s="345">
        <v>608471</v>
      </c>
      <c r="MD12" s="349">
        <v>1638632</v>
      </c>
      <c r="ME12" s="350">
        <v>1638632</v>
      </c>
      <c r="MF12" s="348">
        <v>0</v>
      </c>
      <c r="MG12" s="345">
        <v>0</v>
      </c>
      <c r="MH12" s="349">
        <v>0</v>
      </c>
      <c r="MI12" s="404">
        <v>0</v>
      </c>
      <c r="MJ12" s="345">
        <v>266063</v>
      </c>
      <c r="MK12" s="345">
        <v>3643896</v>
      </c>
      <c r="ML12" s="345">
        <v>15759398</v>
      </c>
      <c r="MM12" s="345">
        <v>22045492</v>
      </c>
      <c r="MN12" s="345">
        <v>11913482</v>
      </c>
      <c r="MO12" s="349">
        <v>53628331</v>
      </c>
      <c r="MP12" s="354">
        <v>53628331</v>
      </c>
      <c r="MQ12" s="348">
        <v>0</v>
      </c>
      <c r="MR12" s="345">
        <v>0</v>
      </c>
      <c r="MS12" s="349">
        <v>0</v>
      </c>
      <c r="MT12" s="404">
        <v>0</v>
      </c>
      <c r="MU12" s="345">
        <v>0</v>
      </c>
      <c r="MV12" s="345">
        <v>217469</v>
      </c>
      <c r="MW12" s="345">
        <v>10178404</v>
      </c>
      <c r="MX12" s="345">
        <v>14844265</v>
      </c>
      <c r="MY12" s="345">
        <v>8129995</v>
      </c>
      <c r="MZ12" s="349">
        <v>33370133</v>
      </c>
      <c r="NA12" s="354">
        <v>33370133</v>
      </c>
      <c r="NB12" s="348">
        <v>0</v>
      </c>
      <c r="NC12" s="345">
        <v>0</v>
      </c>
      <c r="ND12" s="349">
        <v>0</v>
      </c>
      <c r="NE12" s="404">
        <v>0</v>
      </c>
      <c r="NF12" s="345">
        <v>266063</v>
      </c>
      <c r="NG12" s="345">
        <v>3426427</v>
      </c>
      <c r="NH12" s="345">
        <v>5580994</v>
      </c>
      <c r="NI12" s="345">
        <v>5798609</v>
      </c>
      <c r="NJ12" s="345">
        <v>1518043</v>
      </c>
      <c r="NK12" s="349">
        <v>16590136</v>
      </c>
      <c r="NL12" s="347">
        <v>16590136</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0</v>
      </c>
      <c r="OE12" s="345">
        <v>1402618</v>
      </c>
      <c r="OF12" s="345">
        <v>2265444</v>
      </c>
      <c r="OG12" s="349">
        <v>3668062</v>
      </c>
      <c r="OH12" s="350">
        <v>3668062</v>
      </c>
      <c r="OI12" s="348">
        <v>2050192</v>
      </c>
      <c r="OJ12" s="345">
        <v>3558419</v>
      </c>
      <c r="OK12" s="346">
        <v>5608611</v>
      </c>
      <c r="OL12" s="351">
        <v>0</v>
      </c>
      <c r="OM12" s="345">
        <v>22703000</v>
      </c>
      <c r="ON12" s="345">
        <v>41794696</v>
      </c>
      <c r="OO12" s="345">
        <v>53102904</v>
      </c>
      <c r="OP12" s="345">
        <v>51119486</v>
      </c>
      <c r="OQ12" s="345">
        <v>32278178</v>
      </c>
      <c r="OR12" s="349">
        <v>200998264</v>
      </c>
      <c r="OS12" s="354">
        <v>206606875</v>
      </c>
    </row>
    <row r="13" spans="1:409" s="70" customFormat="1" ht="21" customHeight="1" x14ac:dyDescent="0.2">
      <c r="B13" s="410" t="s">
        <v>7</v>
      </c>
      <c r="C13" s="326">
        <v>1674372</v>
      </c>
      <c r="D13" s="327">
        <v>2447269</v>
      </c>
      <c r="E13" s="328">
        <v>4121641</v>
      </c>
      <c r="F13" s="329">
        <v>0</v>
      </c>
      <c r="G13" s="327">
        <v>26264589</v>
      </c>
      <c r="H13" s="327">
        <v>25568453</v>
      </c>
      <c r="I13" s="327">
        <v>21077112</v>
      </c>
      <c r="J13" s="327">
        <v>21092197</v>
      </c>
      <c r="K13" s="327">
        <v>14317466</v>
      </c>
      <c r="L13" s="329">
        <v>108319817</v>
      </c>
      <c r="M13" s="330">
        <v>112441458</v>
      </c>
      <c r="N13" s="326">
        <v>320093</v>
      </c>
      <c r="O13" s="327">
        <v>286208</v>
      </c>
      <c r="P13" s="328">
        <v>606301</v>
      </c>
      <c r="Q13" s="326">
        <v>0</v>
      </c>
      <c r="R13" s="327">
        <v>6968680</v>
      </c>
      <c r="S13" s="327">
        <v>7319991</v>
      </c>
      <c r="T13" s="327">
        <v>6559921</v>
      </c>
      <c r="U13" s="327">
        <v>9472211</v>
      </c>
      <c r="V13" s="327">
        <v>6272428</v>
      </c>
      <c r="W13" s="328">
        <v>36593231</v>
      </c>
      <c r="X13" s="330">
        <v>37199532</v>
      </c>
      <c r="Y13" s="326">
        <v>0</v>
      </c>
      <c r="Z13" s="327">
        <v>0</v>
      </c>
      <c r="AA13" s="328">
        <v>0</v>
      </c>
      <c r="AB13" s="326">
        <v>0</v>
      </c>
      <c r="AC13" s="327">
        <v>3090510</v>
      </c>
      <c r="AD13" s="327">
        <v>3808381</v>
      </c>
      <c r="AE13" s="327">
        <v>3977004</v>
      </c>
      <c r="AF13" s="327">
        <v>6338090</v>
      </c>
      <c r="AG13" s="327">
        <v>3576491</v>
      </c>
      <c r="AH13" s="328">
        <v>20790476</v>
      </c>
      <c r="AI13" s="330">
        <v>20790476</v>
      </c>
      <c r="AJ13" s="326">
        <v>0</v>
      </c>
      <c r="AK13" s="327">
        <v>0</v>
      </c>
      <c r="AL13" s="328">
        <v>0</v>
      </c>
      <c r="AM13" s="326">
        <v>0</v>
      </c>
      <c r="AN13" s="327">
        <v>36032</v>
      </c>
      <c r="AO13" s="327">
        <v>193470</v>
      </c>
      <c r="AP13" s="327">
        <v>182749</v>
      </c>
      <c r="AQ13" s="327">
        <v>448881</v>
      </c>
      <c r="AR13" s="327">
        <v>650469</v>
      </c>
      <c r="AS13" s="328">
        <v>1511601</v>
      </c>
      <c r="AT13" s="330">
        <v>1511601</v>
      </c>
      <c r="AU13" s="326">
        <v>39517</v>
      </c>
      <c r="AV13" s="327">
        <v>40280</v>
      </c>
      <c r="AW13" s="328">
        <v>79797</v>
      </c>
      <c r="AX13" s="326">
        <v>0</v>
      </c>
      <c r="AY13" s="327">
        <v>2055947</v>
      </c>
      <c r="AZ13" s="327">
        <v>1703743</v>
      </c>
      <c r="BA13" s="327">
        <v>1082398</v>
      </c>
      <c r="BB13" s="327">
        <v>1406308</v>
      </c>
      <c r="BC13" s="327">
        <v>1300120</v>
      </c>
      <c r="BD13" s="328">
        <v>7548516</v>
      </c>
      <c r="BE13" s="330">
        <v>7628313</v>
      </c>
      <c r="BF13" s="326">
        <v>0</v>
      </c>
      <c r="BG13" s="327">
        <v>36568</v>
      </c>
      <c r="BH13" s="331">
        <v>36568</v>
      </c>
      <c r="BI13" s="332">
        <v>0</v>
      </c>
      <c r="BJ13" s="327">
        <v>352367</v>
      </c>
      <c r="BK13" s="327">
        <v>150701</v>
      </c>
      <c r="BL13" s="327">
        <v>110802</v>
      </c>
      <c r="BM13" s="327">
        <v>116540</v>
      </c>
      <c r="BN13" s="327">
        <v>61588</v>
      </c>
      <c r="BO13" s="328">
        <v>791998</v>
      </c>
      <c r="BP13" s="330">
        <v>828566</v>
      </c>
      <c r="BQ13" s="326">
        <v>280576</v>
      </c>
      <c r="BR13" s="327">
        <v>209360</v>
      </c>
      <c r="BS13" s="328">
        <v>489936</v>
      </c>
      <c r="BT13" s="326">
        <v>0</v>
      </c>
      <c r="BU13" s="327">
        <v>1433824</v>
      </c>
      <c r="BV13" s="327">
        <v>1463696</v>
      </c>
      <c r="BW13" s="327">
        <v>1206968</v>
      </c>
      <c r="BX13" s="327">
        <v>1162392</v>
      </c>
      <c r="BY13" s="327">
        <v>683760</v>
      </c>
      <c r="BZ13" s="328">
        <v>5950640</v>
      </c>
      <c r="CA13" s="330">
        <v>6440576</v>
      </c>
      <c r="CB13" s="326">
        <v>40779</v>
      </c>
      <c r="CC13" s="327">
        <v>233035</v>
      </c>
      <c r="CD13" s="328">
        <v>273814</v>
      </c>
      <c r="CE13" s="326">
        <v>0</v>
      </c>
      <c r="CF13" s="327">
        <v>8524875</v>
      </c>
      <c r="CG13" s="327">
        <v>6776930</v>
      </c>
      <c r="CH13" s="327">
        <v>4073714</v>
      </c>
      <c r="CI13" s="327">
        <v>2104476</v>
      </c>
      <c r="CJ13" s="327">
        <v>1467451</v>
      </c>
      <c r="CK13" s="328">
        <v>22947446</v>
      </c>
      <c r="CL13" s="330">
        <v>23221260</v>
      </c>
      <c r="CM13" s="326">
        <v>0</v>
      </c>
      <c r="CN13" s="327">
        <v>0</v>
      </c>
      <c r="CO13" s="328">
        <v>0</v>
      </c>
      <c r="CP13" s="332">
        <v>0</v>
      </c>
      <c r="CQ13" s="327">
        <v>7045486</v>
      </c>
      <c r="CR13" s="327">
        <v>5217467</v>
      </c>
      <c r="CS13" s="327">
        <v>3381811</v>
      </c>
      <c r="CT13" s="327">
        <v>1694053</v>
      </c>
      <c r="CU13" s="327">
        <v>1052066</v>
      </c>
      <c r="CV13" s="328">
        <v>18390883</v>
      </c>
      <c r="CW13" s="330">
        <v>18390883</v>
      </c>
      <c r="CX13" s="326">
        <v>40779</v>
      </c>
      <c r="CY13" s="327">
        <v>233035</v>
      </c>
      <c r="CZ13" s="328">
        <v>273814</v>
      </c>
      <c r="DA13" s="326">
        <v>0</v>
      </c>
      <c r="DB13" s="327">
        <v>1479389</v>
      </c>
      <c r="DC13" s="327">
        <v>1559463</v>
      </c>
      <c r="DD13" s="327">
        <v>691903</v>
      </c>
      <c r="DE13" s="327">
        <v>410423</v>
      </c>
      <c r="DF13" s="327">
        <v>415385</v>
      </c>
      <c r="DG13" s="328">
        <v>4556563</v>
      </c>
      <c r="DH13" s="330">
        <v>4830377</v>
      </c>
      <c r="DI13" s="326">
        <v>16066</v>
      </c>
      <c r="DJ13" s="327">
        <v>35340</v>
      </c>
      <c r="DK13" s="331">
        <v>51406</v>
      </c>
      <c r="DL13" s="332">
        <v>0</v>
      </c>
      <c r="DM13" s="327">
        <v>1120979</v>
      </c>
      <c r="DN13" s="327">
        <v>2400332</v>
      </c>
      <c r="DO13" s="327">
        <v>3128606</v>
      </c>
      <c r="DP13" s="327">
        <v>2232067</v>
      </c>
      <c r="DQ13" s="327">
        <v>959367</v>
      </c>
      <c r="DR13" s="328">
        <v>9841351</v>
      </c>
      <c r="DS13" s="330">
        <v>9892757</v>
      </c>
      <c r="DT13" s="326">
        <v>16066</v>
      </c>
      <c r="DU13" s="327">
        <v>35340</v>
      </c>
      <c r="DV13" s="328">
        <v>51406</v>
      </c>
      <c r="DW13" s="326">
        <v>0</v>
      </c>
      <c r="DX13" s="327">
        <v>1120979</v>
      </c>
      <c r="DY13" s="327">
        <v>2191076</v>
      </c>
      <c r="DZ13" s="327">
        <v>3128606</v>
      </c>
      <c r="EA13" s="327">
        <v>2192884</v>
      </c>
      <c r="EB13" s="327">
        <v>800703</v>
      </c>
      <c r="EC13" s="328">
        <v>9434248</v>
      </c>
      <c r="ED13" s="330">
        <v>9485654</v>
      </c>
      <c r="EE13" s="326">
        <v>0</v>
      </c>
      <c r="EF13" s="331">
        <v>0</v>
      </c>
      <c r="EG13" s="328">
        <v>0</v>
      </c>
      <c r="EH13" s="326">
        <v>0</v>
      </c>
      <c r="EI13" s="327">
        <v>0</v>
      </c>
      <c r="EJ13" s="327">
        <v>209256</v>
      </c>
      <c r="EK13" s="327">
        <v>0</v>
      </c>
      <c r="EL13" s="327">
        <v>39183</v>
      </c>
      <c r="EM13" s="327">
        <v>158664</v>
      </c>
      <c r="EN13" s="331">
        <v>407103</v>
      </c>
      <c r="EO13" s="330">
        <v>407103</v>
      </c>
      <c r="EP13" s="326">
        <v>0</v>
      </c>
      <c r="EQ13" s="327">
        <v>0</v>
      </c>
      <c r="ER13" s="331">
        <v>0</v>
      </c>
      <c r="ES13" s="332">
        <v>0</v>
      </c>
      <c r="ET13" s="327">
        <v>0</v>
      </c>
      <c r="EU13" s="327">
        <v>0</v>
      </c>
      <c r="EV13" s="327">
        <v>0</v>
      </c>
      <c r="EW13" s="327">
        <v>0</v>
      </c>
      <c r="EX13" s="327">
        <v>0</v>
      </c>
      <c r="EY13" s="328">
        <v>0</v>
      </c>
      <c r="EZ13" s="330">
        <v>0</v>
      </c>
      <c r="FA13" s="326">
        <v>0</v>
      </c>
      <c r="FB13" s="327">
        <v>0</v>
      </c>
      <c r="FC13" s="331">
        <v>0</v>
      </c>
      <c r="FD13" s="332">
        <v>0</v>
      </c>
      <c r="FE13" s="327">
        <v>0</v>
      </c>
      <c r="FF13" s="327">
        <v>0</v>
      </c>
      <c r="FG13" s="327">
        <v>0</v>
      </c>
      <c r="FH13" s="327">
        <v>0</v>
      </c>
      <c r="FI13" s="327">
        <v>0</v>
      </c>
      <c r="FJ13" s="328">
        <v>0</v>
      </c>
      <c r="FK13" s="330">
        <v>0</v>
      </c>
      <c r="FL13" s="326">
        <v>338859</v>
      </c>
      <c r="FM13" s="327">
        <v>592912</v>
      </c>
      <c r="FN13" s="328">
        <v>931771</v>
      </c>
      <c r="FO13" s="326">
        <v>0</v>
      </c>
      <c r="FP13" s="327">
        <v>1104439</v>
      </c>
      <c r="FQ13" s="327">
        <v>2478172</v>
      </c>
      <c r="FR13" s="327">
        <v>1441704</v>
      </c>
      <c r="FS13" s="327">
        <v>1419827</v>
      </c>
      <c r="FT13" s="327">
        <v>801256</v>
      </c>
      <c r="FU13" s="328">
        <v>7245398</v>
      </c>
      <c r="FV13" s="330">
        <v>8177169</v>
      </c>
      <c r="FW13" s="333">
        <v>185208</v>
      </c>
      <c r="FX13" s="327">
        <v>173688</v>
      </c>
      <c r="FY13" s="331">
        <v>358896</v>
      </c>
      <c r="FZ13" s="332">
        <v>0</v>
      </c>
      <c r="GA13" s="327">
        <v>808296</v>
      </c>
      <c r="GB13" s="327">
        <v>2069152</v>
      </c>
      <c r="GC13" s="327">
        <v>1354784</v>
      </c>
      <c r="GD13" s="327">
        <v>1323680</v>
      </c>
      <c r="GE13" s="327">
        <v>789256</v>
      </c>
      <c r="GF13" s="328">
        <v>6345168</v>
      </c>
      <c r="GG13" s="334">
        <v>6704064</v>
      </c>
      <c r="GH13" s="333">
        <v>16051</v>
      </c>
      <c r="GI13" s="327">
        <v>0</v>
      </c>
      <c r="GJ13" s="331">
        <v>16051</v>
      </c>
      <c r="GK13" s="332">
        <v>0</v>
      </c>
      <c r="GL13" s="327">
        <v>81743</v>
      </c>
      <c r="GM13" s="327">
        <v>125020</v>
      </c>
      <c r="GN13" s="327">
        <v>27720</v>
      </c>
      <c r="GO13" s="327">
        <v>24147</v>
      </c>
      <c r="GP13" s="327">
        <v>0</v>
      </c>
      <c r="GQ13" s="328">
        <v>258630</v>
      </c>
      <c r="GR13" s="330">
        <v>274681</v>
      </c>
      <c r="GS13" s="326">
        <v>137600</v>
      </c>
      <c r="GT13" s="327">
        <v>419224</v>
      </c>
      <c r="GU13" s="328">
        <v>556824</v>
      </c>
      <c r="GV13" s="326">
        <v>0</v>
      </c>
      <c r="GW13" s="327">
        <v>214400</v>
      </c>
      <c r="GX13" s="327">
        <v>284000</v>
      </c>
      <c r="GY13" s="327">
        <v>59200</v>
      </c>
      <c r="GZ13" s="327">
        <v>72000</v>
      </c>
      <c r="HA13" s="327">
        <v>12000</v>
      </c>
      <c r="HB13" s="331">
        <v>641600</v>
      </c>
      <c r="HC13" s="330">
        <v>1198424</v>
      </c>
      <c r="HD13" s="326">
        <v>958575</v>
      </c>
      <c r="HE13" s="327">
        <v>1299774</v>
      </c>
      <c r="HF13" s="331">
        <v>2258349</v>
      </c>
      <c r="HG13" s="332">
        <v>0</v>
      </c>
      <c r="HH13" s="327">
        <v>8545616</v>
      </c>
      <c r="HI13" s="327">
        <v>6593028</v>
      </c>
      <c r="HJ13" s="327">
        <v>5873167</v>
      </c>
      <c r="HK13" s="327">
        <v>5863616</v>
      </c>
      <c r="HL13" s="327">
        <v>4816964</v>
      </c>
      <c r="HM13" s="328">
        <v>31692391</v>
      </c>
      <c r="HN13" s="329">
        <v>33950740</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5985411</v>
      </c>
      <c r="IE13" s="339">
        <v>7366945</v>
      </c>
      <c r="IF13" s="337">
        <v>5859753</v>
      </c>
      <c r="IG13" s="336">
        <v>2851006</v>
      </c>
      <c r="IH13" s="337">
        <v>1865886</v>
      </c>
      <c r="II13" s="340">
        <v>23929001</v>
      </c>
      <c r="IJ13" s="341">
        <v>23929001</v>
      </c>
      <c r="IK13" s="342">
        <v>0</v>
      </c>
      <c r="IL13" s="343">
        <v>0</v>
      </c>
      <c r="IM13" s="344">
        <v>0</v>
      </c>
      <c r="IN13" s="404">
        <v>0</v>
      </c>
      <c r="IO13" s="345">
        <v>107341</v>
      </c>
      <c r="IP13" s="345">
        <v>139895</v>
      </c>
      <c r="IQ13" s="345">
        <v>0</v>
      </c>
      <c r="IR13" s="345">
        <v>406411</v>
      </c>
      <c r="IS13" s="345">
        <v>0</v>
      </c>
      <c r="IT13" s="346">
        <v>653647</v>
      </c>
      <c r="IU13" s="347">
        <v>653647</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2900427</v>
      </c>
      <c r="JL13" s="345">
        <v>3248096</v>
      </c>
      <c r="JM13" s="345">
        <v>1355266</v>
      </c>
      <c r="JN13" s="345">
        <v>565616</v>
      </c>
      <c r="JO13" s="345">
        <v>43163</v>
      </c>
      <c r="JP13" s="349">
        <v>8112568</v>
      </c>
      <c r="JQ13" s="347">
        <v>8112568</v>
      </c>
      <c r="JR13" s="348">
        <v>0</v>
      </c>
      <c r="JS13" s="345">
        <v>0</v>
      </c>
      <c r="JT13" s="346">
        <v>0</v>
      </c>
      <c r="JU13" s="351">
        <v>0</v>
      </c>
      <c r="JV13" s="345">
        <v>609457</v>
      </c>
      <c r="JW13" s="345">
        <v>633360</v>
      </c>
      <c r="JX13" s="345">
        <v>679917</v>
      </c>
      <c r="JY13" s="345">
        <v>440477</v>
      </c>
      <c r="JZ13" s="345">
        <v>315441</v>
      </c>
      <c r="KA13" s="349">
        <v>2678652</v>
      </c>
      <c r="KB13" s="347">
        <v>2678652</v>
      </c>
      <c r="KC13" s="352">
        <v>0</v>
      </c>
      <c r="KD13" s="353">
        <v>0</v>
      </c>
      <c r="KE13" s="349">
        <v>0</v>
      </c>
      <c r="KF13" s="351">
        <v>0</v>
      </c>
      <c r="KG13" s="345">
        <v>698258</v>
      </c>
      <c r="KH13" s="345">
        <v>508078</v>
      </c>
      <c r="KI13" s="345">
        <v>444563</v>
      </c>
      <c r="KJ13" s="345">
        <v>0</v>
      </c>
      <c r="KK13" s="345">
        <v>0</v>
      </c>
      <c r="KL13" s="349">
        <v>1650899</v>
      </c>
      <c r="KM13" s="354">
        <v>1650899</v>
      </c>
      <c r="KN13" s="342">
        <v>0</v>
      </c>
      <c r="KO13" s="343">
        <v>0</v>
      </c>
      <c r="KP13" s="344">
        <v>0</v>
      </c>
      <c r="KQ13" s="404">
        <v>0</v>
      </c>
      <c r="KR13" s="345">
        <v>1669928</v>
      </c>
      <c r="KS13" s="345">
        <v>2892663</v>
      </c>
      <c r="KT13" s="345">
        <v>2933536</v>
      </c>
      <c r="KU13" s="345">
        <v>1570082</v>
      </c>
      <c r="KV13" s="345">
        <v>341510</v>
      </c>
      <c r="KW13" s="349">
        <v>9407719</v>
      </c>
      <c r="KX13" s="347">
        <v>9407719</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0</v>
      </c>
      <c r="LZ13" s="345">
        <v>-55147</v>
      </c>
      <c r="MA13" s="345">
        <v>446471</v>
      </c>
      <c r="MB13" s="345">
        <v>-131580</v>
      </c>
      <c r="MC13" s="345">
        <v>1165772</v>
      </c>
      <c r="MD13" s="349">
        <v>1425516</v>
      </c>
      <c r="ME13" s="350">
        <v>1425516</v>
      </c>
      <c r="MF13" s="348">
        <v>0</v>
      </c>
      <c r="MG13" s="345">
        <v>0</v>
      </c>
      <c r="MH13" s="349">
        <v>0</v>
      </c>
      <c r="MI13" s="404">
        <v>0</v>
      </c>
      <c r="MJ13" s="345">
        <v>3524036</v>
      </c>
      <c r="MK13" s="345">
        <v>3513197</v>
      </c>
      <c r="ML13" s="345">
        <v>11694689</v>
      </c>
      <c r="MM13" s="345">
        <v>19535040</v>
      </c>
      <c r="MN13" s="345">
        <v>7317042</v>
      </c>
      <c r="MO13" s="349">
        <v>45584004</v>
      </c>
      <c r="MP13" s="354">
        <v>45584004</v>
      </c>
      <c r="MQ13" s="348">
        <v>0</v>
      </c>
      <c r="MR13" s="345">
        <v>0</v>
      </c>
      <c r="MS13" s="349">
        <v>0</v>
      </c>
      <c r="MT13" s="404">
        <v>0</v>
      </c>
      <c r="MU13" s="345">
        <v>223422</v>
      </c>
      <c r="MV13" s="345">
        <v>234544</v>
      </c>
      <c r="MW13" s="345">
        <v>8372976</v>
      </c>
      <c r="MX13" s="345">
        <v>12789528</v>
      </c>
      <c r="MY13" s="345">
        <v>5684261</v>
      </c>
      <c r="MZ13" s="349">
        <v>27304731</v>
      </c>
      <c r="NA13" s="354">
        <v>27304731</v>
      </c>
      <c r="NB13" s="348">
        <v>0</v>
      </c>
      <c r="NC13" s="345">
        <v>0</v>
      </c>
      <c r="ND13" s="349">
        <v>0</v>
      </c>
      <c r="NE13" s="404">
        <v>0</v>
      </c>
      <c r="NF13" s="345">
        <v>3300614</v>
      </c>
      <c r="NG13" s="345">
        <v>3278653</v>
      </c>
      <c r="NH13" s="345">
        <v>3321713</v>
      </c>
      <c r="NI13" s="345">
        <v>4641413</v>
      </c>
      <c r="NJ13" s="345">
        <v>1632781</v>
      </c>
      <c r="NK13" s="349">
        <v>16175174</v>
      </c>
      <c r="NL13" s="347">
        <v>16175174</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2104099</v>
      </c>
      <c r="OF13" s="345">
        <v>0</v>
      </c>
      <c r="OG13" s="349">
        <v>2104099</v>
      </c>
      <c r="OH13" s="350">
        <v>2104099</v>
      </c>
      <c r="OI13" s="348">
        <v>1674372</v>
      </c>
      <c r="OJ13" s="345">
        <v>2447269</v>
      </c>
      <c r="OK13" s="346">
        <v>4121641</v>
      </c>
      <c r="OL13" s="351">
        <v>0</v>
      </c>
      <c r="OM13" s="345">
        <v>35774036</v>
      </c>
      <c r="ON13" s="345">
        <v>36448595</v>
      </c>
      <c r="OO13" s="345">
        <v>38631554</v>
      </c>
      <c r="OP13" s="345">
        <v>43478243</v>
      </c>
      <c r="OQ13" s="345">
        <v>23500394</v>
      </c>
      <c r="OR13" s="349">
        <v>177832822</v>
      </c>
      <c r="OS13" s="354">
        <v>181954463</v>
      </c>
    </row>
    <row r="14" spans="1:409" s="70" customFormat="1" ht="21" customHeight="1" x14ac:dyDescent="0.2">
      <c r="B14" s="410" t="s">
        <v>8</v>
      </c>
      <c r="C14" s="326">
        <v>650327</v>
      </c>
      <c r="D14" s="327">
        <v>722075</v>
      </c>
      <c r="E14" s="328">
        <v>1372402</v>
      </c>
      <c r="F14" s="329">
        <v>0</v>
      </c>
      <c r="G14" s="327">
        <v>7989547</v>
      </c>
      <c r="H14" s="327">
        <v>9786276</v>
      </c>
      <c r="I14" s="327">
        <v>9193143</v>
      </c>
      <c r="J14" s="327">
        <v>7264608</v>
      </c>
      <c r="K14" s="327">
        <v>5861299</v>
      </c>
      <c r="L14" s="329">
        <v>40094873</v>
      </c>
      <c r="M14" s="330">
        <v>41467275</v>
      </c>
      <c r="N14" s="326">
        <v>181448</v>
      </c>
      <c r="O14" s="327">
        <v>209906</v>
      </c>
      <c r="P14" s="328">
        <v>391354</v>
      </c>
      <c r="Q14" s="326">
        <v>0</v>
      </c>
      <c r="R14" s="327">
        <v>2255436</v>
      </c>
      <c r="S14" s="327">
        <v>3402805</v>
      </c>
      <c r="T14" s="327">
        <v>3513024</v>
      </c>
      <c r="U14" s="327">
        <v>2369726</v>
      </c>
      <c r="V14" s="327">
        <v>3183487</v>
      </c>
      <c r="W14" s="328">
        <v>14724478</v>
      </c>
      <c r="X14" s="330">
        <v>15115832</v>
      </c>
      <c r="Y14" s="326">
        <v>0</v>
      </c>
      <c r="Z14" s="327">
        <v>0</v>
      </c>
      <c r="AA14" s="328">
        <v>0</v>
      </c>
      <c r="AB14" s="326">
        <v>0</v>
      </c>
      <c r="AC14" s="327">
        <v>864082</v>
      </c>
      <c r="AD14" s="327">
        <v>1501145</v>
      </c>
      <c r="AE14" s="327">
        <v>1720390</v>
      </c>
      <c r="AF14" s="327">
        <v>1184468</v>
      </c>
      <c r="AG14" s="327">
        <v>1772055</v>
      </c>
      <c r="AH14" s="328">
        <v>7042140</v>
      </c>
      <c r="AI14" s="330">
        <v>7042140</v>
      </c>
      <c r="AJ14" s="326">
        <v>0</v>
      </c>
      <c r="AK14" s="327">
        <v>0</v>
      </c>
      <c r="AL14" s="328">
        <v>0</v>
      </c>
      <c r="AM14" s="326">
        <v>0</v>
      </c>
      <c r="AN14" s="327">
        <v>25585</v>
      </c>
      <c r="AO14" s="327">
        <v>94844</v>
      </c>
      <c r="AP14" s="327">
        <v>220511</v>
      </c>
      <c r="AQ14" s="327">
        <v>38888</v>
      </c>
      <c r="AR14" s="327">
        <v>378483</v>
      </c>
      <c r="AS14" s="328">
        <v>758311</v>
      </c>
      <c r="AT14" s="330">
        <v>758311</v>
      </c>
      <c r="AU14" s="326">
        <v>61844</v>
      </c>
      <c r="AV14" s="327">
        <v>102091</v>
      </c>
      <c r="AW14" s="328">
        <v>163935</v>
      </c>
      <c r="AX14" s="326">
        <v>0</v>
      </c>
      <c r="AY14" s="327">
        <v>730700</v>
      </c>
      <c r="AZ14" s="327">
        <v>1292278</v>
      </c>
      <c r="BA14" s="327">
        <v>1014651</v>
      </c>
      <c r="BB14" s="327">
        <v>686441</v>
      </c>
      <c r="BC14" s="327">
        <v>611261</v>
      </c>
      <c r="BD14" s="328">
        <v>4335331</v>
      </c>
      <c r="BE14" s="330">
        <v>4499266</v>
      </c>
      <c r="BF14" s="326">
        <v>27172</v>
      </c>
      <c r="BG14" s="327">
        <v>46183</v>
      </c>
      <c r="BH14" s="331">
        <v>73355</v>
      </c>
      <c r="BI14" s="332">
        <v>0</v>
      </c>
      <c r="BJ14" s="327">
        <v>196277</v>
      </c>
      <c r="BK14" s="327">
        <v>100738</v>
      </c>
      <c r="BL14" s="327">
        <v>146488</v>
      </c>
      <c r="BM14" s="327">
        <v>98577</v>
      </c>
      <c r="BN14" s="327">
        <v>22720</v>
      </c>
      <c r="BO14" s="328">
        <v>564800</v>
      </c>
      <c r="BP14" s="330">
        <v>638155</v>
      </c>
      <c r="BQ14" s="326">
        <v>92432</v>
      </c>
      <c r="BR14" s="327">
        <v>61632</v>
      </c>
      <c r="BS14" s="328">
        <v>154064</v>
      </c>
      <c r="BT14" s="326">
        <v>0</v>
      </c>
      <c r="BU14" s="327">
        <v>438792</v>
      </c>
      <c r="BV14" s="327">
        <v>413800</v>
      </c>
      <c r="BW14" s="327">
        <v>410984</v>
      </c>
      <c r="BX14" s="327">
        <v>361352</v>
      </c>
      <c r="BY14" s="327">
        <v>398968</v>
      </c>
      <c r="BZ14" s="328">
        <v>2023896</v>
      </c>
      <c r="CA14" s="330">
        <v>2177960</v>
      </c>
      <c r="CB14" s="326">
        <v>126072</v>
      </c>
      <c r="CC14" s="327">
        <v>115979</v>
      </c>
      <c r="CD14" s="328">
        <v>242051</v>
      </c>
      <c r="CE14" s="326">
        <v>0</v>
      </c>
      <c r="CF14" s="327">
        <v>2742247</v>
      </c>
      <c r="CG14" s="327">
        <v>3231828</v>
      </c>
      <c r="CH14" s="327">
        <v>1700182</v>
      </c>
      <c r="CI14" s="327">
        <v>1753581</v>
      </c>
      <c r="CJ14" s="327">
        <v>955575</v>
      </c>
      <c r="CK14" s="328">
        <v>10383413</v>
      </c>
      <c r="CL14" s="330">
        <v>10625464</v>
      </c>
      <c r="CM14" s="326">
        <v>0</v>
      </c>
      <c r="CN14" s="327">
        <v>0</v>
      </c>
      <c r="CO14" s="328">
        <v>0</v>
      </c>
      <c r="CP14" s="332">
        <v>0</v>
      </c>
      <c r="CQ14" s="327">
        <v>2178908</v>
      </c>
      <c r="CR14" s="327">
        <v>2582672</v>
      </c>
      <c r="CS14" s="327">
        <v>1295471</v>
      </c>
      <c r="CT14" s="327">
        <v>1672231</v>
      </c>
      <c r="CU14" s="327">
        <v>811253</v>
      </c>
      <c r="CV14" s="328">
        <v>8540535</v>
      </c>
      <c r="CW14" s="330">
        <v>8540535</v>
      </c>
      <c r="CX14" s="326">
        <v>126072</v>
      </c>
      <c r="CY14" s="327">
        <v>115979</v>
      </c>
      <c r="CZ14" s="328">
        <v>242051</v>
      </c>
      <c r="DA14" s="326">
        <v>0</v>
      </c>
      <c r="DB14" s="327">
        <v>563339</v>
      </c>
      <c r="DC14" s="327">
        <v>649156</v>
      </c>
      <c r="DD14" s="327">
        <v>404711</v>
      </c>
      <c r="DE14" s="327">
        <v>81350</v>
      </c>
      <c r="DF14" s="327">
        <v>144322</v>
      </c>
      <c r="DG14" s="328">
        <v>1842878</v>
      </c>
      <c r="DH14" s="330">
        <v>2084929</v>
      </c>
      <c r="DI14" s="326">
        <v>0</v>
      </c>
      <c r="DJ14" s="327">
        <v>59037</v>
      </c>
      <c r="DK14" s="331">
        <v>59037</v>
      </c>
      <c r="DL14" s="332">
        <v>0</v>
      </c>
      <c r="DM14" s="327">
        <v>22779</v>
      </c>
      <c r="DN14" s="327">
        <v>203941</v>
      </c>
      <c r="DO14" s="327">
        <v>1217298</v>
      </c>
      <c r="DP14" s="327">
        <v>699979</v>
      </c>
      <c r="DQ14" s="327">
        <v>235296</v>
      </c>
      <c r="DR14" s="328">
        <v>2379293</v>
      </c>
      <c r="DS14" s="330">
        <v>2438330</v>
      </c>
      <c r="DT14" s="326">
        <v>0</v>
      </c>
      <c r="DU14" s="327">
        <v>59037</v>
      </c>
      <c r="DV14" s="328">
        <v>59037</v>
      </c>
      <c r="DW14" s="326">
        <v>0</v>
      </c>
      <c r="DX14" s="327">
        <v>22779</v>
      </c>
      <c r="DY14" s="327">
        <v>203941</v>
      </c>
      <c r="DZ14" s="327">
        <v>1107314</v>
      </c>
      <c r="EA14" s="327">
        <v>699979</v>
      </c>
      <c r="EB14" s="327">
        <v>235296</v>
      </c>
      <c r="EC14" s="328">
        <v>2269309</v>
      </c>
      <c r="ED14" s="330">
        <v>2328346</v>
      </c>
      <c r="EE14" s="326">
        <v>0</v>
      </c>
      <c r="EF14" s="331">
        <v>0</v>
      </c>
      <c r="EG14" s="328">
        <v>0</v>
      </c>
      <c r="EH14" s="326">
        <v>0</v>
      </c>
      <c r="EI14" s="327">
        <v>0</v>
      </c>
      <c r="EJ14" s="327">
        <v>0</v>
      </c>
      <c r="EK14" s="327">
        <v>109984</v>
      </c>
      <c r="EL14" s="327">
        <v>0</v>
      </c>
      <c r="EM14" s="327">
        <v>0</v>
      </c>
      <c r="EN14" s="331">
        <v>109984</v>
      </c>
      <c r="EO14" s="330">
        <v>109984</v>
      </c>
      <c r="EP14" s="326">
        <v>0</v>
      </c>
      <c r="EQ14" s="327">
        <v>0</v>
      </c>
      <c r="ER14" s="331">
        <v>0</v>
      </c>
      <c r="ES14" s="332">
        <v>0</v>
      </c>
      <c r="ET14" s="327">
        <v>0</v>
      </c>
      <c r="EU14" s="327">
        <v>0</v>
      </c>
      <c r="EV14" s="327">
        <v>0</v>
      </c>
      <c r="EW14" s="327">
        <v>0</v>
      </c>
      <c r="EX14" s="327">
        <v>0</v>
      </c>
      <c r="EY14" s="328">
        <v>0</v>
      </c>
      <c r="EZ14" s="330">
        <v>0</v>
      </c>
      <c r="FA14" s="326">
        <v>0</v>
      </c>
      <c r="FB14" s="327">
        <v>0</v>
      </c>
      <c r="FC14" s="331">
        <v>0</v>
      </c>
      <c r="FD14" s="332">
        <v>0</v>
      </c>
      <c r="FE14" s="327">
        <v>0</v>
      </c>
      <c r="FF14" s="327">
        <v>0</v>
      </c>
      <c r="FG14" s="327">
        <v>0</v>
      </c>
      <c r="FH14" s="327">
        <v>0</v>
      </c>
      <c r="FI14" s="327">
        <v>0</v>
      </c>
      <c r="FJ14" s="328">
        <v>0</v>
      </c>
      <c r="FK14" s="330">
        <v>0</v>
      </c>
      <c r="FL14" s="326">
        <v>66128</v>
      </c>
      <c r="FM14" s="327">
        <v>146752</v>
      </c>
      <c r="FN14" s="328">
        <v>212880</v>
      </c>
      <c r="FO14" s="326">
        <v>0</v>
      </c>
      <c r="FP14" s="327">
        <v>708280</v>
      </c>
      <c r="FQ14" s="327">
        <v>1206088</v>
      </c>
      <c r="FR14" s="327">
        <v>877404</v>
      </c>
      <c r="FS14" s="327">
        <v>712008</v>
      </c>
      <c r="FT14" s="327">
        <v>387936</v>
      </c>
      <c r="FU14" s="328">
        <v>3891716</v>
      </c>
      <c r="FV14" s="330">
        <v>4104596</v>
      </c>
      <c r="FW14" s="333">
        <v>66128</v>
      </c>
      <c r="FX14" s="327">
        <v>146752</v>
      </c>
      <c r="FY14" s="331">
        <v>212880</v>
      </c>
      <c r="FZ14" s="332">
        <v>0</v>
      </c>
      <c r="GA14" s="327">
        <v>440064</v>
      </c>
      <c r="GB14" s="327">
        <v>1105448</v>
      </c>
      <c r="GC14" s="327">
        <v>813912</v>
      </c>
      <c r="GD14" s="327">
        <v>712008</v>
      </c>
      <c r="GE14" s="327">
        <v>387936</v>
      </c>
      <c r="GF14" s="328">
        <v>3459368</v>
      </c>
      <c r="GG14" s="334">
        <v>3672248</v>
      </c>
      <c r="GH14" s="333">
        <v>0</v>
      </c>
      <c r="GI14" s="327">
        <v>0</v>
      </c>
      <c r="GJ14" s="331">
        <v>0</v>
      </c>
      <c r="GK14" s="332">
        <v>0</v>
      </c>
      <c r="GL14" s="327">
        <v>58696</v>
      </c>
      <c r="GM14" s="327">
        <v>0</v>
      </c>
      <c r="GN14" s="327">
        <v>23232</v>
      </c>
      <c r="GO14" s="327">
        <v>0</v>
      </c>
      <c r="GP14" s="327">
        <v>0</v>
      </c>
      <c r="GQ14" s="328">
        <v>81928</v>
      </c>
      <c r="GR14" s="330">
        <v>81928</v>
      </c>
      <c r="GS14" s="326">
        <v>0</v>
      </c>
      <c r="GT14" s="327">
        <v>0</v>
      </c>
      <c r="GU14" s="328">
        <v>0</v>
      </c>
      <c r="GV14" s="326">
        <v>0</v>
      </c>
      <c r="GW14" s="327">
        <v>209520</v>
      </c>
      <c r="GX14" s="327">
        <v>100640</v>
      </c>
      <c r="GY14" s="327">
        <v>40260</v>
      </c>
      <c r="GZ14" s="327">
        <v>0</v>
      </c>
      <c r="HA14" s="327">
        <v>0</v>
      </c>
      <c r="HB14" s="331">
        <v>350420</v>
      </c>
      <c r="HC14" s="330">
        <v>350420</v>
      </c>
      <c r="HD14" s="326">
        <v>276679</v>
      </c>
      <c r="HE14" s="327">
        <v>190401</v>
      </c>
      <c r="HF14" s="331">
        <v>467080</v>
      </c>
      <c r="HG14" s="332">
        <v>0</v>
      </c>
      <c r="HH14" s="327">
        <v>2260805</v>
      </c>
      <c r="HI14" s="327">
        <v>1741614</v>
      </c>
      <c r="HJ14" s="327">
        <v>1885235</v>
      </c>
      <c r="HK14" s="327">
        <v>1729314</v>
      </c>
      <c r="HL14" s="327">
        <v>1099005</v>
      </c>
      <c r="HM14" s="328">
        <v>8715973</v>
      </c>
      <c r="HN14" s="329">
        <v>9183053</v>
      </c>
      <c r="HO14" s="333">
        <v>0</v>
      </c>
      <c r="HP14" s="327">
        <v>0</v>
      </c>
      <c r="HQ14" s="328">
        <v>0</v>
      </c>
      <c r="HR14" s="326">
        <v>0</v>
      </c>
      <c r="HS14" s="327">
        <v>0</v>
      </c>
      <c r="HT14" s="327">
        <v>0</v>
      </c>
      <c r="HU14" s="327">
        <v>0</v>
      </c>
      <c r="HV14" s="327">
        <v>0</v>
      </c>
      <c r="HW14" s="327">
        <v>0</v>
      </c>
      <c r="HX14" s="331">
        <v>0</v>
      </c>
      <c r="HY14" s="330">
        <v>0</v>
      </c>
      <c r="HZ14" s="335">
        <v>0</v>
      </c>
      <c r="IA14" s="336">
        <v>82812</v>
      </c>
      <c r="IB14" s="337">
        <v>82812</v>
      </c>
      <c r="IC14" s="355">
        <v>0</v>
      </c>
      <c r="ID14" s="356">
        <v>2513047</v>
      </c>
      <c r="IE14" s="357">
        <v>4040872</v>
      </c>
      <c r="IF14" s="358">
        <v>2639122</v>
      </c>
      <c r="IG14" s="356">
        <v>2757226</v>
      </c>
      <c r="IH14" s="358">
        <v>1075879</v>
      </c>
      <c r="II14" s="359">
        <v>13026146</v>
      </c>
      <c r="IJ14" s="341">
        <v>13108958</v>
      </c>
      <c r="IK14" s="342">
        <v>0</v>
      </c>
      <c r="IL14" s="343">
        <v>0</v>
      </c>
      <c r="IM14" s="344">
        <v>0</v>
      </c>
      <c r="IN14" s="404">
        <v>0</v>
      </c>
      <c r="IO14" s="345">
        <v>96231</v>
      </c>
      <c r="IP14" s="345">
        <v>0</v>
      </c>
      <c r="IQ14" s="345">
        <v>0</v>
      </c>
      <c r="IR14" s="345">
        <v>0</v>
      </c>
      <c r="IS14" s="345">
        <v>0</v>
      </c>
      <c r="IT14" s="346">
        <v>96231</v>
      </c>
      <c r="IU14" s="347">
        <v>96231</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1275758</v>
      </c>
      <c r="JL14" s="345">
        <v>2643168</v>
      </c>
      <c r="JM14" s="345">
        <v>731886</v>
      </c>
      <c r="JN14" s="345">
        <v>631556</v>
      </c>
      <c r="JO14" s="345">
        <v>100052</v>
      </c>
      <c r="JP14" s="349">
        <v>5382420</v>
      </c>
      <c r="JQ14" s="347">
        <v>5382420</v>
      </c>
      <c r="JR14" s="348">
        <v>0</v>
      </c>
      <c r="JS14" s="345">
        <v>0</v>
      </c>
      <c r="JT14" s="346">
        <v>0</v>
      </c>
      <c r="JU14" s="351">
        <v>0</v>
      </c>
      <c r="JV14" s="345">
        <v>0</v>
      </c>
      <c r="JW14" s="345">
        <v>0</v>
      </c>
      <c r="JX14" s="345">
        <v>0</v>
      </c>
      <c r="JY14" s="345">
        <v>0</v>
      </c>
      <c r="JZ14" s="345">
        <v>0</v>
      </c>
      <c r="KA14" s="349">
        <v>0</v>
      </c>
      <c r="KB14" s="347">
        <v>0</v>
      </c>
      <c r="KC14" s="352">
        <v>0</v>
      </c>
      <c r="KD14" s="353">
        <v>82812</v>
      </c>
      <c r="KE14" s="349">
        <v>82812</v>
      </c>
      <c r="KF14" s="351">
        <v>0</v>
      </c>
      <c r="KG14" s="345">
        <v>228924</v>
      </c>
      <c r="KH14" s="345">
        <v>456450</v>
      </c>
      <c r="KI14" s="345">
        <v>0</v>
      </c>
      <c r="KJ14" s="345">
        <v>514130</v>
      </c>
      <c r="KK14" s="345">
        <v>0</v>
      </c>
      <c r="KL14" s="349">
        <v>1199504</v>
      </c>
      <c r="KM14" s="354">
        <v>1282316</v>
      </c>
      <c r="KN14" s="342">
        <v>0</v>
      </c>
      <c r="KO14" s="343">
        <v>0</v>
      </c>
      <c r="KP14" s="344">
        <v>0</v>
      </c>
      <c r="KQ14" s="404">
        <v>0</v>
      </c>
      <c r="KR14" s="345">
        <v>468175</v>
      </c>
      <c r="KS14" s="345">
        <v>740720</v>
      </c>
      <c r="KT14" s="345">
        <v>1486460</v>
      </c>
      <c r="KU14" s="345">
        <v>1303253</v>
      </c>
      <c r="KV14" s="345">
        <v>261266</v>
      </c>
      <c r="KW14" s="349">
        <v>4259874</v>
      </c>
      <c r="KX14" s="347">
        <v>4259874</v>
      </c>
      <c r="KY14" s="348">
        <v>0</v>
      </c>
      <c r="KZ14" s="345">
        <v>0</v>
      </c>
      <c r="LA14" s="349">
        <v>0</v>
      </c>
      <c r="LB14" s="404">
        <v>0</v>
      </c>
      <c r="LC14" s="345">
        <v>0</v>
      </c>
      <c r="LD14" s="345">
        <v>0</v>
      </c>
      <c r="LE14" s="345">
        <v>172868</v>
      </c>
      <c r="LF14" s="345">
        <v>0</v>
      </c>
      <c r="LG14" s="345">
        <v>714561</v>
      </c>
      <c r="LH14" s="349">
        <v>887429</v>
      </c>
      <c r="LI14" s="350">
        <v>887429</v>
      </c>
      <c r="LJ14" s="348">
        <v>0</v>
      </c>
      <c r="LK14" s="345">
        <v>0</v>
      </c>
      <c r="LL14" s="349">
        <v>0</v>
      </c>
      <c r="LM14" s="404">
        <v>0</v>
      </c>
      <c r="LN14" s="345">
        <v>0</v>
      </c>
      <c r="LO14" s="345">
        <v>0</v>
      </c>
      <c r="LP14" s="345">
        <v>0</v>
      </c>
      <c r="LQ14" s="345">
        <v>0</v>
      </c>
      <c r="LR14" s="345">
        <v>0</v>
      </c>
      <c r="LS14" s="349">
        <v>0</v>
      </c>
      <c r="LT14" s="347">
        <v>0</v>
      </c>
      <c r="LU14" s="348">
        <v>0</v>
      </c>
      <c r="LV14" s="345">
        <v>0</v>
      </c>
      <c r="LW14" s="349">
        <v>0</v>
      </c>
      <c r="LX14" s="404">
        <v>0</v>
      </c>
      <c r="LY14" s="345">
        <v>443959</v>
      </c>
      <c r="LZ14" s="345">
        <v>200534</v>
      </c>
      <c r="MA14" s="345">
        <v>247908</v>
      </c>
      <c r="MB14" s="345">
        <v>308287</v>
      </c>
      <c r="MC14" s="345">
        <v>0</v>
      </c>
      <c r="MD14" s="349">
        <v>1200688</v>
      </c>
      <c r="ME14" s="350">
        <v>1200688</v>
      </c>
      <c r="MF14" s="348">
        <v>0</v>
      </c>
      <c r="MG14" s="345">
        <v>0</v>
      </c>
      <c r="MH14" s="349">
        <v>0</v>
      </c>
      <c r="MI14" s="404">
        <v>0</v>
      </c>
      <c r="MJ14" s="345">
        <v>808201</v>
      </c>
      <c r="MK14" s="345">
        <v>337994</v>
      </c>
      <c r="ML14" s="345">
        <v>5414358</v>
      </c>
      <c r="MM14" s="345">
        <v>3721336</v>
      </c>
      <c r="MN14" s="345">
        <v>3012736</v>
      </c>
      <c r="MO14" s="349">
        <v>13294625</v>
      </c>
      <c r="MP14" s="354">
        <v>13294625</v>
      </c>
      <c r="MQ14" s="348">
        <v>0</v>
      </c>
      <c r="MR14" s="345">
        <v>0</v>
      </c>
      <c r="MS14" s="349">
        <v>0</v>
      </c>
      <c r="MT14" s="404">
        <v>0</v>
      </c>
      <c r="MU14" s="345">
        <v>218630</v>
      </c>
      <c r="MV14" s="345">
        <v>211976</v>
      </c>
      <c r="MW14" s="345">
        <v>3332768</v>
      </c>
      <c r="MX14" s="345">
        <v>3092499</v>
      </c>
      <c r="MY14" s="345">
        <v>1798340</v>
      </c>
      <c r="MZ14" s="349">
        <v>8654213</v>
      </c>
      <c r="NA14" s="354">
        <v>8654213</v>
      </c>
      <c r="NB14" s="348">
        <v>0</v>
      </c>
      <c r="NC14" s="345">
        <v>0</v>
      </c>
      <c r="ND14" s="349">
        <v>0</v>
      </c>
      <c r="NE14" s="404">
        <v>0</v>
      </c>
      <c r="NF14" s="345">
        <v>589571</v>
      </c>
      <c r="NG14" s="345">
        <v>126018</v>
      </c>
      <c r="NH14" s="345">
        <v>2081590</v>
      </c>
      <c r="NI14" s="345">
        <v>628837</v>
      </c>
      <c r="NJ14" s="345">
        <v>1214396</v>
      </c>
      <c r="NK14" s="349">
        <v>4640412</v>
      </c>
      <c r="NL14" s="347">
        <v>4640412</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650327</v>
      </c>
      <c r="OJ14" s="345">
        <v>804887</v>
      </c>
      <c r="OK14" s="346">
        <v>1455214</v>
      </c>
      <c r="OL14" s="351">
        <v>0</v>
      </c>
      <c r="OM14" s="345">
        <v>11310795</v>
      </c>
      <c r="ON14" s="345">
        <v>14165142</v>
      </c>
      <c r="OO14" s="345">
        <v>17246623</v>
      </c>
      <c r="OP14" s="345">
        <v>13743170</v>
      </c>
      <c r="OQ14" s="345">
        <v>9949914</v>
      </c>
      <c r="OR14" s="349">
        <v>66415644</v>
      </c>
      <c r="OS14" s="354">
        <v>67870858</v>
      </c>
    </row>
    <row r="15" spans="1:409" s="70" customFormat="1" ht="21" customHeight="1" x14ac:dyDescent="0.2">
      <c r="B15" s="410" t="s">
        <v>9</v>
      </c>
      <c r="C15" s="326">
        <v>859583</v>
      </c>
      <c r="D15" s="327">
        <v>881346</v>
      </c>
      <c r="E15" s="328">
        <v>1740929</v>
      </c>
      <c r="F15" s="332">
        <v>0</v>
      </c>
      <c r="G15" s="327">
        <v>12244811</v>
      </c>
      <c r="H15" s="327">
        <v>9243112</v>
      </c>
      <c r="I15" s="327">
        <v>12303768</v>
      </c>
      <c r="J15" s="327">
        <v>12972704</v>
      </c>
      <c r="K15" s="327">
        <v>7197926</v>
      </c>
      <c r="L15" s="329">
        <v>53962321</v>
      </c>
      <c r="M15" s="330">
        <v>55703250</v>
      </c>
      <c r="N15" s="326">
        <v>274193</v>
      </c>
      <c r="O15" s="327">
        <v>311661</v>
      </c>
      <c r="P15" s="328">
        <v>585854</v>
      </c>
      <c r="Q15" s="326">
        <v>0</v>
      </c>
      <c r="R15" s="327">
        <v>4490328</v>
      </c>
      <c r="S15" s="327">
        <v>2781730</v>
      </c>
      <c r="T15" s="327">
        <v>4438226</v>
      </c>
      <c r="U15" s="327">
        <v>5299578</v>
      </c>
      <c r="V15" s="327">
        <v>5183609</v>
      </c>
      <c r="W15" s="328">
        <v>22193471</v>
      </c>
      <c r="X15" s="330">
        <v>22779325</v>
      </c>
      <c r="Y15" s="326">
        <v>0</v>
      </c>
      <c r="Z15" s="327">
        <v>0</v>
      </c>
      <c r="AA15" s="328">
        <v>0</v>
      </c>
      <c r="AB15" s="326">
        <v>0</v>
      </c>
      <c r="AC15" s="327">
        <v>1958723</v>
      </c>
      <c r="AD15" s="327">
        <v>1295043</v>
      </c>
      <c r="AE15" s="327">
        <v>2346790</v>
      </c>
      <c r="AF15" s="327">
        <v>3297629</v>
      </c>
      <c r="AG15" s="327">
        <v>2857689</v>
      </c>
      <c r="AH15" s="328">
        <v>11755874</v>
      </c>
      <c r="AI15" s="330">
        <v>11755874</v>
      </c>
      <c r="AJ15" s="326">
        <v>0</v>
      </c>
      <c r="AK15" s="327">
        <v>0</v>
      </c>
      <c r="AL15" s="328">
        <v>0</v>
      </c>
      <c r="AM15" s="326">
        <v>0</v>
      </c>
      <c r="AN15" s="327">
        <v>0</v>
      </c>
      <c r="AO15" s="327">
        <v>75395</v>
      </c>
      <c r="AP15" s="327">
        <v>0</v>
      </c>
      <c r="AQ15" s="327">
        <v>124369</v>
      </c>
      <c r="AR15" s="327">
        <v>458426</v>
      </c>
      <c r="AS15" s="328">
        <v>658190</v>
      </c>
      <c r="AT15" s="330">
        <v>658190</v>
      </c>
      <c r="AU15" s="326">
        <v>161961</v>
      </c>
      <c r="AV15" s="327">
        <v>210903</v>
      </c>
      <c r="AW15" s="328">
        <v>372864</v>
      </c>
      <c r="AX15" s="326">
        <v>0</v>
      </c>
      <c r="AY15" s="327">
        <v>1617338</v>
      </c>
      <c r="AZ15" s="327">
        <v>691939</v>
      </c>
      <c r="BA15" s="327">
        <v>1188828</v>
      </c>
      <c r="BB15" s="327">
        <v>1120378</v>
      </c>
      <c r="BC15" s="327">
        <v>1467156</v>
      </c>
      <c r="BD15" s="328">
        <v>6085639</v>
      </c>
      <c r="BE15" s="330">
        <v>6458503</v>
      </c>
      <c r="BF15" s="326">
        <v>0</v>
      </c>
      <c r="BG15" s="327">
        <v>23366</v>
      </c>
      <c r="BH15" s="331">
        <v>23366</v>
      </c>
      <c r="BI15" s="332">
        <v>0</v>
      </c>
      <c r="BJ15" s="327">
        <v>92539</v>
      </c>
      <c r="BK15" s="327">
        <v>78585</v>
      </c>
      <c r="BL15" s="327">
        <v>0</v>
      </c>
      <c r="BM15" s="327">
        <v>73962</v>
      </c>
      <c r="BN15" s="327">
        <v>71685</v>
      </c>
      <c r="BO15" s="328">
        <v>316771</v>
      </c>
      <c r="BP15" s="330">
        <v>340137</v>
      </c>
      <c r="BQ15" s="326">
        <v>112232</v>
      </c>
      <c r="BR15" s="327">
        <v>77392</v>
      </c>
      <c r="BS15" s="328">
        <v>189624</v>
      </c>
      <c r="BT15" s="326">
        <v>0</v>
      </c>
      <c r="BU15" s="327">
        <v>821728</v>
      </c>
      <c r="BV15" s="327">
        <v>640768</v>
      </c>
      <c r="BW15" s="327">
        <v>902608</v>
      </c>
      <c r="BX15" s="327">
        <v>683240</v>
      </c>
      <c r="BY15" s="327">
        <v>328653</v>
      </c>
      <c r="BZ15" s="328">
        <v>3376997</v>
      </c>
      <c r="CA15" s="330">
        <v>3566621</v>
      </c>
      <c r="CB15" s="326">
        <v>112233</v>
      </c>
      <c r="CC15" s="327">
        <v>118851</v>
      </c>
      <c r="CD15" s="328">
        <v>231084</v>
      </c>
      <c r="CE15" s="326">
        <v>0</v>
      </c>
      <c r="CF15" s="327">
        <v>2741708</v>
      </c>
      <c r="CG15" s="327">
        <v>2571210</v>
      </c>
      <c r="CH15" s="327">
        <v>3019627</v>
      </c>
      <c r="CI15" s="327">
        <v>2151674</v>
      </c>
      <c r="CJ15" s="327">
        <v>272696</v>
      </c>
      <c r="CK15" s="328">
        <v>10756915</v>
      </c>
      <c r="CL15" s="330">
        <v>10987999</v>
      </c>
      <c r="CM15" s="326">
        <v>0</v>
      </c>
      <c r="CN15" s="327">
        <v>0</v>
      </c>
      <c r="CO15" s="328">
        <v>0</v>
      </c>
      <c r="CP15" s="332">
        <v>0</v>
      </c>
      <c r="CQ15" s="327">
        <v>2195672</v>
      </c>
      <c r="CR15" s="327">
        <v>1430077</v>
      </c>
      <c r="CS15" s="327">
        <v>2134615</v>
      </c>
      <c r="CT15" s="327">
        <v>716740</v>
      </c>
      <c r="CU15" s="327">
        <v>222714</v>
      </c>
      <c r="CV15" s="328">
        <v>6699818</v>
      </c>
      <c r="CW15" s="330">
        <v>6699818</v>
      </c>
      <c r="CX15" s="326">
        <v>112233</v>
      </c>
      <c r="CY15" s="327">
        <v>118851</v>
      </c>
      <c r="CZ15" s="328">
        <v>231084</v>
      </c>
      <c r="DA15" s="326">
        <v>0</v>
      </c>
      <c r="DB15" s="327">
        <v>546036</v>
      </c>
      <c r="DC15" s="327">
        <v>1141133</v>
      </c>
      <c r="DD15" s="327">
        <v>885012</v>
      </c>
      <c r="DE15" s="327">
        <v>1434934</v>
      </c>
      <c r="DF15" s="327">
        <v>49982</v>
      </c>
      <c r="DG15" s="328">
        <v>4057097</v>
      </c>
      <c r="DH15" s="330">
        <v>4288181</v>
      </c>
      <c r="DI15" s="326">
        <v>0</v>
      </c>
      <c r="DJ15" s="327">
        <v>0</v>
      </c>
      <c r="DK15" s="331">
        <v>0</v>
      </c>
      <c r="DL15" s="332">
        <v>0</v>
      </c>
      <c r="DM15" s="327">
        <v>388911</v>
      </c>
      <c r="DN15" s="327">
        <v>269081</v>
      </c>
      <c r="DO15" s="327">
        <v>1129084</v>
      </c>
      <c r="DP15" s="327">
        <v>366840</v>
      </c>
      <c r="DQ15" s="327">
        <v>250872</v>
      </c>
      <c r="DR15" s="328">
        <v>2404788</v>
      </c>
      <c r="DS15" s="330">
        <v>2404788</v>
      </c>
      <c r="DT15" s="326">
        <v>0</v>
      </c>
      <c r="DU15" s="327">
        <v>0</v>
      </c>
      <c r="DV15" s="328">
        <v>0</v>
      </c>
      <c r="DW15" s="326">
        <v>0</v>
      </c>
      <c r="DX15" s="327">
        <v>388911</v>
      </c>
      <c r="DY15" s="327">
        <v>269081</v>
      </c>
      <c r="DZ15" s="327">
        <v>1051437</v>
      </c>
      <c r="EA15" s="327">
        <v>337338</v>
      </c>
      <c r="EB15" s="327">
        <v>179992</v>
      </c>
      <c r="EC15" s="328">
        <v>2226759</v>
      </c>
      <c r="ED15" s="330">
        <v>2226759</v>
      </c>
      <c r="EE15" s="326">
        <v>0</v>
      </c>
      <c r="EF15" s="331">
        <v>0</v>
      </c>
      <c r="EG15" s="328">
        <v>0</v>
      </c>
      <c r="EH15" s="326">
        <v>0</v>
      </c>
      <c r="EI15" s="327">
        <v>0</v>
      </c>
      <c r="EJ15" s="327">
        <v>0</v>
      </c>
      <c r="EK15" s="327">
        <v>77647</v>
      </c>
      <c r="EL15" s="327">
        <v>29502</v>
      </c>
      <c r="EM15" s="327">
        <v>70880</v>
      </c>
      <c r="EN15" s="331">
        <v>178029</v>
      </c>
      <c r="EO15" s="330">
        <v>178029</v>
      </c>
      <c r="EP15" s="326">
        <v>0</v>
      </c>
      <c r="EQ15" s="327">
        <v>0</v>
      </c>
      <c r="ER15" s="331">
        <v>0</v>
      </c>
      <c r="ES15" s="332">
        <v>0</v>
      </c>
      <c r="ET15" s="327">
        <v>0</v>
      </c>
      <c r="EU15" s="327">
        <v>0</v>
      </c>
      <c r="EV15" s="327">
        <v>0</v>
      </c>
      <c r="EW15" s="327">
        <v>0</v>
      </c>
      <c r="EX15" s="327">
        <v>0</v>
      </c>
      <c r="EY15" s="328">
        <v>0</v>
      </c>
      <c r="EZ15" s="330">
        <v>0</v>
      </c>
      <c r="FA15" s="326">
        <v>0</v>
      </c>
      <c r="FB15" s="327">
        <v>0</v>
      </c>
      <c r="FC15" s="331">
        <v>0</v>
      </c>
      <c r="FD15" s="332">
        <v>0</v>
      </c>
      <c r="FE15" s="327">
        <v>0</v>
      </c>
      <c r="FF15" s="327">
        <v>0</v>
      </c>
      <c r="FG15" s="327">
        <v>0</v>
      </c>
      <c r="FH15" s="327">
        <v>0</v>
      </c>
      <c r="FI15" s="327">
        <v>0</v>
      </c>
      <c r="FJ15" s="328">
        <v>0</v>
      </c>
      <c r="FK15" s="330">
        <v>0</v>
      </c>
      <c r="FL15" s="326">
        <v>143740</v>
      </c>
      <c r="FM15" s="327">
        <v>171648</v>
      </c>
      <c r="FN15" s="328">
        <v>315388</v>
      </c>
      <c r="FO15" s="326">
        <v>0</v>
      </c>
      <c r="FP15" s="327">
        <v>900960</v>
      </c>
      <c r="FQ15" s="327">
        <v>988692</v>
      </c>
      <c r="FR15" s="327">
        <v>910760</v>
      </c>
      <c r="FS15" s="327">
        <v>1100872</v>
      </c>
      <c r="FT15" s="327">
        <v>672772</v>
      </c>
      <c r="FU15" s="328">
        <v>4574056</v>
      </c>
      <c r="FV15" s="330">
        <v>4889444</v>
      </c>
      <c r="FW15" s="333">
        <v>130848</v>
      </c>
      <c r="FX15" s="327">
        <v>99568</v>
      </c>
      <c r="FY15" s="331">
        <v>230416</v>
      </c>
      <c r="FZ15" s="332">
        <v>0</v>
      </c>
      <c r="GA15" s="327">
        <v>553736</v>
      </c>
      <c r="GB15" s="327">
        <v>943624</v>
      </c>
      <c r="GC15" s="327">
        <v>732104</v>
      </c>
      <c r="GD15" s="327">
        <v>990472</v>
      </c>
      <c r="GE15" s="327">
        <v>672772</v>
      </c>
      <c r="GF15" s="328">
        <v>3892708</v>
      </c>
      <c r="GG15" s="334">
        <v>4123124</v>
      </c>
      <c r="GH15" s="333">
        <v>12892</v>
      </c>
      <c r="GI15" s="327">
        <v>27280</v>
      </c>
      <c r="GJ15" s="331">
        <v>40172</v>
      </c>
      <c r="GK15" s="332">
        <v>0</v>
      </c>
      <c r="GL15" s="327">
        <v>90024</v>
      </c>
      <c r="GM15" s="327">
        <v>22668</v>
      </c>
      <c r="GN15" s="327">
        <v>18656</v>
      </c>
      <c r="GO15" s="327">
        <v>80000</v>
      </c>
      <c r="GP15" s="327">
        <v>0</v>
      </c>
      <c r="GQ15" s="328">
        <v>211348</v>
      </c>
      <c r="GR15" s="330">
        <v>251520</v>
      </c>
      <c r="GS15" s="326">
        <v>0</v>
      </c>
      <c r="GT15" s="327">
        <v>44800</v>
      </c>
      <c r="GU15" s="328">
        <v>44800</v>
      </c>
      <c r="GV15" s="326">
        <v>0</v>
      </c>
      <c r="GW15" s="327">
        <v>257200</v>
      </c>
      <c r="GX15" s="327">
        <v>22400</v>
      </c>
      <c r="GY15" s="327">
        <v>160000</v>
      </c>
      <c r="GZ15" s="327">
        <v>30400</v>
      </c>
      <c r="HA15" s="327">
        <v>0</v>
      </c>
      <c r="HB15" s="331">
        <v>470000</v>
      </c>
      <c r="HC15" s="330">
        <v>514800</v>
      </c>
      <c r="HD15" s="326">
        <v>329417</v>
      </c>
      <c r="HE15" s="327">
        <v>279186</v>
      </c>
      <c r="HF15" s="331">
        <v>608603</v>
      </c>
      <c r="HG15" s="332">
        <v>0</v>
      </c>
      <c r="HH15" s="327">
        <v>3722904</v>
      </c>
      <c r="HI15" s="327">
        <v>2632399</v>
      </c>
      <c r="HJ15" s="327">
        <v>2806071</v>
      </c>
      <c r="HK15" s="327">
        <v>4053740</v>
      </c>
      <c r="HL15" s="327">
        <v>817977</v>
      </c>
      <c r="HM15" s="328">
        <v>14033091</v>
      </c>
      <c r="HN15" s="329">
        <v>14641694</v>
      </c>
      <c r="HO15" s="333">
        <v>0</v>
      </c>
      <c r="HP15" s="327">
        <v>0</v>
      </c>
      <c r="HQ15" s="328">
        <v>0</v>
      </c>
      <c r="HR15" s="326">
        <v>0</v>
      </c>
      <c r="HS15" s="327">
        <v>0</v>
      </c>
      <c r="HT15" s="327">
        <v>0</v>
      </c>
      <c r="HU15" s="327">
        <v>0</v>
      </c>
      <c r="HV15" s="327">
        <v>0</v>
      </c>
      <c r="HW15" s="327">
        <v>0</v>
      </c>
      <c r="HX15" s="331">
        <v>0</v>
      </c>
      <c r="HY15" s="330">
        <v>0</v>
      </c>
      <c r="HZ15" s="360">
        <v>0</v>
      </c>
      <c r="IA15" s="361">
        <v>0</v>
      </c>
      <c r="IB15" s="362">
        <v>0</v>
      </c>
      <c r="IC15" s="338">
        <v>0</v>
      </c>
      <c r="ID15" s="336">
        <v>3316920</v>
      </c>
      <c r="IE15" s="339">
        <v>4941877</v>
      </c>
      <c r="IF15" s="337">
        <v>3511133</v>
      </c>
      <c r="IG15" s="336">
        <v>1989505</v>
      </c>
      <c r="IH15" s="337">
        <v>1218024</v>
      </c>
      <c r="II15" s="340">
        <v>14977459</v>
      </c>
      <c r="IJ15" s="363">
        <v>14977459</v>
      </c>
      <c r="IK15" s="342">
        <v>0</v>
      </c>
      <c r="IL15" s="343">
        <v>0</v>
      </c>
      <c r="IM15" s="344">
        <v>0</v>
      </c>
      <c r="IN15" s="404">
        <v>0</v>
      </c>
      <c r="IO15" s="345">
        <v>0</v>
      </c>
      <c r="IP15" s="345">
        <v>0</v>
      </c>
      <c r="IQ15" s="345">
        <v>177491</v>
      </c>
      <c r="IR15" s="345">
        <v>0</v>
      </c>
      <c r="IS15" s="345">
        <v>0</v>
      </c>
      <c r="IT15" s="346">
        <v>177491</v>
      </c>
      <c r="IU15" s="347">
        <v>177491</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2440760</v>
      </c>
      <c r="JL15" s="345">
        <v>954123</v>
      </c>
      <c r="JM15" s="345">
        <v>1019288</v>
      </c>
      <c r="JN15" s="345">
        <v>587223</v>
      </c>
      <c r="JO15" s="345">
        <v>491588</v>
      </c>
      <c r="JP15" s="349">
        <v>5492982</v>
      </c>
      <c r="JQ15" s="347">
        <v>5492982</v>
      </c>
      <c r="JR15" s="348">
        <v>0</v>
      </c>
      <c r="JS15" s="345">
        <v>0</v>
      </c>
      <c r="JT15" s="346">
        <v>0</v>
      </c>
      <c r="JU15" s="351">
        <v>0</v>
      </c>
      <c r="JV15" s="345">
        <v>256011</v>
      </c>
      <c r="JW15" s="345">
        <v>0</v>
      </c>
      <c r="JX15" s="345">
        <v>0</v>
      </c>
      <c r="JY15" s="345">
        <v>0</v>
      </c>
      <c r="JZ15" s="345">
        <v>179058</v>
      </c>
      <c r="KA15" s="349">
        <v>435069</v>
      </c>
      <c r="KB15" s="347">
        <v>435069</v>
      </c>
      <c r="KC15" s="352">
        <v>0</v>
      </c>
      <c r="KD15" s="353">
        <v>0</v>
      </c>
      <c r="KE15" s="349">
        <v>0</v>
      </c>
      <c r="KF15" s="351">
        <v>0</v>
      </c>
      <c r="KG15" s="345">
        <v>122421</v>
      </c>
      <c r="KH15" s="345">
        <v>2630265</v>
      </c>
      <c r="KI15" s="345">
        <v>253473</v>
      </c>
      <c r="KJ15" s="345">
        <v>239680</v>
      </c>
      <c r="KK15" s="345">
        <v>0</v>
      </c>
      <c r="KL15" s="349">
        <v>3245839</v>
      </c>
      <c r="KM15" s="354">
        <v>3245839</v>
      </c>
      <c r="KN15" s="342">
        <v>0</v>
      </c>
      <c r="KO15" s="343">
        <v>0</v>
      </c>
      <c r="KP15" s="344">
        <v>0</v>
      </c>
      <c r="KQ15" s="404">
        <v>0</v>
      </c>
      <c r="KR15" s="345">
        <v>497728</v>
      </c>
      <c r="KS15" s="345">
        <v>751742</v>
      </c>
      <c r="KT15" s="345">
        <v>2060881</v>
      </c>
      <c r="KU15" s="345">
        <v>815471</v>
      </c>
      <c r="KV15" s="345">
        <v>547378</v>
      </c>
      <c r="KW15" s="349">
        <v>4673200</v>
      </c>
      <c r="KX15" s="347">
        <v>4673200</v>
      </c>
      <c r="KY15" s="348">
        <v>0</v>
      </c>
      <c r="KZ15" s="345">
        <v>0</v>
      </c>
      <c r="LA15" s="349">
        <v>0</v>
      </c>
      <c r="LB15" s="404">
        <v>0</v>
      </c>
      <c r="LC15" s="345">
        <v>0</v>
      </c>
      <c r="LD15" s="345">
        <v>179645</v>
      </c>
      <c r="LE15" s="345">
        <v>0</v>
      </c>
      <c r="LF15" s="345">
        <v>0</v>
      </c>
      <c r="LG15" s="345">
        <v>0</v>
      </c>
      <c r="LH15" s="349">
        <v>179645</v>
      </c>
      <c r="LI15" s="350">
        <v>179645</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0</v>
      </c>
      <c r="LZ15" s="345">
        <v>426102</v>
      </c>
      <c r="MA15" s="345">
        <v>0</v>
      </c>
      <c r="MB15" s="345">
        <v>347131</v>
      </c>
      <c r="MC15" s="345">
        <v>0</v>
      </c>
      <c r="MD15" s="349">
        <v>773233</v>
      </c>
      <c r="ME15" s="350">
        <v>773233</v>
      </c>
      <c r="MF15" s="348">
        <v>0</v>
      </c>
      <c r="MG15" s="345">
        <v>0</v>
      </c>
      <c r="MH15" s="349">
        <v>0</v>
      </c>
      <c r="MI15" s="404">
        <v>0</v>
      </c>
      <c r="MJ15" s="345">
        <v>370722</v>
      </c>
      <c r="MK15" s="345">
        <v>595834</v>
      </c>
      <c r="ML15" s="345">
        <v>4626388</v>
      </c>
      <c r="MM15" s="345">
        <v>8369855</v>
      </c>
      <c r="MN15" s="345">
        <v>3339765</v>
      </c>
      <c r="MO15" s="349">
        <v>17302564</v>
      </c>
      <c r="MP15" s="354">
        <v>17302564</v>
      </c>
      <c r="MQ15" s="348">
        <v>0</v>
      </c>
      <c r="MR15" s="345">
        <v>0</v>
      </c>
      <c r="MS15" s="349">
        <v>0</v>
      </c>
      <c r="MT15" s="404">
        <v>0</v>
      </c>
      <c r="MU15" s="345">
        <v>0</v>
      </c>
      <c r="MV15" s="345">
        <v>0</v>
      </c>
      <c r="MW15" s="345">
        <v>3051906</v>
      </c>
      <c r="MX15" s="345">
        <v>5952085</v>
      </c>
      <c r="MY15" s="345">
        <v>2215712</v>
      </c>
      <c r="MZ15" s="349">
        <v>11219703</v>
      </c>
      <c r="NA15" s="354">
        <v>11219703</v>
      </c>
      <c r="NB15" s="348">
        <v>0</v>
      </c>
      <c r="NC15" s="345">
        <v>0</v>
      </c>
      <c r="ND15" s="349">
        <v>0</v>
      </c>
      <c r="NE15" s="404">
        <v>0</v>
      </c>
      <c r="NF15" s="345">
        <v>370722</v>
      </c>
      <c r="NG15" s="345">
        <v>595834</v>
      </c>
      <c r="NH15" s="345">
        <v>1574482</v>
      </c>
      <c r="NI15" s="345">
        <v>2417770</v>
      </c>
      <c r="NJ15" s="345">
        <v>1072022</v>
      </c>
      <c r="NK15" s="349">
        <v>6030830</v>
      </c>
      <c r="NL15" s="347">
        <v>6030830</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52031</v>
      </c>
      <c r="OG15" s="349">
        <v>52031</v>
      </c>
      <c r="OH15" s="350">
        <v>52031</v>
      </c>
      <c r="OI15" s="348">
        <v>859583</v>
      </c>
      <c r="OJ15" s="345">
        <v>881346</v>
      </c>
      <c r="OK15" s="346">
        <v>1740929</v>
      </c>
      <c r="OL15" s="351">
        <v>0</v>
      </c>
      <c r="OM15" s="345">
        <v>15932453</v>
      </c>
      <c r="ON15" s="345">
        <v>14780823</v>
      </c>
      <c r="OO15" s="345">
        <v>20441289</v>
      </c>
      <c r="OP15" s="345">
        <v>23332064</v>
      </c>
      <c r="OQ15" s="345">
        <v>11755715</v>
      </c>
      <c r="OR15" s="349">
        <v>86242344</v>
      </c>
      <c r="OS15" s="354">
        <v>87983273</v>
      </c>
    </row>
    <row r="16" spans="1:409" s="70" customFormat="1" ht="21" customHeight="1" x14ac:dyDescent="0.2">
      <c r="B16" s="410" t="s">
        <v>10</v>
      </c>
      <c r="C16" s="326">
        <v>2081720</v>
      </c>
      <c r="D16" s="327">
        <v>1830750</v>
      </c>
      <c r="E16" s="328">
        <v>3912470</v>
      </c>
      <c r="F16" s="364">
        <v>0</v>
      </c>
      <c r="G16" s="327">
        <v>21172430</v>
      </c>
      <c r="H16" s="327">
        <v>14404196</v>
      </c>
      <c r="I16" s="327">
        <v>13032416</v>
      </c>
      <c r="J16" s="327">
        <v>17579315</v>
      </c>
      <c r="K16" s="327">
        <v>11300773</v>
      </c>
      <c r="L16" s="329">
        <v>77489130</v>
      </c>
      <c r="M16" s="330">
        <v>81401600</v>
      </c>
      <c r="N16" s="326">
        <v>663003</v>
      </c>
      <c r="O16" s="327">
        <v>742004</v>
      </c>
      <c r="P16" s="328">
        <v>1405007</v>
      </c>
      <c r="Q16" s="326">
        <v>0</v>
      </c>
      <c r="R16" s="327">
        <v>7020105</v>
      </c>
      <c r="S16" s="327">
        <v>4588634</v>
      </c>
      <c r="T16" s="327">
        <v>4932871</v>
      </c>
      <c r="U16" s="327">
        <v>8067358</v>
      </c>
      <c r="V16" s="327">
        <v>6246022</v>
      </c>
      <c r="W16" s="328">
        <v>30854990</v>
      </c>
      <c r="X16" s="330">
        <v>32259997</v>
      </c>
      <c r="Y16" s="326">
        <v>0</v>
      </c>
      <c r="Z16" s="327">
        <v>0</v>
      </c>
      <c r="AA16" s="328">
        <v>0</v>
      </c>
      <c r="AB16" s="326">
        <v>0</v>
      </c>
      <c r="AC16" s="327">
        <v>3287466</v>
      </c>
      <c r="AD16" s="327">
        <v>2607173</v>
      </c>
      <c r="AE16" s="327">
        <v>2711068</v>
      </c>
      <c r="AF16" s="327">
        <v>5366229</v>
      </c>
      <c r="AG16" s="327">
        <v>3610144</v>
      </c>
      <c r="AH16" s="328">
        <v>17582080</v>
      </c>
      <c r="AI16" s="330">
        <v>17582080</v>
      </c>
      <c r="AJ16" s="326">
        <v>0</v>
      </c>
      <c r="AK16" s="327">
        <v>0</v>
      </c>
      <c r="AL16" s="328">
        <v>0</v>
      </c>
      <c r="AM16" s="326">
        <v>0</v>
      </c>
      <c r="AN16" s="327">
        <v>0</v>
      </c>
      <c r="AO16" s="327">
        <v>49984</v>
      </c>
      <c r="AP16" s="327">
        <v>157161</v>
      </c>
      <c r="AQ16" s="327">
        <v>318554</v>
      </c>
      <c r="AR16" s="327">
        <v>729815</v>
      </c>
      <c r="AS16" s="328">
        <v>1255514</v>
      </c>
      <c r="AT16" s="330">
        <v>1255514</v>
      </c>
      <c r="AU16" s="326">
        <v>413665</v>
      </c>
      <c r="AV16" s="327">
        <v>541881</v>
      </c>
      <c r="AW16" s="328">
        <v>955546</v>
      </c>
      <c r="AX16" s="326">
        <v>0</v>
      </c>
      <c r="AY16" s="327">
        <v>2265328</v>
      </c>
      <c r="AZ16" s="327">
        <v>1125677</v>
      </c>
      <c r="BA16" s="327">
        <v>1085157</v>
      </c>
      <c r="BB16" s="327">
        <v>980810</v>
      </c>
      <c r="BC16" s="327">
        <v>945910</v>
      </c>
      <c r="BD16" s="328">
        <v>6402882</v>
      </c>
      <c r="BE16" s="330">
        <v>7358428</v>
      </c>
      <c r="BF16" s="326">
        <v>20738</v>
      </c>
      <c r="BG16" s="327">
        <v>31731</v>
      </c>
      <c r="BH16" s="331">
        <v>52469</v>
      </c>
      <c r="BI16" s="332">
        <v>0</v>
      </c>
      <c r="BJ16" s="327">
        <v>159271</v>
      </c>
      <c r="BK16" s="327">
        <v>-115312</v>
      </c>
      <c r="BL16" s="327">
        <v>84765</v>
      </c>
      <c r="BM16" s="327">
        <v>156181</v>
      </c>
      <c r="BN16" s="327">
        <v>184705</v>
      </c>
      <c r="BO16" s="328">
        <v>469610</v>
      </c>
      <c r="BP16" s="330">
        <v>522079</v>
      </c>
      <c r="BQ16" s="326">
        <v>228600</v>
      </c>
      <c r="BR16" s="327">
        <v>168392</v>
      </c>
      <c r="BS16" s="328">
        <v>396992</v>
      </c>
      <c r="BT16" s="326">
        <v>0</v>
      </c>
      <c r="BU16" s="327">
        <v>1308040</v>
      </c>
      <c r="BV16" s="327">
        <v>921112</v>
      </c>
      <c r="BW16" s="327">
        <v>894720</v>
      </c>
      <c r="BX16" s="327">
        <v>1245584</v>
      </c>
      <c r="BY16" s="327">
        <v>775448</v>
      </c>
      <c r="BZ16" s="328">
        <v>5144904</v>
      </c>
      <c r="CA16" s="330">
        <v>5541896</v>
      </c>
      <c r="CB16" s="326">
        <v>100728</v>
      </c>
      <c r="CC16" s="327">
        <v>117512</v>
      </c>
      <c r="CD16" s="328">
        <v>218240</v>
      </c>
      <c r="CE16" s="326">
        <v>0</v>
      </c>
      <c r="CF16" s="327">
        <v>7736893</v>
      </c>
      <c r="CG16" s="327">
        <v>4762497</v>
      </c>
      <c r="CH16" s="327">
        <v>2781508</v>
      </c>
      <c r="CI16" s="327">
        <v>1459370</v>
      </c>
      <c r="CJ16" s="327">
        <v>1022308</v>
      </c>
      <c r="CK16" s="328">
        <v>17762576</v>
      </c>
      <c r="CL16" s="330">
        <v>17980816</v>
      </c>
      <c r="CM16" s="326">
        <v>0</v>
      </c>
      <c r="CN16" s="327">
        <v>0</v>
      </c>
      <c r="CO16" s="328">
        <v>0</v>
      </c>
      <c r="CP16" s="332">
        <v>0</v>
      </c>
      <c r="CQ16" s="327">
        <v>6296613</v>
      </c>
      <c r="CR16" s="327">
        <v>3858493</v>
      </c>
      <c r="CS16" s="327">
        <v>1990353</v>
      </c>
      <c r="CT16" s="327">
        <v>1290953</v>
      </c>
      <c r="CU16" s="327">
        <v>779807</v>
      </c>
      <c r="CV16" s="328">
        <v>14216219</v>
      </c>
      <c r="CW16" s="330">
        <v>14216219</v>
      </c>
      <c r="CX16" s="326">
        <v>100728</v>
      </c>
      <c r="CY16" s="327">
        <v>117512</v>
      </c>
      <c r="CZ16" s="328">
        <v>218240</v>
      </c>
      <c r="DA16" s="326">
        <v>0</v>
      </c>
      <c r="DB16" s="327">
        <v>1440280</v>
      </c>
      <c r="DC16" s="327">
        <v>904004</v>
      </c>
      <c r="DD16" s="327">
        <v>791155</v>
      </c>
      <c r="DE16" s="327">
        <v>168417</v>
      </c>
      <c r="DF16" s="327">
        <v>242501</v>
      </c>
      <c r="DG16" s="328">
        <v>3546357</v>
      </c>
      <c r="DH16" s="330">
        <v>3764597</v>
      </c>
      <c r="DI16" s="326">
        <v>0</v>
      </c>
      <c r="DJ16" s="327">
        <v>149493</v>
      </c>
      <c r="DK16" s="331">
        <v>149493</v>
      </c>
      <c r="DL16" s="332">
        <v>0</v>
      </c>
      <c r="DM16" s="327">
        <v>856119</v>
      </c>
      <c r="DN16" s="327">
        <v>445951</v>
      </c>
      <c r="DO16" s="327">
        <v>1175338</v>
      </c>
      <c r="DP16" s="327">
        <v>1298556</v>
      </c>
      <c r="DQ16" s="327">
        <v>602992</v>
      </c>
      <c r="DR16" s="328">
        <v>4378956</v>
      </c>
      <c r="DS16" s="330">
        <v>4528449</v>
      </c>
      <c r="DT16" s="326">
        <v>0</v>
      </c>
      <c r="DU16" s="327">
        <v>149493</v>
      </c>
      <c r="DV16" s="328">
        <v>149493</v>
      </c>
      <c r="DW16" s="326">
        <v>0</v>
      </c>
      <c r="DX16" s="327">
        <v>793203</v>
      </c>
      <c r="DY16" s="327">
        <v>395671</v>
      </c>
      <c r="DZ16" s="327">
        <v>989087</v>
      </c>
      <c r="EA16" s="327">
        <v>1259416</v>
      </c>
      <c r="EB16" s="327">
        <v>602992</v>
      </c>
      <c r="EC16" s="328">
        <v>4040369</v>
      </c>
      <c r="ED16" s="330">
        <v>4189862</v>
      </c>
      <c r="EE16" s="326">
        <v>0</v>
      </c>
      <c r="EF16" s="331">
        <v>0</v>
      </c>
      <c r="EG16" s="328">
        <v>0</v>
      </c>
      <c r="EH16" s="326">
        <v>0</v>
      </c>
      <c r="EI16" s="327">
        <v>62916</v>
      </c>
      <c r="EJ16" s="327">
        <v>50280</v>
      </c>
      <c r="EK16" s="327">
        <v>186251</v>
      </c>
      <c r="EL16" s="327">
        <v>39140</v>
      </c>
      <c r="EM16" s="327">
        <v>0</v>
      </c>
      <c r="EN16" s="331">
        <v>338587</v>
      </c>
      <c r="EO16" s="330">
        <v>33858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332">
        <v>0</v>
      </c>
      <c r="FE16" s="327">
        <v>0</v>
      </c>
      <c r="FF16" s="327">
        <v>0</v>
      </c>
      <c r="FG16" s="327">
        <v>0</v>
      </c>
      <c r="FH16" s="327">
        <v>0</v>
      </c>
      <c r="FI16" s="327">
        <v>0</v>
      </c>
      <c r="FJ16" s="328">
        <v>0</v>
      </c>
      <c r="FK16" s="330">
        <v>0</v>
      </c>
      <c r="FL16" s="326">
        <v>764904</v>
      </c>
      <c r="FM16" s="327">
        <v>630576</v>
      </c>
      <c r="FN16" s="328">
        <v>1395480</v>
      </c>
      <c r="FO16" s="326">
        <v>0</v>
      </c>
      <c r="FP16" s="327">
        <v>1155144</v>
      </c>
      <c r="FQ16" s="327">
        <v>1154488</v>
      </c>
      <c r="FR16" s="327">
        <v>1015536</v>
      </c>
      <c r="FS16" s="327">
        <v>898216</v>
      </c>
      <c r="FT16" s="327">
        <v>633028</v>
      </c>
      <c r="FU16" s="328">
        <v>4856412</v>
      </c>
      <c r="FV16" s="330">
        <v>6251892</v>
      </c>
      <c r="FW16" s="333">
        <v>360824</v>
      </c>
      <c r="FX16" s="327">
        <v>518816</v>
      </c>
      <c r="FY16" s="331">
        <v>879640</v>
      </c>
      <c r="FZ16" s="332">
        <v>0</v>
      </c>
      <c r="GA16" s="327">
        <v>901096</v>
      </c>
      <c r="GB16" s="327">
        <v>1114488</v>
      </c>
      <c r="GC16" s="327">
        <v>909456</v>
      </c>
      <c r="GD16" s="327">
        <v>898216</v>
      </c>
      <c r="GE16" s="327">
        <v>633028</v>
      </c>
      <c r="GF16" s="328">
        <v>4456284</v>
      </c>
      <c r="GG16" s="334">
        <v>5335924</v>
      </c>
      <c r="GH16" s="333">
        <v>0</v>
      </c>
      <c r="GI16" s="327">
        <v>0</v>
      </c>
      <c r="GJ16" s="331">
        <v>0</v>
      </c>
      <c r="GK16" s="332">
        <v>0</v>
      </c>
      <c r="GL16" s="327">
        <v>28160</v>
      </c>
      <c r="GM16" s="327">
        <v>0</v>
      </c>
      <c r="GN16" s="327">
        <v>22880</v>
      </c>
      <c r="GO16" s="327">
        <v>0</v>
      </c>
      <c r="GP16" s="327">
        <v>0</v>
      </c>
      <c r="GQ16" s="328">
        <v>51040</v>
      </c>
      <c r="GR16" s="330">
        <v>51040</v>
      </c>
      <c r="GS16" s="326">
        <v>404080</v>
      </c>
      <c r="GT16" s="327">
        <v>111760</v>
      </c>
      <c r="GU16" s="328">
        <v>515840</v>
      </c>
      <c r="GV16" s="326">
        <v>0</v>
      </c>
      <c r="GW16" s="327">
        <v>225888</v>
      </c>
      <c r="GX16" s="327">
        <v>40000</v>
      </c>
      <c r="GY16" s="327">
        <v>83200</v>
      </c>
      <c r="GZ16" s="327">
        <v>0</v>
      </c>
      <c r="HA16" s="327">
        <v>0</v>
      </c>
      <c r="HB16" s="331">
        <v>349088</v>
      </c>
      <c r="HC16" s="330">
        <v>864928</v>
      </c>
      <c r="HD16" s="326">
        <v>553085</v>
      </c>
      <c r="HE16" s="327">
        <v>191165</v>
      </c>
      <c r="HF16" s="331">
        <v>744250</v>
      </c>
      <c r="HG16" s="332">
        <v>0</v>
      </c>
      <c r="HH16" s="327">
        <v>4404169</v>
      </c>
      <c r="HI16" s="327">
        <v>3452626</v>
      </c>
      <c r="HJ16" s="327">
        <v>3127163</v>
      </c>
      <c r="HK16" s="327">
        <v>5855815</v>
      </c>
      <c r="HL16" s="327">
        <v>2796423</v>
      </c>
      <c r="HM16" s="328">
        <v>19636196</v>
      </c>
      <c r="HN16" s="329">
        <v>20380446</v>
      </c>
      <c r="HO16" s="333">
        <v>0</v>
      </c>
      <c r="HP16" s="327">
        <v>0</v>
      </c>
      <c r="HQ16" s="328">
        <v>0</v>
      </c>
      <c r="HR16" s="326">
        <v>0</v>
      </c>
      <c r="HS16" s="327">
        <v>0</v>
      </c>
      <c r="HT16" s="327">
        <v>0</v>
      </c>
      <c r="HU16" s="327">
        <v>0</v>
      </c>
      <c r="HV16" s="327">
        <v>0</v>
      </c>
      <c r="HW16" s="327">
        <v>0</v>
      </c>
      <c r="HX16" s="331">
        <v>0</v>
      </c>
      <c r="HY16" s="330">
        <v>0</v>
      </c>
      <c r="HZ16" s="358">
        <v>0</v>
      </c>
      <c r="IA16" s="356">
        <v>0</v>
      </c>
      <c r="IB16" s="358">
        <v>0</v>
      </c>
      <c r="IC16" s="355">
        <v>0</v>
      </c>
      <c r="ID16" s="356">
        <v>4695367</v>
      </c>
      <c r="IE16" s="357">
        <v>4663010</v>
      </c>
      <c r="IF16" s="358">
        <v>4042389</v>
      </c>
      <c r="IG16" s="356">
        <v>4831645</v>
      </c>
      <c r="IH16" s="358">
        <v>4503483</v>
      </c>
      <c r="II16" s="359">
        <v>22735894</v>
      </c>
      <c r="IJ16" s="358">
        <v>22735894</v>
      </c>
      <c r="IK16" s="342">
        <v>0</v>
      </c>
      <c r="IL16" s="343">
        <v>0</v>
      </c>
      <c r="IM16" s="344">
        <v>0</v>
      </c>
      <c r="IN16" s="404">
        <v>0</v>
      </c>
      <c r="IO16" s="345">
        <v>90336</v>
      </c>
      <c r="IP16" s="345">
        <v>99545</v>
      </c>
      <c r="IQ16" s="345">
        <v>202812</v>
      </c>
      <c r="IR16" s="345">
        <v>0</v>
      </c>
      <c r="IS16" s="345">
        <v>0</v>
      </c>
      <c r="IT16" s="346">
        <v>392693</v>
      </c>
      <c r="IU16" s="347">
        <v>392693</v>
      </c>
      <c r="IV16" s="348">
        <v>0</v>
      </c>
      <c r="IW16" s="345">
        <v>0</v>
      </c>
      <c r="IX16" s="349">
        <v>0</v>
      </c>
      <c r="IY16" s="404">
        <v>0</v>
      </c>
      <c r="IZ16" s="345">
        <v>21002</v>
      </c>
      <c r="JA16" s="345">
        <v>0</v>
      </c>
      <c r="JB16" s="345">
        <v>10501</v>
      </c>
      <c r="JC16" s="345">
        <v>0</v>
      </c>
      <c r="JD16" s="345">
        <v>0</v>
      </c>
      <c r="JE16" s="349">
        <v>31503</v>
      </c>
      <c r="JF16" s="350">
        <v>31503</v>
      </c>
      <c r="JG16" s="348">
        <v>0</v>
      </c>
      <c r="JH16" s="345">
        <v>0</v>
      </c>
      <c r="JI16" s="346">
        <v>0</v>
      </c>
      <c r="JJ16" s="351">
        <v>0</v>
      </c>
      <c r="JK16" s="345">
        <v>1858227</v>
      </c>
      <c r="JL16" s="345">
        <v>1066812</v>
      </c>
      <c r="JM16" s="345">
        <v>358222</v>
      </c>
      <c r="JN16" s="345">
        <v>607252</v>
      </c>
      <c r="JO16" s="345">
        <v>266804</v>
      </c>
      <c r="JP16" s="349">
        <v>4157317</v>
      </c>
      <c r="JQ16" s="347">
        <v>4157317</v>
      </c>
      <c r="JR16" s="348">
        <v>0</v>
      </c>
      <c r="JS16" s="345">
        <v>0</v>
      </c>
      <c r="JT16" s="346">
        <v>0</v>
      </c>
      <c r="JU16" s="351">
        <v>0</v>
      </c>
      <c r="JV16" s="345">
        <v>330329</v>
      </c>
      <c r="JW16" s="345">
        <v>75250</v>
      </c>
      <c r="JX16" s="345">
        <v>103964</v>
      </c>
      <c r="JY16" s="345">
        <v>0</v>
      </c>
      <c r="JZ16" s="345">
        <v>0</v>
      </c>
      <c r="KA16" s="349">
        <v>509543</v>
      </c>
      <c r="KB16" s="347">
        <v>509543</v>
      </c>
      <c r="KC16" s="352">
        <v>0</v>
      </c>
      <c r="KD16" s="353">
        <v>0</v>
      </c>
      <c r="KE16" s="349">
        <v>0</v>
      </c>
      <c r="KF16" s="351">
        <v>0</v>
      </c>
      <c r="KG16" s="345">
        <v>394349</v>
      </c>
      <c r="KH16" s="345">
        <v>399479</v>
      </c>
      <c r="KI16" s="345">
        <v>256240</v>
      </c>
      <c r="KJ16" s="345">
        <v>547471</v>
      </c>
      <c r="KK16" s="345">
        <v>0</v>
      </c>
      <c r="KL16" s="349">
        <v>1597539</v>
      </c>
      <c r="KM16" s="354">
        <v>1597539</v>
      </c>
      <c r="KN16" s="342">
        <v>0</v>
      </c>
      <c r="KO16" s="343">
        <v>0</v>
      </c>
      <c r="KP16" s="344">
        <v>0</v>
      </c>
      <c r="KQ16" s="404">
        <v>0</v>
      </c>
      <c r="KR16" s="345">
        <v>1436563</v>
      </c>
      <c r="KS16" s="345">
        <v>1975124</v>
      </c>
      <c r="KT16" s="345">
        <v>2061634</v>
      </c>
      <c r="KU16" s="345">
        <v>1761852</v>
      </c>
      <c r="KV16" s="345">
        <v>1558743</v>
      </c>
      <c r="KW16" s="349">
        <v>8793916</v>
      </c>
      <c r="KX16" s="347">
        <v>8793916</v>
      </c>
      <c r="KY16" s="348">
        <v>0</v>
      </c>
      <c r="KZ16" s="345">
        <v>0</v>
      </c>
      <c r="LA16" s="349">
        <v>0</v>
      </c>
      <c r="LB16" s="404">
        <v>0</v>
      </c>
      <c r="LC16" s="345">
        <v>382685</v>
      </c>
      <c r="LD16" s="345">
        <v>175587</v>
      </c>
      <c r="LE16" s="345">
        <v>392052</v>
      </c>
      <c r="LF16" s="345">
        <v>378713</v>
      </c>
      <c r="LG16" s="345">
        <v>468110</v>
      </c>
      <c r="LH16" s="349">
        <v>1797147</v>
      </c>
      <c r="LI16" s="350">
        <v>1797147</v>
      </c>
      <c r="LJ16" s="348">
        <v>0</v>
      </c>
      <c r="LK16" s="345">
        <v>0</v>
      </c>
      <c r="LL16" s="349">
        <v>0</v>
      </c>
      <c r="LM16" s="404">
        <v>0</v>
      </c>
      <c r="LN16" s="345">
        <v>0</v>
      </c>
      <c r="LO16" s="345">
        <v>214552</v>
      </c>
      <c r="LP16" s="345">
        <v>266552</v>
      </c>
      <c r="LQ16" s="345">
        <v>769956</v>
      </c>
      <c r="LR16" s="345">
        <v>1722940</v>
      </c>
      <c r="LS16" s="349">
        <v>2974000</v>
      </c>
      <c r="LT16" s="347">
        <v>2974000</v>
      </c>
      <c r="LU16" s="348">
        <v>0</v>
      </c>
      <c r="LV16" s="345">
        <v>0</v>
      </c>
      <c r="LW16" s="349">
        <v>0</v>
      </c>
      <c r="LX16" s="404">
        <v>0</v>
      </c>
      <c r="LY16" s="345">
        <v>181876</v>
      </c>
      <c r="LZ16" s="345">
        <v>656661</v>
      </c>
      <c r="MA16" s="345">
        <v>390412</v>
      </c>
      <c r="MB16" s="345">
        <v>766401</v>
      </c>
      <c r="MC16" s="345">
        <v>486886</v>
      </c>
      <c r="MD16" s="349">
        <v>2482236</v>
      </c>
      <c r="ME16" s="350">
        <v>2482236</v>
      </c>
      <c r="MF16" s="348">
        <v>0</v>
      </c>
      <c r="MG16" s="345">
        <v>0</v>
      </c>
      <c r="MH16" s="349">
        <v>0</v>
      </c>
      <c r="MI16" s="404">
        <v>0</v>
      </c>
      <c r="MJ16" s="345">
        <v>745480</v>
      </c>
      <c r="MK16" s="345">
        <v>2014760</v>
      </c>
      <c r="ML16" s="345">
        <v>5564534</v>
      </c>
      <c r="MM16" s="345">
        <v>11121779</v>
      </c>
      <c r="MN16" s="345">
        <v>6050440</v>
      </c>
      <c r="MO16" s="349">
        <v>25496993</v>
      </c>
      <c r="MP16" s="354">
        <v>25496993</v>
      </c>
      <c r="MQ16" s="348">
        <v>0</v>
      </c>
      <c r="MR16" s="345">
        <v>0</v>
      </c>
      <c r="MS16" s="349">
        <v>0</v>
      </c>
      <c r="MT16" s="404">
        <v>0</v>
      </c>
      <c r="MU16" s="345">
        <v>216280</v>
      </c>
      <c r="MV16" s="345">
        <v>0</v>
      </c>
      <c r="MW16" s="345">
        <v>4148361</v>
      </c>
      <c r="MX16" s="345">
        <v>8113873</v>
      </c>
      <c r="MY16" s="345">
        <v>3714771</v>
      </c>
      <c r="MZ16" s="349">
        <v>16193285</v>
      </c>
      <c r="NA16" s="354">
        <v>16193285</v>
      </c>
      <c r="NB16" s="348">
        <v>0</v>
      </c>
      <c r="NC16" s="345">
        <v>0</v>
      </c>
      <c r="ND16" s="349">
        <v>0</v>
      </c>
      <c r="NE16" s="404">
        <v>0</v>
      </c>
      <c r="NF16" s="345">
        <v>529200</v>
      </c>
      <c r="NG16" s="345">
        <v>2014760</v>
      </c>
      <c r="NH16" s="345">
        <v>1416173</v>
      </c>
      <c r="NI16" s="345">
        <v>2663074</v>
      </c>
      <c r="NJ16" s="345">
        <v>1958928</v>
      </c>
      <c r="NK16" s="349">
        <v>8582135</v>
      </c>
      <c r="NL16" s="347">
        <v>8582135</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0</v>
      </c>
      <c r="OE16" s="345">
        <v>344832</v>
      </c>
      <c r="OF16" s="345">
        <v>376741</v>
      </c>
      <c r="OG16" s="349">
        <v>721573</v>
      </c>
      <c r="OH16" s="350">
        <v>721573</v>
      </c>
      <c r="OI16" s="348">
        <v>2081720</v>
      </c>
      <c r="OJ16" s="345">
        <v>1830750</v>
      </c>
      <c r="OK16" s="346">
        <v>3912470</v>
      </c>
      <c r="OL16" s="351">
        <v>0</v>
      </c>
      <c r="OM16" s="345">
        <v>26613277</v>
      </c>
      <c r="ON16" s="345">
        <v>21081966</v>
      </c>
      <c r="OO16" s="345">
        <v>22639339</v>
      </c>
      <c r="OP16" s="345">
        <v>33532739</v>
      </c>
      <c r="OQ16" s="345">
        <v>21854696</v>
      </c>
      <c r="OR16" s="349">
        <v>125722017</v>
      </c>
      <c r="OS16" s="354">
        <v>129634487</v>
      </c>
    </row>
    <row r="17" spans="2:409" s="70" customFormat="1" ht="21" customHeight="1" x14ac:dyDescent="0.2">
      <c r="B17" s="410" t="s">
        <v>11</v>
      </c>
      <c r="C17" s="326">
        <v>507632</v>
      </c>
      <c r="D17" s="327">
        <v>680058</v>
      </c>
      <c r="E17" s="365">
        <v>1187690</v>
      </c>
      <c r="F17" s="332">
        <v>0</v>
      </c>
      <c r="G17" s="327">
        <v>9390414</v>
      </c>
      <c r="H17" s="327">
        <v>7830720</v>
      </c>
      <c r="I17" s="327">
        <v>7423161</v>
      </c>
      <c r="J17" s="327">
        <v>9414963</v>
      </c>
      <c r="K17" s="327">
        <v>3023619</v>
      </c>
      <c r="L17" s="329">
        <v>37082877</v>
      </c>
      <c r="M17" s="330">
        <v>38270567</v>
      </c>
      <c r="N17" s="326">
        <v>85651</v>
      </c>
      <c r="O17" s="327">
        <v>111263</v>
      </c>
      <c r="P17" s="328">
        <v>196914</v>
      </c>
      <c r="Q17" s="326">
        <v>0</v>
      </c>
      <c r="R17" s="327">
        <v>2008324</v>
      </c>
      <c r="S17" s="327">
        <v>1754745</v>
      </c>
      <c r="T17" s="327">
        <v>1930966</v>
      </c>
      <c r="U17" s="327">
        <v>2659101</v>
      </c>
      <c r="V17" s="327">
        <v>1566150</v>
      </c>
      <c r="W17" s="328">
        <v>9919286</v>
      </c>
      <c r="X17" s="330">
        <v>10116200</v>
      </c>
      <c r="Y17" s="326">
        <v>0</v>
      </c>
      <c r="Z17" s="327">
        <v>0</v>
      </c>
      <c r="AA17" s="328">
        <v>0</v>
      </c>
      <c r="AB17" s="326">
        <v>0</v>
      </c>
      <c r="AC17" s="327">
        <v>1006146</v>
      </c>
      <c r="AD17" s="327">
        <v>583729</v>
      </c>
      <c r="AE17" s="327">
        <v>849909</v>
      </c>
      <c r="AF17" s="327">
        <v>1495132</v>
      </c>
      <c r="AG17" s="327">
        <v>803797</v>
      </c>
      <c r="AH17" s="328">
        <v>4738713</v>
      </c>
      <c r="AI17" s="330">
        <v>4738713</v>
      </c>
      <c r="AJ17" s="326">
        <v>0</v>
      </c>
      <c r="AK17" s="327">
        <v>0</v>
      </c>
      <c r="AL17" s="328">
        <v>0</v>
      </c>
      <c r="AM17" s="326">
        <v>0</v>
      </c>
      <c r="AN17" s="327">
        <v>0</v>
      </c>
      <c r="AO17" s="327">
        <v>106700</v>
      </c>
      <c r="AP17" s="327">
        <v>0</v>
      </c>
      <c r="AQ17" s="327">
        <v>225254</v>
      </c>
      <c r="AR17" s="327">
        <v>346162</v>
      </c>
      <c r="AS17" s="328">
        <v>678116</v>
      </c>
      <c r="AT17" s="330">
        <v>678116</v>
      </c>
      <c r="AU17" s="326">
        <v>45939</v>
      </c>
      <c r="AV17" s="327">
        <v>59583</v>
      </c>
      <c r="AW17" s="328">
        <v>105522</v>
      </c>
      <c r="AX17" s="326">
        <v>0</v>
      </c>
      <c r="AY17" s="327">
        <v>566836</v>
      </c>
      <c r="AZ17" s="327">
        <v>712789</v>
      </c>
      <c r="BA17" s="327">
        <v>647879</v>
      </c>
      <c r="BB17" s="327">
        <v>523841</v>
      </c>
      <c r="BC17" s="327">
        <v>254411</v>
      </c>
      <c r="BD17" s="328">
        <v>2705756</v>
      </c>
      <c r="BE17" s="330">
        <v>2811278</v>
      </c>
      <c r="BF17" s="326">
        <v>0</v>
      </c>
      <c r="BG17" s="327">
        <v>29680</v>
      </c>
      <c r="BH17" s="331">
        <v>29680</v>
      </c>
      <c r="BI17" s="332">
        <v>0</v>
      </c>
      <c r="BJ17" s="327">
        <v>78742</v>
      </c>
      <c r="BK17" s="327">
        <v>23407</v>
      </c>
      <c r="BL17" s="327">
        <v>125306</v>
      </c>
      <c r="BM17" s="327">
        <v>41178</v>
      </c>
      <c r="BN17" s="327">
        <v>41996</v>
      </c>
      <c r="BO17" s="328">
        <v>310629</v>
      </c>
      <c r="BP17" s="330">
        <v>340309</v>
      </c>
      <c r="BQ17" s="326">
        <v>39712</v>
      </c>
      <c r="BR17" s="327">
        <v>22000</v>
      </c>
      <c r="BS17" s="328">
        <v>61712</v>
      </c>
      <c r="BT17" s="326">
        <v>0</v>
      </c>
      <c r="BU17" s="327">
        <v>356600</v>
      </c>
      <c r="BV17" s="327">
        <v>328120</v>
      </c>
      <c r="BW17" s="327">
        <v>307872</v>
      </c>
      <c r="BX17" s="327">
        <v>373696</v>
      </c>
      <c r="BY17" s="327">
        <v>119784</v>
      </c>
      <c r="BZ17" s="328">
        <v>1486072</v>
      </c>
      <c r="CA17" s="330">
        <v>1547784</v>
      </c>
      <c r="CB17" s="326">
        <v>181656</v>
      </c>
      <c r="CC17" s="327">
        <v>224754</v>
      </c>
      <c r="CD17" s="328">
        <v>406410</v>
      </c>
      <c r="CE17" s="326">
        <v>0</v>
      </c>
      <c r="CF17" s="327">
        <v>3394121</v>
      </c>
      <c r="CG17" s="327">
        <v>2230960</v>
      </c>
      <c r="CH17" s="327">
        <v>1977926</v>
      </c>
      <c r="CI17" s="327">
        <v>1272961</v>
      </c>
      <c r="CJ17" s="327">
        <v>106890</v>
      </c>
      <c r="CK17" s="328">
        <v>8982858</v>
      </c>
      <c r="CL17" s="330">
        <v>9389268</v>
      </c>
      <c r="CM17" s="326">
        <v>0</v>
      </c>
      <c r="CN17" s="327">
        <v>0</v>
      </c>
      <c r="CO17" s="328">
        <v>0</v>
      </c>
      <c r="CP17" s="332">
        <v>0</v>
      </c>
      <c r="CQ17" s="327">
        <v>2355220</v>
      </c>
      <c r="CR17" s="327">
        <v>1523767</v>
      </c>
      <c r="CS17" s="327">
        <v>1704456</v>
      </c>
      <c r="CT17" s="327">
        <v>650718</v>
      </c>
      <c r="CU17" s="327">
        <v>106890</v>
      </c>
      <c r="CV17" s="328">
        <v>6341051</v>
      </c>
      <c r="CW17" s="330">
        <v>6341051</v>
      </c>
      <c r="CX17" s="326">
        <v>181656</v>
      </c>
      <c r="CY17" s="327">
        <v>224754</v>
      </c>
      <c r="CZ17" s="328">
        <v>406410</v>
      </c>
      <c r="DA17" s="326">
        <v>0</v>
      </c>
      <c r="DB17" s="327">
        <v>1038901</v>
      </c>
      <c r="DC17" s="327">
        <v>707193</v>
      </c>
      <c r="DD17" s="327">
        <v>273470</v>
      </c>
      <c r="DE17" s="327">
        <v>622243</v>
      </c>
      <c r="DF17" s="327">
        <v>0</v>
      </c>
      <c r="DG17" s="328">
        <v>2641807</v>
      </c>
      <c r="DH17" s="330">
        <v>3048217</v>
      </c>
      <c r="DI17" s="326">
        <v>16955</v>
      </c>
      <c r="DJ17" s="327">
        <v>59278</v>
      </c>
      <c r="DK17" s="331">
        <v>76233</v>
      </c>
      <c r="DL17" s="332">
        <v>0</v>
      </c>
      <c r="DM17" s="327">
        <v>408555</v>
      </c>
      <c r="DN17" s="327">
        <v>444984</v>
      </c>
      <c r="DO17" s="327">
        <v>631182</v>
      </c>
      <c r="DP17" s="327">
        <v>457390</v>
      </c>
      <c r="DQ17" s="327">
        <v>0</v>
      </c>
      <c r="DR17" s="328">
        <v>1942111</v>
      </c>
      <c r="DS17" s="330">
        <v>2018344</v>
      </c>
      <c r="DT17" s="326">
        <v>16955</v>
      </c>
      <c r="DU17" s="327">
        <v>0</v>
      </c>
      <c r="DV17" s="328">
        <v>16955</v>
      </c>
      <c r="DW17" s="326">
        <v>0</v>
      </c>
      <c r="DX17" s="327">
        <v>295462</v>
      </c>
      <c r="DY17" s="327">
        <v>413150</v>
      </c>
      <c r="DZ17" s="327">
        <v>384220</v>
      </c>
      <c r="EA17" s="327">
        <v>425406</v>
      </c>
      <c r="EB17" s="327">
        <v>0</v>
      </c>
      <c r="EC17" s="328">
        <v>1518238</v>
      </c>
      <c r="ED17" s="330">
        <v>1535193</v>
      </c>
      <c r="EE17" s="326">
        <v>0</v>
      </c>
      <c r="EF17" s="331">
        <v>59278</v>
      </c>
      <c r="EG17" s="328">
        <v>59278</v>
      </c>
      <c r="EH17" s="326">
        <v>0</v>
      </c>
      <c r="EI17" s="327">
        <v>113093</v>
      </c>
      <c r="EJ17" s="327">
        <v>31834</v>
      </c>
      <c r="EK17" s="327">
        <v>246962</v>
      </c>
      <c r="EL17" s="327">
        <v>31984</v>
      </c>
      <c r="EM17" s="327">
        <v>0</v>
      </c>
      <c r="EN17" s="331">
        <v>423873</v>
      </c>
      <c r="EO17" s="330">
        <v>483151</v>
      </c>
      <c r="EP17" s="326">
        <v>0</v>
      </c>
      <c r="EQ17" s="327">
        <v>0</v>
      </c>
      <c r="ER17" s="331">
        <v>0</v>
      </c>
      <c r="ES17" s="332">
        <v>0</v>
      </c>
      <c r="ET17" s="327">
        <v>0</v>
      </c>
      <c r="EU17" s="327">
        <v>0</v>
      </c>
      <c r="EV17" s="327">
        <v>0</v>
      </c>
      <c r="EW17" s="327">
        <v>0</v>
      </c>
      <c r="EX17" s="327">
        <v>0</v>
      </c>
      <c r="EY17" s="328">
        <v>0</v>
      </c>
      <c r="EZ17" s="330">
        <v>0</v>
      </c>
      <c r="FA17" s="326">
        <v>0</v>
      </c>
      <c r="FB17" s="327">
        <v>0</v>
      </c>
      <c r="FC17" s="331">
        <v>0</v>
      </c>
      <c r="FD17" s="332">
        <v>0</v>
      </c>
      <c r="FE17" s="327">
        <v>0</v>
      </c>
      <c r="FF17" s="327">
        <v>0</v>
      </c>
      <c r="FG17" s="327">
        <v>0</v>
      </c>
      <c r="FH17" s="327">
        <v>0</v>
      </c>
      <c r="FI17" s="327">
        <v>0</v>
      </c>
      <c r="FJ17" s="328">
        <v>0</v>
      </c>
      <c r="FK17" s="330">
        <v>0</v>
      </c>
      <c r="FL17" s="326">
        <v>112368</v>
      </c>
      <c r="FM17" s="327">
        <v>189560</v>
      </c>
      <c r="FN17" s="328">
        <v>301928</v>
      </c>
      <c r="FO17" s="326">
        <v>0</v>
      </c>
      <c r="FP17" s="327">
        <v>686424</v>
      </c>
      <c r="FQ17" s="327">
        <v>1114128</v>
      </c>
      <c r="FR17" s="327">
        <v>542080</v>
      </c>
      <c r="FS17" s="327">
        <v>463048</v>
      </c>
      <c r="FT17" s="327">
        <v>160664</v>
      </c>
      <c r="FU17" s="328">
        <v>2966344</v>
      </c>
      <c r="FV17" s="330">
        <v>3268272</v>
      </c>
      <c r="FW17" s="333">
        <v>79280</v>
      </c>
      <c r="FX17" s="327">
        <v>179720</v>
      </c>
      <c r="FY17" s="331">
        <v>259000</v>
      </c>
      <c r="FZ17" s="332">
        <v>0</v>
      </c>
      <c r="GA17" s="327">
        <v>342664</v>
      </c>
      <c r="GB17" s="327">
        <v>902128</v>
      </c>
      <c r="GC17" s="327">
        <v>515680</v>
      </c>
      <c r="GD17" s="327">
        <v>463048</v>
      </c>
      <c r="GE17" s="327">
        <v>160664</v>
      </c>
      <c r="GF17" s="328">
        <v>2384184</v>
      </c>
      <c r="GG17" s="334">
        <v>2643184</v>
      </c>
      <c r="GH17" s="333">
        <v>33088</v>
      </c>
      <c r="GI17" s="327">
        <v>9840</v>
      </c>
      <c r="GJ17" s="331">
        <v>42928</v>
      </c>
      <c r="GK17" s="332">
        <v>0</v>
      </c>
      <c r="GL17" s="327">
        <v>18080</v>
      </c>
      <c r="GM17" s="327">
        <v>0</v>
      </c>
      <c r="GN17" s="327">
        <v>26400</v>
      </c>
      <c r="GO17" s="327">
        <v>0</v>
      </c>
      <c r="GP17" s="327">
        <v>0</v>
      </c>
      <c r="GQ17" s="328">
        <v>44480</v>
      </c>
      <c r="GR17" s="330">
        <v>87408</v>
      </c>
      <c r="GS17" s="326">
        <v>0</v>
      </c>
      <c r="GT17" s="327">
        <v>0</v>
      </c>
      <c r="GU17" s="328">
        <v>0</v>
      </c>
      <c r="GV17" s="326">
        <v>0</v>
      </c>
      <c r="GW17" s="327">
        <v>325680</v>
      </c>
      <c r="GX17" s="327">
        <v>212000</v>
      </c>
      <c r="GY17" s="327">
        <v>0</v>
      </c>
      <c r="GZ17" s="327">
        <v>0</v>
      </c>
      <c r="HA17" s="327">
        <v>0</v>
      </c>
      <c r="HB17" s="331">
        <v>537680</v>
      </c>
      <c r="HC17" s="330">
        <v>537680</v>
      </c>
      <c r="HD17" s="326">
        <v>111002</v>
      </c>
      <c r="HE17" s="327">
        <v>95203</v>
      </c>
      <c r="HF17" s="331">
        <v>206205</v>
      </c>
      <c r="HG17" s="332">
        <v>0</v>
      </c>
      <c r="HH17" s="327">
        <v>2892990</v>
      </c>
      <c r="HI17" s="327">
        <v>2285903</v>
      </c>
      <c r="HJ17" s="327">
        <v>2341007</v>
      </c>
      <c r="HK17" s="327">
        <v>4562463</v>
      </c>
      <c r="HL17" s="327">
        <v>1189915</v>
      </c>
      <c r="HM17" s="328">
        <v>13272278</v>
      </c>
      <c r="HN17" s="329">
        <v>13478483</v>
      </c>
      <c r="HO17" s="333">
        <v>0</v>
      </c>
      <c r="HP17" s="327">
        <v>0</v>
      </c>
      <c r="HQ17" s="328">
        <v>0</v>
      </c>
      <c r="HR17" s="326">
        <v>0</v>
      </c>
      <c r="HS17" s="327">
        <v>0</v>
      </c>
      <c r="HT17" s="327">
        <v>0</v>
      </c>
      <c r="HU17" s="327">
        <v>0</v>
      </c>
      <c r="HV17" s="327">
        <v>0</v>
      </c>
      <c r="HW17" s="327">
        <v>0</v>
      </c>
      <c r="HX17" s="331">
        <v>0</v>
      </c>
      <c r="HY17" s="330">
        <v>0</v>
      </c>
      <c r="HZ17" s="335">
        <v>0</v>
      </c>
      <c r="IA17" s="336">
        <v>0</v>
      </c>
      <c r="IB17" s="337">
        <v>0</v>
      </c>
      <c r="IC17" s="338">
        <v>0</v>
      </c>
      <c r="ID17" s="336">
        <v>1924976</v>
      </c>
      <c r="IE17" s="339">
        <v>1817690</v>
      </c>
      <c r="IF17" s="337">
        <v>1538783</v>
      </c>
      <c r="IG17" s="336">
        <v>1480083</v>
      </c>
      <c r="IH17" s="337">
        <v>479277</v>
      </c>
      <c r="II17" s="340">
        <v>7240809</v>
      </c>
      <c r="IJ17" s="341">
        <v>7240809</v>
      </c>
      <c r="IK17" s="342">
        <v>0</v>
      </c>
      <c r="IL17" s="343">
        <v>0</v>
      </c>
      <c r="IM17" s="344">
        <v>0</v>
      </c>
      <c r="IN17" s="404">
        <v>0</v>
      </c>
      <c r="IO17" s="345">
        <v>152350</v>
      </c>
      <c r="IP17" s="345">
        <v>0</v>
      </c>
      <c r="IQ17" s="345">
        <v>0</v>
      </c>
      <c r="IR17" s="345">
        <v>0</v>
      </c>
      <c r="IS17" s="345">
        <v>0</v>
      </c>
      <c r="IT17" s="346">
        <v>152350</v>
      </c>
      <c r="IU17" s="347">
        <v>152350</v>
      </c>
      <c r="IV17" s="348">
        <v>0</v>
      </c>
      <c r="IW17" s="345">
        <v>0</v>
      </c>
      <c r="IX17" s="349">
        <v>0</v>
      </c>
      <c r="IY17" s="404">
        <v>0</v>
      </c>
      <c r="IZ17" s="345">
        <v>0</v>
      </c>
      <c r="JA17" s="345">
        <v>16751</v>
      </c>
      <c r="JB17" s="345">
        <v>0</v>
      </c>
      <c r="JC17" s="345">
        <v>0</v>
      </c>
      <c r="JD17" s="345">
        <v>0</v>
      </c>
      <c r="JE17" s="349">
        <v>16751</v>
      </c>
      <c r="JF17" s="350">
        <v>16751</v>
      </c>
      <c r="JG17" s="348">
        <v>0</v>
      </c>
      <c r="JH17" s="345">
        <v>0</v>
      </c>
      <c r="JI17" s="346">
        <v>0</v>
      </c>
      <c r="JJ17" s="351">
        <v>0</v>
      </c>
      <c r="JK17" s="345">
        <v>1187874</v>
      </c>
      <c r="JL17" s="345">
        <v>281535</v>
      </c>
      <c r="JM17" s="345">
        <v>261924</v>
      </c>
      <c r="JN17" s="345">
        <v>433698</v>
      </c>
      <c r="JO17" s="345">
        <v>122072</v>
      </c>
      <c r="JP17" s="349">
        <v>2287103</v>
      </c>
      <c r="JQ17" s="347">
        <v>2287103</v>
      </c>
      <c r="JR17" s="348">
        <v>0</v>
      </c>
      <c r="JS17" s="345">
        <v>0</v>
      </c>
      <c r="JT17" s="346">
        <v>0</v>
      </c>
      <c r="JU17" s="351">
        <v>0</v>
      </c>
      <c r="JV17" s="345">
        <v>0</v>
      </c>
      <c r="JW17" s="345">
        <v>48251</v>
      </c>
      <c r="JX17" s="345">
        <v>392930</v>
      </c>
      <c r="JY17" s="345">
        <v>0</v>
      </c>
      <c r="JZ17" s="345">
        <v>0</v>
      </c>
      <c r="KA17" s="349">
        <v>441181</v>
      </c>
      <c r="KB17" s="347">
        <v>441181</v>
      </c>
      <c r="KC17" s="352">
        <v>0</v>
      </c>
      <c r="KD17" s="353">
        <v>0</v>
      </c>
      <c r="KE17" s="349">
        <v>0</v>
      </c>
      <c r="KF17" s="351">
        <v>0</v>
      </c>
      <c r="KG17" s="345">
        <v>346426</v>
      </c>
      <c r="KH17" s="345">
        <v>536376</v>
      </c>
      <c r="KI17" s="345">
        <v>253402</v>
      </c>
      <c r="KJ17" s="345">
        <v>0</v>
      </c>
      <c r="KK17" s="345">
        <v>0</v>
      </c>
      <c r="KL17" s="349">
        <v>1136204</v>
      </c>
      <c r="KM17" s="354">
        <v>1136204</v>
      </c>
      <c r="KN17" s="342">
        <v>0</v>
      </c>
      <c r="KO17" s="343">
        <v>0</v>
      </c>
      <c r="KP17" s="344">
        <v>0</v>
      </c>
      <c r="KQ17" s="404">
        <v>0</v>
      </c>
      <c r="KR17" s="345">
        <v>238326</v>
      </c>
      <c r="KS17" s="345">
        <v>740877</v>
      </c>
      <c r="KT17" s="345">
        <v>259076</v>
      </c>
      <c r="KU17" s="345">
        <v>1046385</v>
      </c>
      <c r="KV17" s="345">
        <v>0</v>
      </c>
      <c r="KW17" s="349">
        <v>2284664</v>
      </c>
      <c r="KX17" s="347">
        <v>2284664</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193900</v>
      </c>
      <c r="MA17" s="345">
        <v>371451</v>
      </c>
      <c r="MB17" s="345">
        <v>0</v>
      </c>
      <c r="MC17" s="345">
        <v>357205</v>
      </c>
      <c r="MD17" s="349">
        <v>922556</v>
      </c>
      <c r="ME17" s="350">
        <v>922556</v>
      </c>
      <c r="MF17" s="348">
        <v>0</v>
      </c>
      <c r="MG17" s="345">
        <v>0</v>
      </c>
      <c r="MH17" s="349">
        <v>0</v>
      </c>
      <c r="MI17" s="404">
        <v>0</v>
      </c>
      <c r="MJ17" s="345">
        <v>0</v>
      </c>
      <c r="MK17" s="345">
        <v>519671</v>
      </c>
      <c r="ML17" s="345">
        <v>2526974</v>
      </c>
      <c r="MM17" s="345">
        <v>6136164</v>
      </c>
      <c r="MN17" s="345">
        <v>2958093</v>
      </c>
      <c r="MO17" s="349">
        <v>12140902</v>
      </c>
      <c r="MP17" s="354">
        <v>12140902</v>
      </c>
      <c r="MQ17" s="348">
        <v>0</v>
      </c>
      <c r="MR17" s="345">
        <v>0</v>
      </c>
      <c r="MS17" s="349">
        <v>0</v>
      </c>
      <c r="MT17" s="404">
        <v>0</v>
      </c>
      <c r="MU17" s="345">
        <v>0</v>
      </c>
      <c r="MV17" s="345">
        <v>0</v>
      </c>
      <c r="MW17" s="345">
        <v>675937</v>
      </c>
      <c r="MX17" s="345">
        <v>4122840</v>
      </c>
      <c r="MY17" s="345">
        <v>1309965</v>
      </c>
      <c r="MZ17" s="349">
        <v>6108742</v>
      </c>
      <c r="NA17" s="354">
        <v>6108742</v>
      </c>
      <c r="NB17" s="348">
        <v>0</v>
      </c>
      <c r="NC17" s="345">
        <v>0</v>
      </c>
      <c r="ND17" s="349">
        <v>0</v>
      </c>
      <c r="NE17" s="404">
        <v>0</v>
      </c>
      <c r="NF17" s="345">
        <v>0</v>
      </c>
      <c r="NG17" s="345">
        <v>519671</v>
      </c>
      <c r="NH17" s="345">
        <v>1851037</v>
      </c>
      <c r="NI17" s="345">
        <v>1692313</v>
      </c>
      <c r="NJ17" s="345">
        <v>1648128</v>
      </c>
      <c r="NK17" s="349">
        <v>5711149</v>
      </c>
      <c r="NL17" s="347">
        <v>5711149</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321011</v>
      </c>
      <c r="OF17" s="345">
        <v>0</v>
      </c>
      <c r="OG17" s="349">
        <v>321011</v>
      </c>
      <c r="OH17" s="350">
        <v>321011</v>
      </c>
      <c r="OI17" s="348">
        <v>507632</v>
      </c>
      <c r="OJ17" s="345">
        <v>680058</v>
      </c>
      <c r="OK17" s="346">
        <v>1187690</v>
      </c>
      <c r="OL17" s="351">
        <v>0</v>
      </c>
      <c r="OM17" s="345">
        <v>11315390</v>
      </c>
      <c r="ON17" s="345">
        <v>10168081</v>
      </c>
      <c r="OO17" s="345">
        <v>11488918</v>
      </c>
      <c r="OP17" s="345">
        <v>17031210</v>
      </c>
      <c r="OQ17" s="345">
        <v>6460989</v>
      </c>
      <c r="OR17" s="349">
        <v>56464588</v>
      </c>
      <c r="OS17" s="354">
        <v>57652278</v>
      </c>
    </row>
    <row r="18" spans="2:409" s="70" customFormat="1" ht="21" customHeight="1" x14ac:dyDescent="0.2">
      <c r="B18" s="410" t="s">
        <v>12</v>
      </c>
      <c r="C18" s="326">
        <v>1163062</v>
      </c>
      <c r="D18" s="327">
        <v>2639349</v>
      </c>
      <c r="E18" s="328">
        <v>3802411</v>
      </c>
      <c r="F18" s="329">
        <v>0</v>
      </c>
      <c r="G18" s="327">
        <v>7593759</v>
      </c>
      <c r="H18" s="366">
        <v>13997245</v>
      </c>
      <c r="I18" s="366">
        <v>8927115</v>
      </c>
      <c r="J18" s="366">
        <v>9719921</v>
      </c>
      <c r="K18" s="366">
        <v>4359530</v>
      </c>
      <c r="L18" s="331">
        <v>44597570</v>
      </c>
      <c r="M18" s="330">
        <v>48399981</v>
      </c>
      <c r="N18" s="326">
        <v>318656</v>
      </c>
      <c r="O18" s="327">
        <v>896362</v>
      </c>
      <c r="P18" s="328">
        <v>1215018</v>
      </c>
      <c r="Q18" s="326">
        <v>0</v>
      </c>
      <c r="R18" s="327">
        <v>1758636</v>
      </c>
      <c r="S18" s="327">
        <v>4863966</v>
      </c>
      <c r="T18" s="327">
        <v>2665500</v>
      </c>
      <c r="U18" s="327">
        <v>4317556</v>
      </c>
      <c r="V18" s="327">
        <v>1868238</v>
      </c>
      <c r="W18" s="328">
        <v>15473896</v>
      </c>
      <c r="X18" s="330">
        <v>16688914</v>
      </c>
      <c r="Y18" s="326">
        <v>0</v>
      </c>
      <c r="Z18" s="327">
        <v>0</v>
      </c>
      <c r="AA18" s="328">
        <v>0</v>
      </c>
      <c r="AB18" s="326">
        <v>0</v>
      </c>
      <c r="AC18" s="327">
        <v>983866</v>
      </c>
      <c r="AD18" s="327">
        <v>2328234</v>
      </c>
      <c r="AE18" s="327">
        <v>1225008</v>
      </c>
      <c r="AF18" s="327">
        <v>3028362</v>
      </c>
      <c r="AG18" s="327">
        <v>1011007</v>
      </c>
      <c r="AH18" s="328">
        <v>8576477</v>
      </c>
      <c r="AI18" s="330">
        <v>8576477</v>
      </c>
      <c r="AJ18" s="326">
        <v>0</v>
      </c>
      <c r="AK18" s="327">
        <v>0</v>
      </c>
      <c r="AL18" s="328">
        <v>0</v>
      </c>
      <c r="AM18" s="326">
        <v>0</v>
      </c>
      <c r="AN18" s="327">
        <v>0</v>
      </c>
      <c r="AO18" s="327">
        <v>0</v>
      </c>
      <c r="AP18" s="327">
        <v>181144</v>
      </c>
      <c r="AQ18" s="327">
        <v>228524</v>
      </c>
      <c r="AR18" s="327">
        <v>82988</v>
      </c>
      <c r="AS18" s="328">
        <v>492656</v>
      </c>
      <c r="AT18" s="330">
        <v>492656</v>
      </c>
      <c r="AU18" s="326">
        <v>198008</v>
      </c>
      <c r="AV18" s="327">
        <v>725285</v>
      </c>
      <c r="AW18" s="328">
        <v>923293</v>
      </c>
      <c r="AX18" s="326">
        <v>0</v>
      </c>
      <c r="AY18" s="327">
        <v>549826</v>
      </c>
      <c r="AZ18" s="327">
        <v>1866528</v>
      </c>
      <c r="BA18" s="327">
        <v>880845</v>
      </c>
      <c r="BB18" s="327">
        <v>429766</v>
      </c>
      <c r="BC18" s="327">
        <v>562755</v>
      </c>
      <c r="BD18" s="328">
        <v>4289720</v>
      </c>
      <c r="BE18" s="330">
        <v>5213013</v>
      </c>
      <c r="BF18" s="326">
        <v>0</v>
      </c>
      <c r="BG18" s="327">
        <v>37853</v>
      </c>
      <c r="BH18" s="331">
        <v>37853</v>
      </c>
      <c r="BI18" s="332">
        <v>0</v>
      </c>
      <c r="BJ18" s="327">
        <v>0</v>
      </c>
      <c r="BK18" s="327">
        <v>191380</v>
      </c>
      <c r="BL18" s="327">
        <v>21775</v>
      </c>
      <c r="BM18" s="327">
        <v>79080</v>
      </c>
      <c r="BN18" s="327">
        <v>0</v>
      </c>
      <c r="BO18" s="328">
        <v>292235</v>
      </c>
      <c r="BP18" s="330">
        <v>330088</v>
      </c>
      <c r="BQ18" s="326">
        <v>120648</v>
      </c>
      <c r="BR18" s="327">
        <v>133224</v>
      </c>
      <c r="BS18" s="328">
        <v>253872</v>
      </c>
      <c r="BT18" s="326">
        <v>0</v>
      </c>
      <c r="BU18" s="327">
        <v>224944</v>
      </c>
      <c r="BV18" s="327">
        <v>477824</v>
      </c>
      <c r="BW18" s="327">
        <v>356728</v>
      </c>
      <c r="BX18" s="327">
        <v>551824</v>
      </c>
      <c r="BY18" s="327">
        <v>211488</v>
      </c>
      <c r="BZ18" s="328">
        <v>1822808</v>
      </c>
      <c r="CA18" s="330">
        <v>2076680</v>
      </c>
      <c r="CB18" s="326">
        <v>287547</v>
      </c>
      <c r="CC18" s="327">
        <v>594264</v>
      </c>
      <c r="CD18" s="328">
        <v>881811</v>
      </c>
      <c r="CE18" s="326">
        <v>0</v>
      </c>
      <c r="CF18" s="327">
        <v>3395939</v>
      </c>
      <c r="CG18" s="327">
        <v>4030012</v>
      </c>
      <c r="CH18" s="327">
        <v>2867427</v>
      </c>
      <c r="CI18" s="327">
        <v>1222524</v>
      </c>
      <c r="CJ18" s="327">
        <v>238544</v>
      </c>
      <c r="CK18" s="328">
        <v>11754446</v>
      </c>
      <c r="CL18" s="330">
        <v>12636257</v>
      </c>
      <c r="CM18" s="326">
        <v>0</v>
      </c>
      <c r="CN18" s="327">
        <v>0</v>
      </c>
      <c r="CO18" s="328">
        <v>0</v>
      </c>
      <c r="CP18" s="332">
        <v>0</v>
      </c>
      <c r="CQ18" s="327">
        <v>3049896</v>
      </c>
      <c r="CR18" s="327">
        <v>2748348</v>
      </c>
      <c r="CS18" s="327">
        <v>1904005</v>
      </c>
      <c r="CT18" s="327">
        <v>926997</v>
      </c>
      <c r="CU18" s="327">
        <v>148197</v>
      </c>
      <c r="CV18" s="328">
        <v>8777443</v>
      </c>
      <c r="CW18" s="330">
        <v>8777443</v>
      </c>
      <c r="CX18" s="326">
        <v>287547</v>
      </c>
      <c r="CY18" s="327">
        <v>594264</v>
      </c>
      <c r="CZ18" s="328">
        <v>881811</v>
      </c>
      <c r="DA18" s="326">
        <v>0</v>
      </c>
      <c r="DB18" s="327">
        <v>346043</v>
      </c>
      <c r="DC18" s="327">
        <v>1281664</v>
      </c>
      <c r="DD18" s="327">
        <v>963422</v>
      </c>
      <c r="DE18" s="327">
        <v>295527</v>
      </c>
      <c r="DF18" s="327">
        <v>90347</v>
      </c>
      <c r="DG18" s="328">
        <v>2977003</v>
      </c>
      <c r="DH18" s="330">
        <v>3858814</v>
      </c>
      <c r="DI18" s="326">
        <v>0</v>
      </c>
      <c r="DJ18" s="327">
        <v>44216</v>
      </c>
      <c r="DK18" s="331">
        <v>44216</v>
      </c>
      <c r="DL18" s="332">
        <v>0</v>
      </c>
      <c r="DM18" s="327">
        <v>128594</v>
      </c>
      <c r="DN18" s="327">
        <v>598214</v>
      </c>
      <c r="DO18" s="327">
        <v>227066</v>
      </c>
      <c r="DP18" s="327">
        <v>773711</v>
      </c>
      <c r="DQ18" s="327">
        <v>618986</v>
      </c>
      <c r="DR18" s="328">
        <v>2346571</v>
      </c>
      <c r="DS18" s="330">
        <v>2390787</v>
      </c>
      <c r="DT18" s="326">
        <v>0</v>
      </c>
      <c r="DU18" s="327">
        <v>44216</v>
      </c>
      <c r="DV18" s="328">
        <v>44216</v>
      </c>
      <c r="DW18" s="326">
        <v>0</v>
      </c>
      <c r="DX18" s="327">
        <v>128594</v>
      </c>
      <c r="DY18" s="327">
        <v>534244</v>
      </c>
      <c r="DZ18" s="327">
        <v>227066</v>
      </c>
      <c r="EA18" s="327">
        <v>650537</v>
      </c>
      <c r="EB18" s="327">
        <v>618986</v>
      </c>
      <c r="EC18" s="328">
        <v>2159427</v>
      </c>
      <c r="ED18" s="330">
        <v>2203643</v>
      </c>
      <c r="EE18" s="326">
        <v>0</v>
      </c>
      <c r="EF18" s="331">
        <v>0</v>
      </c>
      <c r="EG18" s="328">
        <v>0</v>
      </c>
      <c r="EH18" s="326">
        <v>0</v>
      </c>
      <c r="EI18" s="327">
        <v>0</v>
      </c>
      <c r="EJ18" s="327">
        <v>63970</v>
      </c>
      <c r="EK18" s="327">
        <v>0</v>
      </c>
      <c r="EL18" s="327">
        <v>123174</v>
      </c>
      <c r="EM18" s="327">
        <v>0</v>
      </c>
      <c r="EN18" s="331">
        <v>187144</v>
      </c>
      <c r="EO18" s="330">
        <v>187144</v>
      </c>
      <c r="EP18" s="326">
        <v>0</v>
      </c>
      <c r="EQ18" s="327">
        <v>0</v>
      </c>
      <c r="ER18" s="331">
        <v>0</v>
      </c>
      <c r="ES18" s="332">
        <v>0</v>
      </c>
      <c r="ET18" s="327">
        <v>0</v>
      </c>
      <c r="EU18" s="327">
        <v>0</v>
      </c>
      <c r="EV18" s="327">
        <v>0</v>
      </c>
      <c r="EW18" s="327">
        <v>0</v>
      </c>
      <c r="EX18" s="327">
        <v>0</v>
      </c>
      <c r="EY18" s="328">
        <v>0</v>
      </c>
      <c r="EZ18" s="330">
        <v>0</v>
      </c>
      <c r="FA18" s="326">
        <v>0</v>
      </c>
      <c r="FB18" s="327">
        <v>0</v>
      </c>
      <c r="FC18" s="331">
        <v>0</v>
      </c>
      <c r="FD18" s="332">
        <v>0</v>
      </c>
      <c r="FE18" s="327">
        <v>0</v>
      </c>
      <c r="FF18" s="327">
        <v>0</v>
      </c>
      <c r="FG18" s="327">
        <v>0</v>
      </c>
      <c r="FH18" s="327">
        <v>0</v>
      </c>
      <c r="FI18" s="327">
        <v>0</v>
      </c>
      <c r="FJ18" s="328">
        <v>0</v>
      </c>
      <c r="FK18" s="330">
        <v>0</v>
      </c>
      <c r="FL18" s="326">
        <v>263272</v>
      </c>
      <c r="FM18" s="327">
        <v>535624</v>
      </c>
      <c r="FN18" s="328">
        <v>798896</v>
      </c>
      <c r="FO18" s="326">
        <v>0</v>
      </c>
      <c r="FP18" s="327">
        <v>260184</v>
      </c>
      <c r="FQ18" s="327">
        <v>1485030</v>
      </c>
      <c r="FR18" s="327">
        <v>801208</v>
      </c>
      <c r="FS18" s="327">
        <v>619088</v>
      </c>
      <c r="FT18" s="327">
        <v>465344</v>
      </c>
      <c r="FU18" s="328">
        <v>3630854</v>
      </c>
      <c r="FV18" s="330">
        <v>4429750</v>
      </c>
      <c r="FW18" s="333">
        <v>150408</v>
      </c>
      <c r="FX18" s="327">
        <v>338904</v>
      </c>
      <c r="FY18" s="331">
        <v>489312</v>
      </c>
      <c r="FZ18" s="332">
        <v>0</v>
      </c>
      <c r="GA18" s="327">
        <v>186504</v>
      </c>
      <c r="GB18" s="327">
        <v>1273814</v>
      </c>
      <c r="GC18" s="327">
        <v>710368</v>
      </c>
      <c r="GD18" s="327">
        <v>608880</v>
      </c>
      <c r="GE18" s="327">
        <v>436304</v>
      </c>
      <c r="GF18" s="328">
        <v>3215870</v>
      </c>
      <c r="GG18" s="334">
        <v>3705182</v>
      </c>
      <c r="GH18" s="333">
        <v>14784</v>
      </c>
      <c r="GI18" s="327">
        <v>43120</v>
      </c>
      <c r="GJ18" s="331">
        <v>57904</v>
      </c>
      <c r="GK18" s="332">
        <v>0</v>
      </c>
      <c r="GL18" s="327">
        <v>0</v>
      </c>
      <c r="GM18" s="327">
        <v>51216</v>
      </c>
      <c r="GN18" s="327">
        <v>90840</v>
      </c>
      <c r="GO18" s="327">
        <v>10208</v>
      </c>
      <c r="GP18" s="327">
        <v>29040</v>
      </c>
      <c r="GQ18" s="328">
        <v>181304</v>
      </c>
      <c r="GR18" s="330">
        <v>239208</v>
      </c>
      <c r="GS18" s="326">
        <v>98080</v>
      </c>
      <c r="GT18" s="327">
        <v>153600</v>
      </c>
      <c r="GU18" s="328">
        <v>251680</v>
      </c>
      <c r="GV18" s="326">
        <v>0</v>
      </c>
      <c r="GW18" s="327">
        <v>73680</v>
      </c>
      <c r="GX18" s="327">
        <v>160000</v>
      </c>
      <c r="GY18" s="327">
        <v>0</v>
      </c>
      <c r="GZ18" s="327">
        <v>0</v>
      </c>
      <c r="HA18" s="327">
        <v>0</v>
      </c>
      <c r="HB18" s="331">
        <v>233680</v>
      </c>
      <c r="HC18" s="330">
        <v>485360</v>
      </c>
      <c r="HD18" s="326">
        <v>293587</v>
      </c>
      <c r="HE18" s="327">
        <v>568883</v>
      </c>
      <c r="HF18" s="331">
        <v>862470</v>
      </c>
      <c r="HG18" s="332">
        <v>0</v>
      </c>
      <c r="HH18" s="327">
        <v>2050406</v>
      </c>
      <c r="HI18" s="327">
        <v>3020023</v>
      </c>
      <c r="HJ18" s="327">
        <v>2365914</v>
      </c>
      <c r="HK18" s="327">
        <v>2787042</v>
      </c>
      <c r="HL18" s="327">
        <v>1168418</v>
      </c>
      <c r="HM18" s="328">
        <v>11391803</v>
      </c>
      <c r="HN18" s="329">
        <v>12254273</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1664465</v>
      </c>
      <c r="IE18" s="357">
        <v>1902548</v>
      </c>
      <c r="IF18" s="358">
        <v>2262386</v>
      </c>
      <c r="IG18" s="356">
        <v>3990698</v>
      </c>
      <c r="IH18" s="358">
        <v>2561851</v>
      </c>
      <c r="II18" s="359">
        <v>12381948</v>
      </c>
      <c r="IJ18" s="358">
        <v>12381948</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966076</v>
      </c>
      <c r="JL18" s="345">
        <v>961297</v>
      </c>
      <c r="JM18" s="345">
        <v>766104</v>
      </c>
      <c r="JN18" s="345">
        <v>474609</v>
      </c>
      <c r="JO18" s="345">
        <v>346620</v>
      </c>
      <c r="JP18" s="349">
        <v>3514706</v>
      </c>
      <c r="JQ18" s="347">
        <v>3514706</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377442</v>
      </c>
      <c r="KH18" s="345">
        <v>178303</v>
      </c>
      <c r="KI18" s="345">
        <v>984978</v>
      </c>
      <c r="KJ18" s="345">
        <v>1358254</v>
      </c>
      <c r="KK18" s="345">
        <v>1394984</v>
      </c>
      <c r="KL18" s="349">
        <v>4293961</v>
      </c>
      <c r="KM18" s="354">
        <v>4293961</v>
      </c>
      <c r="KN18" s="342">
        <v>0</v>
      </c>
      <c r="KO18" s="343">
        <v>0</v>
      </c>
      <c r="KP18" s="344">
        <v>0</v>
      </c>
      <c r="KQ18" s="404">
        <v>0</v>
      </c>
      <c r="KR18" s="345">
        <v>320947</v>
      </c>
      <c r="KS18" s="345">
        <v>0</v>
      </c>
      <c r="KT18" s="345">
        <v>511304</v>
      </c>
      <c r="KU18" s="345">
        <v>256543</v>
      </c>
      <c r="KV18" s="345">
        <v>263732</v>
      </c>
      <c r="KW18" s="349">
        <v>1352526</v>
      </c>
      <c r="KX18" s="347">
        <v>1352526</v>
      </c>
      <c r="KY18" s="348">
        <v>0</v>
      </c>
      <c r="KZ18" s="345">
        <v>0</v>
      </c>
      <c r="LA18" s="349">
        <v>0</v>
      </c>
      <c r="LB18" s="404">
        <v>0</v>
      </c>
      <c r="LC18" s="345">
        <v>0</v>
      </c>
      <c r="LD18" s="345">
        <v>557325</v>
      </c>
      <c r="LE18" s="345">
        <v>0</v>
      </c>
      <c r="LF18" s="345">
        <v>672744</v>
      </c>
      <c r="LG18" s="345">
        <v>247163</v>
      </c>
      <c r="LH18" s="349">
        <v>1477232</v>
      </c>
      <c r="LI18" s="350">
        <v>1477232</v>
      </c>
      <c r="LJ18" s="348">
        <v>0</v>
      </c>
      <c r="LK18" s="345">
        <v>0</v>
      </c>
      <c r="LL18" s="349">
        <v>0</v>
      </c>
      <c r="LM18" s="404">
        <v>0</v>
      </c>
      <c r="LN18" s="345">
        <v>0</v>
      </c>
      <c r="LO18" s="345">
        <v>0</v>
      </c>
      <c r="LP18" s="345">
        <v>0</v>
      </c>
      <c r="LQ18" s="345">
        <v>289339</v>
      </c>
      <c r="LR18" s="345">
        <v>309352</v>
      </c>
      <c r="LS18" s="349">
        <v>598691</v>
      </c>
      <c r="LT18" s="347">
        <v>598691</v>
      </c>
      <c r="LU18" s="348">
        <v>0</v>
      </c>
      <c r="LV18" s="345">
        <v>0</v>
      </c>
      <c r="LW18" s="349">
        <v>0</v>
      </c>
      <c r="LX18" s="404">
        <v>0</v>
      </c>
      <c r="LY18" s="345">
        <v>0</v>
      </c>
      <c r="LZ18" s="345">
        <v>205623</v>
      </c>
      <c r="MA18" s="345">
        <v>0</v>
      </c>
      <c r="MB18" s="345">
        <v>939209</v>
      </c>
      <c r="MC18" s="345">
        <v>0</v>
      </c>
      <c r="MD18" s="349">
        <v>1144832</v>
      </c>
      <c r="ME18" s="350">
        <v>1144832</v>
      </c>
      <c r="MF18" s="348">
        <v>0</v>
      </c>
      <c r="MG18" s="345">
        <v>0</v>
      </c>
      <c r="MH18" s="349">
        <v>0</v>
      </c>
      <c r="MI18" s="404">
        <v>0</v>
      </c>
      <c r="MJ18" s="345">
        <v>64889</v>
      </c>
      <c r="MK18" s="345">
        <v>603898</v>
      </c>
      <c r="ML18" s="345">
        <v>4903221</v>
      </c>
      <c r="MM18" s="345">
        <v>4683099</v>
      </c>
      <c r="MN18" s="345">
        <v>2629819</v>
      </c>
      <c r="MO18" s="349">
        <v>12884926</v>
      </c>
      <c r="MP18" s="354">
        <v>12884926</v>
      </c>
      <c r="MQ18" s="348">
        <v>0</v>
      </c>
      <c r="MR18" s="345">
        <v>0</v>
      </c>
      <c r="MS18" s="349">
        <v>0</v>
      </c>
      <c r="MT18" s="404">
        <v>0</v>
      </c>
      <c r="MU18" s="345">
        <v>0</v>
      </c>
      <c r="MV18" s="345">
        <v>0</v>
      </c>
      <c r="MW18" s="345">
        <v>1743388</v>
      </c>
      <c r="MX18" s="345">
        <v>1953750</v>
      </c>
      <c r="MY18" s="345">
        <v>1745222</v>
      </c>
      <c r="MZ18" s="349">
        <v>5442360</v>
      </c>
      <c r="NA18" s="354">
        <v>5442360</v>
      </c>
      <c r="NB18" s="348">
        <v>0</v>
      </c>
      <c r="NC18" s="345">
        <v>0</v>
      </c>
      <c r="ND18" s="349">
        <v>0</v>
      </c>
      <c r="NE18" s="404">
        <v>0</v>
      </c>
      <c r="NF18" s="345">
        <v>64889</v>
      </c>
      <c r="NG18" s="345">
        <v>603898</v>
      </c>
      <c r="NH18" s="345">
        <v>3159833</v>
      </c>
      <c r="NI18" s="345">
        <v>2729349</v>
      </c>
      <c r="NJ18" s="345">
        <v>884597</v>
      </c>
      <c r="NK18" s="349">
        <v>7442566</v>
      </c>
      <c r="NL18" s="347">
        <v>7442566</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0</v>
      </c>
      <c r="OF18" s="345">
        <v>0</v>
      </c>
      <c r="OG18" s="349">
        <v>0</v>
      </c>
      <c r="OH18" s="350">
        <v>0</v>
      </c>
      <c r="OI18" s="348">
        <v>1163062</v>
      </c>
      <c r="OJ18" s="345">
        <v>2639349</v>
      </c>
      <c r="OK18" s="346">
        <v>3802411</v>
      </c>
      <c r="OL18" s="351">
        <v>0</v>
      </c>
      <c r="OM18" s="345">
        <v>9323113</v>
      </c>
      <c r="ON18" s="345">
        <v>16503691</v>
      </c>
      <c r="OO18" s="345">
        <v>16092722</v>
      </c>
      <c r="OP18" s="345">
        <v>18393718</v>
      </c>
      <c r="OQ18" s="345">
        <v>9551200</v>
      </c>
      <c r="OR18" s="349">
        <v>69864444</v>
      </c>
      <c r="OS18" s="354">
        <v>73666855</v>
      </c>
    </row>
    <row r="19" spans="2:409" s="70" customFormat="1" ht="21" customHeight="1" x14ac:dyDescent="0.2">
      <c r="B19" s="410" t="s">
        <v>13</v>
      </c>
      <c r="C19" s="326">
        <v>193136</v>
      </c>
      <c r="D19" s="327">
        <v>324247</v>
      </c>
      <c r="E19" s="328">
        <v>517383</v>
      </c>
      <c r="F19" s="326">
        <v>0</v>
      </c>
      <c r="G19" s="366">
        <v>3687679</v>
      </c>
      <c r="H19" s="327">
        <v>5898492</v>
      </c>
      <c r="I19" s="327">
        <v>4198931</v>
      </c>
      <c r="J19" s="327">
        <v>4137407</v>
      </c>
      <c r="K19" s="327">
        <v>4938297</v>
      </c>
      <c r="L19" s="331">
        <v>22860806</v>
      </c>
      <c r="M19" s="330">
        <v>23378189</v>
      </c>
      <c r="N19" s="326">
        <v>13456</v>
      </c>
      <c r="O19" s="327">
        <v>72946</v>
      </c>
      <c r="P19" s="328">
        <v>86402</v>
      </c>
      <c r="Q19" s="326">
        <v>0</v>
      </c>
      <c r="R19" s="327">
        <v>1288236</v>
      </c>
      <c r="S19" s="327">
        <v>2068922</v>
      </c>
      <c r="T19" s="327">
        <v>1545172</v>
      </c>
      <c r="U19" s="327">
        <v>1274628</v>
      </c>
      <c r="V19" s="327">
        <v>2970342</v>
      </c>
      <c r="W19" s="328">
        <v>9147300</v>
      </c>
      <c r="X19" s="330">
        <v>9233702</v>
      </c>
      <c r="Y19" s="326">
        <v>0</v>
      </c>
      <c r="Z19" s="327">
        <v>0</v>
      </c>
      <c r="AA19" s="328">
        <v>0</v>
      </c>
      <c r="AB19" s="326">
        <v>0</v>
      </c>
      <c r="AC19" s="327">
        <v>427590</v>
      </c>
      <c r="AD19" s="327">
        <v>615273</v>
      </c>
      <c r="AE19" s="327">
        <v>912195</v>
      </c>
      <c r="AF19" s="327">
        <v>777607</v>
      </c>
      <c r="AG19" s="327">
        <v>1867971</v>
      </c>
      <c r="AH19" s="328">
        <v>4600636</v>
      </c>
      <c r="AI19" s="330">
        <v>4600636</v>
      </c>
      <c r="AJ19" s="326">
        <v>0</v>
      </c>
      <c r="AK19" s="327">
        <v>0</v>
      </c>
      <c r="AL19" s="328">
        <v>0</v>
      </c>
      <c r="AM19" s="326">
        <v>0</v>
      </c>
      <c r="AN19" s="327">
        <v>0</v>
      </c>
      <c r="AO19" s="327">
        <v>0</v>
      </c>
      <c r="AP19" s="327">
        <v>48042</v>
      </c>
      <c r="AQ19" s="327">
        <v>12010</v>
      </c>
      <c r="AR19" s="327">
        <v>327544</v>
      </c>
      <c r="AS19" s="328">
        <v>387596</v>
      </c>
      <c r="AT19" s="330">
        <v>387596</v>
      </c>
      <c r="AU19" s="326">
        <v>0</v>
      </c>
      <c r="AV19" s="327">
        <v>37114</v>
      </c>
      <c r="AW19" s="328">
        <v>37114</v>
      </c>
      <c r="AX19" s="326">
        <v>0</v>
      </c>
      <c r="AY19" s="327">
        <v>529690</v>
      </c>
      <c r="AZ19" s="327">
        <v>1029373</v>
      </c>
      <c r="BA19" s="327">
        <v>283826</v>
      </c>
      <c r="BB19" s="327">
        <v>266251</v>
      </c>
      <c r="BC19" s="327">
        <v>513187</v>
      </c>
      <c r="BD19" s="328">
        <v>2622327</v>
      </c>
      <c r="BE19" s="330">
        <v>2659441</v>
      </c>
      <c r="BF19" s="326">
        <v>5184</v>
      </c>
      <c r="BG19" s="327">
        <v>0</v>
      </c>
      <c r="BH19" s="331">
        <v>5184</v>
      </c>
      <c r="BI19" s="332">
        <v>0</v>
      </c>
      <c r="BJ19" s="327">
        <v>81892</v>
      </c>
      <c r="BK19" s="327">
        <v>40140</v>
      </c>
      <c r="BL19" s="327">
        <v>36925</v>
      </c>
      <c r="BM19" s="327">
        <v>0</v>
      </c>
      <c r="BN19" s="327">
        <v>0</v>
      </c>
      <c r="BO19" s="328">
        <v>158957</v>
      </c>
      <c r="BP19" s="330">
        <v>164141</v>
      </c>
      <c r="BQ19" s="326">
        <v>8272</v>
      </c>
      <c r="BR19" s="327">
        <v>35832</v>
      </c>
      <c r="BS19" s="328">
        <v>44104</v>
      </c>
      <c r="BT19" s="326">
        <v>0</v>
      </c>
      <c r="BU19" s="327">
        <v>249064</v>
      </c>
      <c r="BV19" s="327">
        <v>384136</v>
      </c>
      <c r="BW19" s="327">
        <v>264184</v>
      </c>
      <c r="BX19" s="327">
        <v>218760</v>
      </c>
      <c r="BY19" s="327">
        <v>261640</v>
      </c>
      <c r="BZ19" s="328">
        <v>1377784</v>
      </c>
      <c r="CA19" s="330">
        <v>1421888</v>
      </c>
      <c r="CB19" s="326">
        <v>0</v>
      </c>
      <c r="CC19" s="327">
        <v>40857</v>
      </c>
      <c r="CD19" s="328">
        <v>40857</v>
      </c>
      <c r="CE19" s="326">
        <v>0</v>
      </c>
      <c r="CF19" s="327">
        <v>1148569</v>
      </c>
      <c r="CG19" s="327">
        <v>932517</v>
      </c>
      <c r="CH19" s="327">
        <v>295039</v>
      </c>
      <c r="CI19" s="327">
        <v>963945</v>
      </c>
      <c r="CJ19" s="327">
        <v>188445</v>
      </c>
      <c r="CK19" s="328">
        <v>3528515</v>
      </c>
      <c r="CL19" s="330">
        <v>3569372</v>
      </c>
      <c r="CM19" s="326">
        <v>0</v>
      </c>
      <c r="CN19" s="327">
        <v>0</v>
      </c>
      <c r="CO19" s="328">
        <v>0</v>
      </c>
      <c r="CP19" s="332">
        <v>0</v>
      </c>
      <c r="CQ19" s="327">
        <v>1023559</v>
      </c>
      <c r="CR19" s="327">
        <v>861589</v>
      </c>
      <c r="CS19" s="327">
        <v>231166</v>
      </c>
      <c r="CT19" s="327">
        <v>848836</v>
      </c>
      <c r="CU19" s="327">
        <v>163657</v>
      </c>
      <c r="CV19" s="328">
        <v>3128807</v>
      </c>
      <c r="CW19" s="330">
        <v>3128807</v>
      </c>
      <c r="CX19" s="326">
        <v>0</v>
      </c>
      <c r="CY19" s="327">
        <v>40857</v>
      </c>
      <c r="CZ19" s="328">
        <v>40857</v>
      </c>
      <c r="DA19" s="326">
        <v>0</v>
      </c>
      <c r="DB19" s="327">
        <v>125010</v>
      </c>
      <c r="DC19" s="327">
        <v>70928</v>
      </c>
      <c r="DD19" s="327">
        <v>63873</v>
      </c>
      <c r="DE19" s="327">
        <v>115109</v>
      </c>
      <c r="DF19" s="327">
        <v>24788</v>
      </c>
      <c r="DG19" s="328">
        <v>399708</v>
      </c>
      <c r="DH19" s="330">
        <v>440565</v>
      </c>
      <c r="DI19" s="326">
        <v>0</v>
      </c>
      <c r="DJ19" s="327">
        <v>0</v>
      </c>
      <c r="DK19" s="331">
        <v>0</v>
      </c>
      <c r="DL19" s="332">
        <v>0</v>
      </c>
      <c r="DM19" s="327">
        <v>118881</v>
      </c>
      <c r="DN19" s="327">
        <v>319415</v>
      </c>
      <c r="DO19" s="327">
        <v>116099</v>
      </c>
      <c r="DP19" s="327">
        <v>92257</v>
      </c>
      <c r="DQ19" s="327">
        <v>21404</v>
      </c>
      <c r="DR19" s="328">
        <v>668056</v>
      </c>
      <c r="DS19" s="330">
        <v>668056</v>
      </c>
      <c r="DT19" s="326">
        <v>0</v>
      </c>
      <c r="DU19" s="327">
        <v>0</v>
      </c>
      <c r="DV19" s="328">
        <v>0</v>
      </c>
      <c r="DW19" s="326">
        <v>0</v>
      </c>
      <c r="DX19" s="327">
        <v>118881</v>
      </c>
      <c r="DY19" s="327">
        <v>319415</v>
      </c>
      <c r="DZ19" s="327">
        <v>116099</v>
      </c>
      <c r="EA19" s="327">
        <v>37096</v>
      </c>
      <c r="EB19" s="327">
        <v>21404</v>
      </c>
      <c r="EC19" s="328">
        <v>612895</v>
      </c>
      <c r="ED19" s="330">
        <v>612895</v>
      </c>
      <c r="EE19" s="326">
        <v>0</v>
      </c>
      <c r="EF19" s="331">
        <v>0</v>
      </c>
      <c r="EG19" s="328">
        <v>0</v>
      </c>
      <c r="EH19" s="326">
        <v>0</v>
      </c>
      <c r="EI19" s="327">
        <v>0</v>
      </c>
      <c r="EJ19" s="327">
        <v>0</v>
      </c>
      <c r="EK19" s="327">
        <v>0</v>
      </c>
      <c r="EL19" s="327">
        <v>55161</v>
      </c>
      <c r="EM19" s="327">
        <v>0</v>
      </c>
      <c r="EN19" s="331">
        <v>55161</v>
      </c>
      <c r="EO19" s="330">
        <v>55161</v>
      </c>
      <c r="EP19" s="326">
        <v>0</v>
      </c>
      <c r="EQ19" s="327">
        <v>0</v>
      </c>
      <c r="ER19" s="331">
        <v>0</v>
      </c>
      <c r="ES19" s="332">
        <v>0</v>
      </c>
      <c r="ET19" s="327">
        <v>0</v>
      </c>
      <c r="EU19" s="327">
        <v>0</v>
      </c>
      <c r="EV19" s="327">
        <v>0</v>
      </c>
      <c r="EW19" s="327">
        <v>0</v>
      </c>
      <c r="EX19" s="327">
        <v>0</v>
      </c>
      <c r="EY19" s="328">
        <v>0</v>
      </c>
      <c r="EZ19" s="330">
        <v>0</v>
      </c>
      <c r="FA19" s="326">
        <v>0</v>
      </c>
      <c r="FB19" s="327">
        <v>0</v>
      </c>
      <c r="FC19" s="331">
        <v>0</v>
      </c>
      <c r="FD19" s="332">
        <v>0</v>
      </c>
      <c r="FE19" s="327">
        <v>0</v>
      </c>
      <c r="FF19" s="327">
        <v>0</v>
      </c>
      <c r="FG19" s="327">
        <v>0</v>
      </c>
      <c r="FH19" s="327">
        <v>0</v>
      </c>
      <c r="FI19" s="327">
        <v>0</v>
      </c>
      <c r="FJ19" s="328">
        <v>0</v>
      </c>
      <c r="FK19" s="330">
        <v>0</v>
      </c>
      <c r="FL19" s="326">
        <v>179680</v>
      </c>
      <c r="FM19" s="327">
        <v>14896</v>
      </c>
      <c r="FN19" s="328">
        <v>194576</v>
      </c>
      <c r="FO19" s="326">
        <v>0</v>
      </c>
      <c r="FP19" s="327">
        <v>158944</v>
      </c>
      <c r="FQ19" s="327">
        <v>807200</v>
      </c>
      <c r="FR19" s="327">
        <v>308016</v>
      </c>
      <c r="FS19" s="327">
        <v>208480</v>
      </c>
      <c r="FT19" s="327">
        <v>222728</v>
      </c>
      <c r="FU19" s="328">
        <v>1705368</v>
      </c>
      <c r="FV19" s="330">
        <v>1899944</v>
      </c>
      <c r="FW19" s="333">
        <v>24672</v>
      </c>
      <c r="FX19" s="327">
        <v>14896</v>
      </c>
      <c r="FY19" s="331">
        <v>39568</v>
      </c>
      <c r="FZ19" s="332">
        <v>0</v>
      </c>
      <c r="GA19" s="327">
        <v>126384</v>
      </c>
      <c r="GB19" s="327">
        <v>521896</v>
      </c>
      <c r="GC19" s="327">
        <v>204016</v>
      </c>
      <c r="GD19" s="327">
        <v>208480</v>
      </c>
      <c r="GE19" s="327">
        <v>222728</v>
      </c>
      <c r="GF19" s="328">
        <v>1283504</v>
      </c>
      <c r="GG19" s="334">
        <v>1323072</v>
      </c>
      <c r="GH19" s="333">
        <v>19008</v>
      </c>
      <c r="GI19" s="327">
        <v>0</v>
      </c>
      <c r="GJ19" s="331">
        <v>19008</v>
      </c>
      <c r="GK19" s="332">
        <v>0</v>
      </c>
      <c r="GL19" s="327">
        <v>32560</v>
      </c>
      <c r="GM19" s="327">
        <v>62104</v>
      </c>
      <c r="GN19" s="327">
        <v>0</v>
      </c>
      <c r="GO19" s="327">
        <v>0</v>
      </c>
      <c r="GP19" s="327">
        <v>0</v>
      </c>
      <c r="GQ19" s="328">
        <v>94664</v>
      </c>
      <c r="GR19" s="330">
        <v>113672</v>
      </c>
      <c r="GS19" s="326">
        <v>136000</v>
      </c>
      <c r="GT19" s="327">
        <v>0</v>
      </c>
      <c r="GU19" s="328">
        <v>136000</v>
      </c>
      <c r="GV19" s="326">
        <v>0</v>
      </c>
      <c r="GW19" s="327">
        <v>0</v>
      </c>
      <c r="GX19" s="327">
        <v>223200</v>
      </c>
      <c r="GY19" s="327">
        <v>104000</v>
      </c>
      <c r="GZ19" s="327">
        <v>0</v>
      </c>
      <c r="HA19" s="327">
        <v>0</v>
      </c>
      <c r="HB19" s="331">
        <v>327200</v>
      </c>
      <c r="HC19" s="330">
        <v>463200</v>
      </c>
      <c r="HD19" s="326">
        <v>0</v>
      </c>
      <c r="HE19" s="327">
        <v>195548</v>
      </c>
      <c r="HF19" s="331">
        <v>195548</v>
      </c>
      <c r="HG19" s="332">
        <v>0</v>
      </c>
      <c r="HH19" s="327">
        <v>973049</v>
      </c>
      <c r="HI19" s="327">
        <v>1770438</v>
      </c>
      <c r="HJ19" s="327">
        <v>1934605</v>
      </c>
      <c r="HK19" s="327">
        <v>1598097</v>
      </c>
      <c r="HL19" s="327">
        <v>1535378</v>
      </c>
      <c r="HM19" s="328">
        <v>7811567</v>
      </c>
      <c r="HN19" s="329">
        <v>8007115</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511444</v>
      </c>
      <c r="IE19" s="339">
        <v>1492060</v>
      </c>
      <c r="IF19" s="337">
        <v>1079243</v>
      </c>
      <c r="IG19" s="336">
        <v>690352</v>
      </c>
      <c r="IH19" s="337">
        <v>521868</v>
      </c>
      <c r="II19" s="340">
        <v>4294967</v>
      </c>
      <c r="IJ19" s="341">
        <v>4294967</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511444</v>
      </c>
      <c r="JL19" s="345">
        <v>1021024</v>
      </c>
      <c r="JM19" s="345">
        <v>237636</v>
      </c>
      <c r="JN19" s="345">
        <v>37277</v>
      </c>
      <c r="JO19" s="345">
        <v>0</v>
      </c>
      <c r="JP19" s="349">
        <v>1807381</v>
      </c>
      <c r="JQ19" s="347">
        <v>1807381</v>
      </c>
      <c r="JR19" s="348">
        <v>0</v>
      </c>
      <c r="JS19" s="345">
        <v>0</v>
      </c>
      <c r="JT19" s="346">
        <v>0</v>
      </c>
      <c r="JU19" s="351">
        <v>0</v>
      </c>
      <c r="JV19" s="345">
        <v>0</v>
      </c>
      <c r="JW19" s="345">
        <v>46732</v>
      </c>
      <c r="JX19" s="345">
        <v>96912</v>
      </c>
      <c r="JY19" s="345">
        <v>0</v>
      </c>
      <c r="JZ19" s="345">
        <v>218707</v>
      </c>
      <c r="KA19" s="349">
        <v>362351</v>
      </c>
      <c r="KB19" s="347">
        <v>362351</v>
      </c>
      <c r="KC19" s="352">
        <v>0</v>
      </c>
      <c r="KD19" s="353">
        <v>0</v>
      </c>
      <c r="KE19" s="349">
        <v>0</v>
      </c>
      <c r="KF19" s="351">
        <v>0</v>
      </c>
      <c r="KG19" s="345">
        <v>0</v>
      </c>
      <c r="KH19" s="345">
        <v>187155</v>
      </c>
      <c r="KI19" s="345">
        <v>0</v>
      </c>
      <c r="KJ19" s="345">
        <v>156011</v>
      </c>
      <c r="KK19" s="345">
        <v>303161</v>
      </c>
      <c r="KL19" s="349">
        <v>646327</v>
      </c>
      <c r="KM19" s="354">
        <v>646327</v>
      </c>
      <c r="KN19" s="342">
        <v>0</v>
      </c>
      <c r="KO19" s="343">
        <v>0</v>
      </c>
      <c r="KP19" s="344">
        <v>0</v>
      </c>
      <c r="KQ19" s="404">
        <v>0</v>
      </c>
      <c r="KR19" s="345">
        <v>0</v>
      </c>
      <c r="KS19" s="345">
        <v>237149</v>
      </c>
      <c r="KT19" s="345">
        <v>744695</v>
      </c>
      <c r="KU19" s="345">
        <v>497064</v>
      </c>
      <c r="KV19" s="345">
        <v>0</v>
      </c>
      <c r="KW19" s="349">
        <v>1478908</v>
      </c>
      <c r="KX19" s="347">
        <v>1478908</v>
      </c>
      <c r="KY19" s="348">
        <v>0</v>
      </c>
      <c r="KZ19" s="345">
        <v>0</v>
      </c>
      <c r="LA19" s="349">
        <v>0</v>
      </c>
      <c r="LB19" s="404">
        <v>0</v>
      </c>
      <c r="LC19" s="345">
        <v>0</v>
      </c>
      <c r="LD19" s="345">
        <v>0</v>
      </c>
      <c r="LE19" s="345">
        <v>0</v>
      </c>
      <c r="LF19" s="345">
        <v>0</v>
      </c>
      <c r="LG19" s="345">
        <v>0</v>
      </c>
      <c r="LH19" s="349">
        <v>0</v>
      </c>
      <c r="LI19" s="350">
        <v>0</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308771</v>
      </c>
      <c r="MK19" s="345">
        <v>420528</v>
      </c>
      <c r="ML19" s="345">
        <v>2119433</v>
      </c>
      <c r="MM19" s="345">
        <v>3942982</v>
      </c>
      <c r="MN19" s="345">
        <v>1624764</v>
      </c>
      <c r="MO19" s="349">
        <v>8416478</v>
      </c>
      <c r="MP19" s="354">
        <v>8416478</v>
      </c>
      <c r="MQ19" s="348">
        <v>0</v>
      </c>
      <c r="MR19" s="345">
        <v>0</v>
      </c>
      <c r="MS19" s="349">
        <v>0</v>
      </c>
      <c r="MT19" s="404">
        <v>0</v>
      </c>
      <c r="MU19" s="345">
        <v>0</v>
      </c>
      <c r="MV19" s="345">
        <v>209484</v>
      </c>
      <c r="MW19" s="345">
        <v>1044994</v>
      </c>
      <c r="MX19" s="345">
        <v>2332045</v>
      </c>
      <c r="MY19" s="345">
        <v>1624764</v>
      </c>
      <c r="MZ19" s="349">
        <v>5211287</v>
      </c>
      <c r="NA19" s="354">
        <v>5211287</v>
      </c>
      <c r="NB19" s="348">
        <v>0</v>
      </c>
      <c r="NC19" s="345">
        <v>0</v>
      </c>
      <c r="ND19" s="349">
        <v>0</v>
      </c>
      <c r="NE19" s="404">
        <v>0</v>
      </c>
      <c r="NF19" s="345">
        <v>308771</v>
      </c>
      <c r="NG19" s="345">
        <v>211044</v>
      </c>
      <c r="NH19" s="345">
        <v>1074439</v>
      </c>
      <c r="NI19" s="345">
        <v>1610937</v>
      </c>
      <c r="NJ19" s="345">
        <v>0</v>
      </c>
      <c r="NK19" s="349">
        <v>3205191</v>
      </c>
      <c r="NL19" s="347">
        <v>3205191</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193136</v>
      </c>
      <c r="OJ19" s="345">
        <v>324247</v>
      </c>
      <c r="OK19" s="346">
        <v>517383</v>
      </c>
      <c r="OL19" s="351">
        <v>0</v>
      </c>
      <c r="OM19" s="345">
        <v>4507894</v>
      </c>
      <c r="ON19" s="345">
        <v>7811080</v>
      </c>
      <c r="OO19" s="345">
        <v>7397607</v>
      </c>
      <c r="OP19" s="345">
        <v>8770741</v>
      </c>
      <c r="OQ19" s="345">
        <v>7084929</v>
      </c>
      <c r="OR19" s="349">
        <v>35572251</v>
      </c>
      <c r="OS19" s="354">
        <v>36089634</v>
      </c>
    </row>
    <row r="20" spans="2:409" s="70" customFormat="1" ht="21" customHeight="1" x14ac:dyDescent="0.2">
      <c r="B20" s="410" t="s">
        <v>15</v>
      </c>
      <c r="C20" s="326">
        <v>74160</v>
      </c>
      <c r="D20" s="327">
        <v>454840</v>
      </c>
      <c r="E20" s="328">
        <v>529000</v>
      </c>
      <c r="F20" s="329">
        <v>0</v>
      </c>
      <c r="G20" s="327">
        <v>2377603</v>
      </c>
      <c r="H20" s="327">
        <v>1873633</v>
      </c>
      <c r="I20" s="327">
        <v>2087688</v>
      </c>
      <c r="J20" s="327">
        <v>1777912</v>
      </c>
      <c r="K20" s="327">
        <v>352387</v>
      </c>
      <c r="L20" s="329">
        <v>8469223</v>
      </c>
      <c r="M20" s="330">
        <v>8998223</v>
      </c>
      <c r="N20" s="326">
        <v>0</v>
      </c>
      <c r="O20" s="327">
        <v>25460</v>
      </c>
      <c r="P20" s="328">
        <v>25460</v>
      </c>
      <c r="Q20" s="326">
        <v>0</v>
      </c>
      <c r="R20" s="327">
        <v>553824</v>
      </c>
      <c r="S20" s="327">
        <v>627295</v>
      </c>
      <c r="T20" s="327">
        <v>666657</v>
      </c>
      <c r="U20" s="327">
        <v>1330660</v>
      </c>
      <c r="V20" s="327">
        <v>172694</v>
      </c>
      <c r="W20" s="328">
        <v>3351130</v>
      </c>
      <c r="X20" s="330">
        <v>3376590</v>
      </c>
      <c r="Y20" s="326">
        <v>0</v>
      </c>
      <c r="Z20" s="327">
        <v>0</v>
      </c>
      <c r="AA20" s="328">
        <v>0</v>
      </c>
      <c r="AB20" s="326">
        <v>0</v>
      </c>
      <c r="AC20" s="327">
        <v>197934</v>
      </c>
      <c r="AD20" s="327">
        <v>349701</v>
      </c>
      <c r="AE20" s="327">
        <v>367638</v>
      </c>
      <c r="AF20" s="327">
        <v>901602</v>
      </c>
      <c r="AG20" s="327">
        <v>162798</v>
      </c>
      <c r="AH20" s="328">
        <v>1979673</v>
      </c>
      <c r="AI20" s="330">
        <v>1979673</v>
      </c>
      <c r="AJ20" s="326">
        <v>0</v>
      </c>
      <c r="AK20" s="327">
        <v>0</v>
      </c>
      <c r="AL20" s="328">
        <v>0</v>
      </c>
      <c r="AM20" s="326">
        <v>0</v>
      </c>
      <c r="AN20" s="327">
        <v>0</v>
      </c>
      <c r="AO20" s="327">
        <v>0</v>
      </c>
      <c r="AP20" s="327">
        <v>48042</v>
      </c>
      <c r="AQ20" s="327">
        <v>204180</v>
      </c>
      <c r="AR20" s="327">
        <v>0</v>
      </c>
      <c r="AS20" s="328">
        <v>252222</v>
      </c>
      <c r="AT20" s="330">
        <v>252222</v>
      </c>
      <c r="AU20" s="326">
        <v>0</v>
      </c>
      <c r="AV20" s="327">
        <v>14516</v>
      </c>
      <c r="AW20" s="328">
        <v>14516</v>
      </c>
      <c r="AX20" s="326">
        <v>0</v>
      </c>
      <c r="AY20" s="327">
        <v>111752</v>
      </c>
      <c r="AZ20" s="327">
        <v>188126</v>
      </c>
      <c r="BA20" s="327">
        <v>126313</v>
      </c>
      <c r="BB20" s="327">
        <v>159326</v>
      </c>
      <c r="BC20" s="327">
        <v>0</v>
      </c>
      <c r="BD20" s="328">
        <v>585517</v>
      </c>
      <c r="BE20" s="330">
        <v>600033</v>
      </c>
      <c r="BF20" s="326">
        <v>0</v>
      </c>
      <c r="BG20" s="327">
        <v>0</v>
      </c>
      <c r="BH20" s="331">
        <v>0</v>
      </c>
      <c r="BI20" s="332">
        <v>0</v>
      </c>
      <c r="BJ20" s="327">
        <v>83586</v>
      </c>
      <c r="BK20" s="327">
        <v>32132</v>
      </c>
      <c r="BL20" s="327">
        <v>0</v>
      </c>
      <c r="BM20" s="327">
        <v>0</v>
      </c>
      <c r="BN20" s="327">
        <v>0</v>
      </c>
      <c r="BO20" s="328">
        <v>115718</v>
      </c>
      <c r="BP20" s="330">
        <v>115718</v>
      </c>
      <c r="BQ20" s="326">
        <v>0</v>
      </c>
      <c r="BR20" s="327">
        <v>10944</v>
      </c>
      <c r="BS20" s="328">
        <v>10944</v>
      </c>
      <c r="BT20" s="326">
        <v>0</v>
      </c>
      <c r="BU20" s="327">
        <v>160552</v>
      </c>
      <c r="BV20" s="327">
        <v>57336</v>
      </c>
      <c r="BW20" s="327">
        <v>124664</v>
      </c>
      <c r="BX20" s="327">
        <v>65552</v>
      </c>
      <c r="BY20" s="327">
        <v>9896</v>
      </c>
      <c r="BZ20" s="328">
        <v>418000</v>
      </c>
      <c r="CA20" s="330">
        <v>428944</v>
      </c>
      <c r="CB20" s="326">
        <v>0</v>
      </c>
      <c r="CC20" s="327">
        <v>0</v>
      </c>
      <c r="CD20" s="328">
        <v>0</v>
      </c>
      <c r="CE20" s="326">
        <v>0</v>
      </c>
      <c r="CF20" s="327">
        <v>263517</v>
      </c>
      <c r="CG20" s="327">
        <v>432181</v>
      </c>
      <c r="CH20" s="327">
        <v>546457</v>
      </c>
      <c r="CI20" s="327">
        <v>142926</v>
      </c>
      <c r="CJ20" s="327">
        <v>0</v>
      </c>
      <c r="CK20" s="328">
        <v>1385081</v>
      </c>
      <c r="CL20" s="330">
        <v>1385081</v>
      </c>
      <c r="CM20" s="326">
        <v>0</v>
      </c>
      <c r="CN20" s="327">
        <v>0</v>
      </c>
      <c r="CO20" s="328">
        <v>0</v>
      </c>
      <c r="CP20" s="332">
        <v>0</v>
      </c>
      <c r="CQ20" s="327">
        <v>206193</v>
      </c>
      <c r="CR20" s="327">
        <v>392109</v>
      </c>
      <c r="CS20" s="327">
        <v>70744</v>
      </c>
      <c r="CT20" s="327">
        <v>89260</v>
      </c>
      <c r="CU20" s="327">
        <v>0</v>
      </c>
      <c r="CV20" s="328">
        <v>758306</v>
      </c>
      <c r="CW20" s="330">
        <v>758306</v>
      </c>
      <c r="CX20" s="326">
        <v>0</v>
      </c>
      <c r="CY20" s="327">
        <v>0</v>
      </c>
      <c r="CZ20" s="328">
        <v>0</v>
      </c>
      <c r="DA20" s="326">
        <v>0</v>
      </c>
      <c r="DB20" s="327">
        <v>57324</v>
      </c>
      <c r="DC20" s="327">
        <v>40072</v>
      </c>
      <c r="DD20" s="327">
        <v>475713</v>
      </c>
      <c r="DE20" s="327">
        <v>53666</v>
      </c>
      <c r="DF20" s="327">
        <v>0</v>
      </c>
      <c r="DG20" s="328">
        <v>626775</v>
      </c>
      <c r="DH20" s="330">
        <v>626775</v>
      </c>
      <c r="DI20" s="326">
        <v>0</v>
      </c>
      <c r="DJ20" s="327">
        <v>0</v>
      </c>
      <c r="DK20" s="331">
        <v>0</v>
      </c>
      <c r="DL20" s="332">
        <v>0</v>
      </c>
      <c r="DM20" s="327">
        <v>73476</v>
      </c>
      <c r="DN20" s="327">
        <v>450504</v>
      </c>
      <c r="DO20" s="327">
        <v>40763</v>
      </c>
      <c r="DP20" s="327">
        <v>0</v>
      </c>
      <c r="DQ20" s="327">
        <v>122341</v>
      </c>
      <c r="DR20" s="328">
        <v>687084</v>
      </c>
      <c r="DS20" s="330">
        <v>687084</v>
      </c>
      <c r="DT20" s="326">
        <v>0</v>
      </c>
      <c r="DU20" s="327">
        <v>0</v>
      </c>
      <c r="DV20" s="328">
        <v>0</v>
      </c>
      <c r="DW20" s="326">
        <v>0</v>
      </c>
      <c r="DX20" s="327">
        <v>73476</v>
      </c>
      <c r="DY20" s="327">
        <v>450504</v>
      </c>
      <c r="DZ20" s="327">
        <v>40763</v>
      </c>
      <c r="EA20" s="327">
        <v>0</v>
      </c>
      <c r="EB20" s="327">
        <v>122341</v>
      </c>
      <c r="EC20" s="328">
        <v>687084</v>
      </c>
      <c r="ED20" s="330">
        <v>687084</v>
      </c>
      <c r="EE20" s="326">
        <v>0</v>
      </c>
      <c r="EF20" s="331">
        <v>0</v>
      </c>
      <c r="EG20" s="328">
        <v>0</v>
      </c>
      <c r="EH20" s="326">
        <v>0</v>
      </c>
      <c r="EI20" s="327">
        <v>0</v>
      </c>
      <c r="EJ20" s="327">
        <v>0</v>
      </c>
      <c r="EK20" s="327">
        <v>0</v>
      </c>
      <c r="EL20" s="327">
        <v>0</v>
      </c>
      <c r="EM20" s="327">
        <v>0</v>
      </c>
      <c r="EN20" s="331">
        <v>0</v>
      </c>
      <c r="EO20" s="330">
        <v>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332">
        <v>0</v>
      </c>
      <c r="FE20" s="327">
        <v>0</v>
      </c>
      <c r="FF20" s="327">
        <v>0</v>
      </c>
      <c r="FG20" s="327">
        <v>0</v>
      </c>
      <c r="FH20" s="327">
        <v>0</v>
      </c>
      <c r="FI20" s="327">
        <v>0</v>
      </c>
      <c r="FJ20" s="328">
        <v>0</v>
      </c>
      <c r="FK20" s="330">
        <v>0</v>
      </c>
      <c r="FL20" s="326">
        <v>8560</v>
      </c>
      <c r="FM20" s="327">
        <v>40936</v>
      </c>
      <c r="FN20" s="328">
        <v>49496</v>
      </c>
      <c r="FO20" s="326">
        <v>0</v>
      </c>
      <c r="FP20" s="327">
        <v>51600</v>
      </c>
      <c r="FQ20" s="327">
        <v>174288</v>
      </c>
      <c r="FR20" s="327">
        <v>220192</v>
      </c>
      <c r="FS20" s="327">
        <v>82000</v>
      </c>
      <c r="FT20" s="327">
        <v>57352</v>
      </c>
      <c r="FU20" s="328">
        <v>585432</v>
      </c>
      <c r="FV20" s="330">
        <v>634928</v>
      </c>
      <c r="FW20" s="333">
        <v>8560</v>
      </c>
      <c r="FX20" s="327">
        <v>40936</v>
      </c>
      <c r="FY20" s="331">
        <v>49496</v>
      </c>
      <c r="FZ20" s="332">
        <v>0</v>
      </c>
      <c r="GA20" s="327">
        <v>51600</v>
      </c>
      <c r="GB20" s="327">
        <v>174288</v>
      </c>
      <c r="GC20" s="327">
        <v>220192</v>
      </c>
      <c r="GD20" s="327">
        <v>82000</v>
      </c>
      <c r="GE20" s="327">
        <v>57352</v>
      </c>
      <c r="GF20" s="328">
        <v>585432</v>
      </c>
      <c r="GG20" s="334">
        <v>634928</v>
      </c>
      <c r="GH20" s="333">
        <v>0</v>
      </c>
      <c r="GI20" s="327">
        <v>0</v>
      </c>
      <c r="GJ20" s="331">
        <v>0</v>
      </c>
      <c r="GK20" s="332">
        <v>0</v>
      </c>
      <c r="GL20" s="327">
        <v>0</v>
      </c>
      <c r="GM20" s="327">
        <v>0</v>
      </c>
      <c r="GN20" s="327">
        <v>0</v>
      </c>
      <c r="GO20" s="327">
        <v>0</v>
      </c>
      <c r="GP20" s="327">
        <v>0</v>
      </c>
      <c r="GQ20" s="328">
        <v>0</v>
      </c>
      <c r="GR20" s="330">
        <v>0</v>
      </c>
      <c r="GS20" s="326">
        <v>0</v>
      </c>
      <c r="GT20" s="327">
        <v>0</v>
      </c>
      <c r="GU20" s="328">
        <v>0</v>
      </c>
      <c r="GV20" s="326">
        <v>0</v>
      </c>
      <c r="GW20" s="327">
        <v>0</v>
      </c>
      <c r="GX20" s="327">
        <v>0</v>
      </c>
      <c r="GY20" s="327">
        <v>0</v>
      </c>
      <c r="GZ20" s="327">
        <v>0</v>
      </c>
      <c r="HA20" s="327">
        <v>0</v>
      </c>
      <c r="HB20" s="331">
        <v>0</v>
      </c>
      <c r="HC20" s="330">
        <v>0</v>
      </c>
      <c r="HD20" s="326">
        <v>65600</v>
      </c>
      <c r="HE20" s="327">
        <v>388444</v>
      </c>
      <c r="HF20" s="331">
        <v>454044</v>
      </c>
      <c r="HG20" s="332">
        <v>0</v>
      </c>
      <c r="HH20" s="327">
        <v>1435186</v>
      </c>
      <c r="HI20" s="327">
        <v>189365</v>
      </c>
      <c r="HJ20" s="327">
        <v>613619</v>
      </c>
      <c r="HK20" s="327">
        <v>222326</v>
      </c>
      <c r="HL20" s="327">
        <v>0</v>
      </c>
      <c r="HM20" s="328">
        <v>2460496</v>
      </c>
      <c r="HN20" s="329">
        <v>2914540</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1226595</v>
      </c>
      <c r="IE20" s="357">
        <v>1128083</v>
      </c>
      <c r="IF20" s="358">
        <v>1101420</v>
      </c>
      <c r="IG20" s="356">
        <v>608821</v>
      </c>
      <c r="IH20" s="358">
        <v>285073</v>
      </c>
      <c r="II20" s="359">
        <v>4349992</v>
      </c>
      <c r="IJ20" s="358">
        <v>4349992</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505762</v>
      </c>
      <c r="JL20" s="345">
        <v>460910</v>
      </c>
      <c r="JM20" s="345">
        <v>71774</v>
      </c>
      <c r="JN20" s="345">
        <v>264735</v>
      </c>
      <c r="JO20" s="345">
        <v>0</v>
      </c>
      <c r="JP20" s="349">
        <v>1303181</v>
      </c>
      <c r="JQ20" s="347">
        <v>1303181</v>
      </c>
      <c r="JR20" s="348">
        <v>0</v>
      </c>
      <c r="JS20" s="345">
        <v>0</v>
      </c>
      <c r="JT20" s="346">
        <v>0</v>
      </c>
      <c r="JU20" s="351">
        <v>0</v>
      </c>
      <c r="JV20" s="345">
        <v>0</v>
      </c>
      <c r="JW20" s="345">
        <v>0</v>
      </c>
      <c r="JX20" s="345">
        <v>0</v>
      </c>
      <c r="JY20" s="345">
        <v>56088</v>
      </c>
      <c r="JZ20" s="345">
        <v>0</v>
      </c>
      <c r="KA20" s="349">
        <v>56088</v>
      </c>
      <c r="KB20" s="347">
        <v>56088</v>
      </c>
      <c r="KC20" s="352">
        <v>0</v>
      </c>
      <c r="KD20" s="353">
        <v>0</v>
      </c>
      <c r="KE20" s="349">
        <v>0</v>
      </c>
      <c r="KF20" s="351">
        <v>0</v>
      </c>
      <c r="KG20" s="345">
        <v>0</v>
      </c>
      <c r="KH20" s="345">
        <v>161937</v>
      </c>
      <c r="KI20" s="345">
        <v>0</v>
      </c>
      <c r="KJ20" s="345">
        <v>0</v>
      </c>
      <c r="KK20" s="345">
        <v>285073</v>
      </c>
      <c r="KL20" s="349">
        <v>447010</v>
      </c>
      <c r="KM20" s="354">
        <v>447010</v>
      </c>
      <c r="KN20" s="342">
        <v>0</v>
      </c>
      <c r="KO20" s="343">
        <v>0</v>
      </c>
      <c r="KP20" s="344">
        <v>0</v>
      </c>
      <c r="KQ20" s="404">
        <v>0</v>
      </c>
      <c r="KR20" s="345">
        <v>720833</v>
      </c>
      <c r="KS20" s="345">
        <v>505236</v>
      </c>
      <c r="KT20" s="345">
        <v>517200</v>
      </c>
      <c r="KU20" s="345">
        <v>0</v>
      </c>
      <c r="KV20" s="345">
        <v>0</v>
      </c>
      <c r="KW20" s="349">
        <v>1743269</v>
      </c>
      <c r="KX20" s="347">
        <v>1743269</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0</v>
      </c>
      <c r="LR20" s="345">
        <v>0</v>
      </c>
      <c r="LS20" s="349">
        <v>0</v>
      </c>
      <c r="LT20" s="347">
        <v>0</v>
      </c>
      <c r="LU20" s="348">
        <v>0</v>
      </c>
      <c r="LV20" s="345">
        <v>0</v>
      </c>
      <c r="LW20" s="349">
        <v>0</v>
      </c>
      <c r="LX20" s="404">
        <v>0</v>
      </c>
      <c r="LY20" s="345">
        <v>0</v>
      </c>
      <c r="LZ20" s="345">
        <v>0</v>
      </c>
      <c r="MA20" s="345">
        <v>512446</v>
      </c>
      <c r="MB20" s="345">
        <v>287998</v>
      </c>
      <c r="MC20" s="345">
        <v>0</v>
      </c>
      <c r="MD20" s="349">
        <v>800444</v>
      </c>
      <c r="ME20" s="350">
        <v>800444</v>
      </c>
      <c r="MF20" s="348">
        <v>0</v>
      </c>
      <c r="MG20" s="345">
        <v>0</v>
      </c>
      <c r="MH20" s="349">
        <v>0</v>
      </c>
      <c r="MI20" s="404">
        <v>0</v>
      </c>
      <c r="MJ20" s="345">
        <v>0</v>
      </c>
      <c r="MK20" s="345">
        <v>581174</v>
      </c>
      <c r="ML20" s="345">
        <v>1094268</v>
      </c>
      <c r="MM20" s="345">
        <v>3753074</v>
      </c>
      <c r="MN20" s="345">
        <v>1129016</v>
      </c>
      <c r="MO20" s="349">
        <v>6557532</v>
      </c>
      <c r="MP20" s="354">
        <v>6557532</v>
      </c>
      <c r="MQ20" s="348">
        <v>0</v>
      </c>
      <c r="MR20" s="345">
        <v>0</v>
      </c>
      <c r="MS20" s="349">
        <v>0</v>
      </c>
      <c r="MT20" s="404">
        <v>0</v>
      </c>
      <c r="MU20" s="345">
        <v>0</v>
      </c>
      <c r="MV20" s="345">
        <v>0</v>
      </c>
      <c r="MW20" s="345">
        <v>541240</v>
      </c>
      <c r="MX20" s="345">
        <v>2882810</v>
      </c>
      <c r="MY20" s="345">
        <v>578779</v>
      </c>
      <c r="MZ20" s="349">
        <v>4002829</v>
      </c>
      <c r="NA20" s="354">
        <v>4002829</v>
      </c>
      <c r="NB20" s="348">
        <v>0</v>
      </c>
      <c r="NC20" s="345">
        <v>0</v>
      </c>
      <c r="ND20" s="349">
        <v>0</v>
      </c>
      <c r="NE20" s="404">
        <v>0</v>
      </c>
      <c r="NF20" s="345">
        <v>0</v>
      </c>
      <c r="NG20" s="345">
        <v>581174</v>
      </c>
      <c r="NH20" s="345">
        <v>553028</v>
      </c>
      <c r="NI20" s="345">
        <v>870264</v>
      </c>
      <c r="NJ20" s="345">
        <v>550237</v>
      </c>
      <c r="NK20" s="349">
        <v>2554703</v>
      </c>
      <c r="NL20" s="347">
        <v>2554703</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74160</v>
      </c>
      <c r="OJ20" s="345">
        <v>454840</v>
      </c>
      <c r="OK20" s="346">
        <v>529000</v>
      </c>
      <c r="OL20" s="351">
        <v>0</v>
      </c>
      <c r="OM20" s="345">
        <v>3604198</v>
      </c>
      <c r="ON20" s="345">
        <v>3582890</v>
      </c>
      <c r="OO20" s="345">
        <v>4283376</v>
      </c>
      <c r="OP20" s="345">
        <v>6139807</v>
      </c>
      <c r="OQ20" s="345">
        <v>1766476</v>
      </c>
      <c r="OR20" s="349">
        <v>19376747</v>
      </c>
      <c r="OS20" s="354">
        <v>19905747</v>
      </c>
    </row>
    <row r="21" spans="2:409" s="70" customFormat="1" ht="21" customHeight="1" x14ac:dyDescent="0.2">
      <c r="B21" s="410" t="s">
        <v>16</v>
      </c>
      <c r="C21" s="326">
        <v>296894</v>
      </c>
      <c r="D21" s="327">
        <v>850423</v>
      </c>
      <c r="E21" s="328">
        <v>1147317</v>
      </c>
      <c r="F21" s="329">
        <v>0</v>
      </c>
      <c r="G21" s="327">
        <v>3648597</v>
      </c>
      <c r="H21" s="327">
        <v>7326485</v>
      </c>
      <c r="I21" s="327">
        <v>5024675</v>
      </c>
      <c r="J21" s="327">
        <v>4460294</v>
      </c>
      <c r="K21" s="327">
        <v>2398188</v>
      </c>
      <c r="L21" s="329">
        <v>22858239</v>
      </c>
      <c r="M21" s="330">
        <v>24005556</v>
      </c>
      <c r="N21" s="326">
        <v>151160</v>
      </c>
      <c r="O21" s="327">
        <v>186335</v>
      </c>
      <c r="P21" s="328">
        <v>337495</v>
      </c>
      <c r="Q21" s="326">
        <v>0</v>
      </c>
      <c r="R21" s="327">
        <v>1170350</v>
      </c>
      <c r="S21" s="327">
        <v>1514014</v>
      </c>
      <c r="T21" s="327">
        <v>1892335</v>
      </c>
      <c r="U21" s="327">
        <v>663764</v>
      </c>
      <c r="V21" s="327">
        <v>776437</v>
      </c>
      <c r="W21" s="328">
        <v>6016900</v>
      </c>
      <c r="X21" s="330">
        <v>6354395</v>
      </c>
      <c r="Y21" s="326">
        <v>0</v>
      </c>
      <c r="Z21" s="327">
        <v>0</v>
      </c>
      <c r="AA21" s="328">
        <v>0</v>
      </c>
      <c r="AB21" s="326">
        <v>0</v>
      </c>
      <c r="AC21" s="327">
        <v>421121</v>
      </c>
      <c r="AD21" s="327">
        <v>380387</v>
      </c>
      <c r="AE21" s="327">
        <v>1306155</v>
      </c>
      <c r="AF21" s="327">
        <v>64019</v>
      </c>
      <c r="AG21" s="327">
        <v>178054</v>
      </c>
      <c r="AH21" s="328">
        <v>2349736</v>
      </c>
      <c r="AI21" s="330">
        <v>2349736</v>
      </c>
      <c r="AJ21" s="326">
        <v>0</v>
      </c>
      <c r="AK21" s="327">
        <v>0</v>
      </c>
      <c r="AL21" s="328">
        <v>0</v>
      </c>
      <c r="AM21" s="326">
        <v>0</v>
      </c>
      <c r="AN21" s="327">
        <v>0</v>
      </c>
      <c r="AO21" s="327">
        <v>0</v>
      </c>
      <c r="AP21" s="327">
        <v>46180</v>
      </c>
      <c r="AQ21" s="327">
        <v>94188</v>
      </c>
      <c r="AR21" s="327">
        <v>59550</v>
      </c>
      <c r="AS21" s="328">
        <v>199918</v>
      </c>
      <c r="AT21" s="330">
        <v>199918</v>
      </c>
      <c r="AU21" s="326">
        <v>112086</v>
      </c>
      <c r="AV21" s="327">
        <v>160599</v>
      </c>
      <c r="AW21" s="328">
        <v>272685</v>
      </c>
      <c r="AX21" s="326">
        <v>0</v>
      </c>
      <c r="AY21" s="327">
        <v>536474</v>
      </c>
      <c r="AZ21" s="327">
        <v>714029</v>
      </c>
      <c r="BA21" s="327">
        <v>334360</v>
      </c>
      <c r="BB21" s="327">
        <v>180341</v>
      </c>
      <c r="BC21" s="327">
        <v>392217</v>
      </c>
      <c r="BD21" s="328">
        <v>2157421</v>
      </c>
      <c r="BE21" s="330">
        <v>2430106</v>
      </c>
      <c r="BF21" s="326">
        <v>30146</v>
      </c>
      <c r="BG21" s="327">
        <v>0</v>
      </c>
      <c r="BH21" s="331">
        <v>30146</v>
      </c>
      <c r="BI21" s="332">
        <v>0</v>
      </c>
      <c r="BJ21" s="327">
        <v>55475</v>
      </c>
      <c r="BK21" s="327">
        <v>53822</v>
      </c>
      <c r="BL21" s="327">
        <v>0</v>
      </c>
      <c r="BM21" s="327">
        <v>52360</v>
      </c>
      <c r="BN21" s="327">
        <v>0</v>
      </c>
      <c r="BO21" s="328">
        <v>161657</v>
      </c>
      <c r="BP21" s="330">
        <v>191803</v>
      </c>
      <c r="BQ21" s="326">
        <v>8928</v>
      </c>
      <c r="BR21" s="327">
        <v>25736</v>
      </c>
      <c r="BS21" s="328">
        <v>34664</v>
      </c>
      <c r="BT21" s="326">
        <v>0</v>
      </c>
      <c r="BU21" s="327">
        <v>157280</v>
      </c>
      <c r="BV21" s="327">
        <v>365776</v>
      </c>
      <c r="BW21" s="327">
        <v>205640</v>
      </c>
      <c r="BX21" s="327">
        <v>272856</v>
      </c>
      <c r="BY21" s="327">
        <v>146616</v>
      </c>
      <c r="BZ21" s="328">
        <v>1148168</v>
      </c>
      <c r="CA21" s="330">
        <v>1182832</v>
      </c>
      <c r="CB21" s="326">
        <v>20279</v>
      </c>
      <c r="CC21" s="327">
        <v>461079</v>
      </c>
      <c r="CD21" s="328">
        <v>481358</v>
      </c>
      <c r="CE21" s="326">
        <v>0</v>
      </c>
      <c r="CF21" s="327">
        <v>1189409</v>
      </c>
      <c r="CG21" s="327">
        <v>2744129</v>
      </c>
      <c r="CH21" s="327">
        <v>1416604</v>
      </c>
      <c r="CI21" s="327">
        <v>658206</v>
      </c>
      <c r="CJ21" s="327">
        <v>537595</v>
      </c>
      <c r="CK21" s="328">
        <v>6545943</v>
      </c>
      <c r="CL21" s="330">
        <v>7027301</v>
      </c>
      <c r="CM21" s="326">
        <v>0</v>
      </c>
      <c r="CN21" s="327">
        <v>0</v>
      </c>
      <c r="CO21" s="328">
        <v>0</v>
      </c>
      <c r="CP21" s="332">
        <v>0</v>
      </c>
      <c r="CQ21" s="327">
        <v>791837</v>
      </c>
      <c r="CR21" s="327">
        <v>1496843</v>
      </c>
      <c r="CS21" s="327">
        <v>1037471</v>
      </c>
      <c r="CT21" s="327">
        <v>582633</v>
      </c>
      <c r="CU21" s="327">
        <v>145644</v>
      </c>
      <c r="CV21" s="328">
        <v>4054428</v>
      </c>
      <c r="CW21" s="330">
        <v>4054428</v>
      </c>
      <c r="CX21" s="326">
        <v>20279</v>
      </c>
      <c r="CY21" s="327">
        <v>461079</v>
      </c>
      <c r="CZ21" s="328">
        <v>481358</v>
      </c>
      <c r="DA21" s="326">
        <v>0</v>
      </c>
      <c r="DB21" s="327">
        <v>397572</v>
      </c>
      <c r="DC21" s="327">
        <v>1247286</v>
      </c>
      <c r="DD21" s="327">
        <v>379133</v>
      </c>
      <c r="DE21" s="327">
        <v>75573</v>
      </c>
      <c r="DF21" s="327">
        <v>391951</v>
      </c>
      <c r="DG21" s="328">
        <v>2491515</v>
      </c>
      <c r="DH21" s="330">
        <v>2972873</v>
      </c>
      <c r="DI21" s="326">
        <v>0</v>
      </c>
      <c r="DJ21" s="327">
        <v>0</v>
      </c>
      <c r="DK21" s="331">
        <v>0</v>
      </c>
      <c r="DL21" s="332">
        <v>0</v>
      </c>
      <c r="DM21" s="327">
        <v>0</v>
      </c>
      <c r="DN21" s="327">
        <v>251607</v>
      </c>
      <c r="DO21" s="327">
        <v>9156</v>
      </c>
      <c r="DP21" s="327">
        <v>230109</v>
      </c>
      <c r="DQ21" s="327">
        <v>0</v>
      </c>
      <c r="DR21" s="328">
        <v>490872</v>
      </c>
      <c r="DS21" s="330">
        <v>490872</v>
      </c>
      <c r="DT21" s="326">
        <v>0</v>
      </c>
      <c r="DU21" s="327">
        <v>0</v>
      </c>
      <c r="DV21" s="328">
        <v>0</v>
      </c>
      <c r="DW21" s="326">
        <v>0</v>
      </c>
      <c r="DX21" s="327">
        <v>0</v>
      </c>
      <c r="DY21" s="327">
        <v>50193</v>
      </c>
      <c r="DZ21" s="327">
        <v>9156</v>
      </c>
      <c r="EA21" s="327">
        <v>102786</v>
      </c>
      <c r="EB21" s="327">
        <v>0</v>
      </c>
      <c r="EC21" s="328">
        <v>162135</v>
      </c>
      <c r="ED21" s="330">
        <v>162135</v>
      </c>
      <c r="EE21" s="326">
        <v>0</v>
      </c>
      <c r="EF21" s="331">
        <v>0</v>
      </c>
      <c r="EG21" s="328">
        <v>0</v>
      </c>
      <c r="EH21" s="326">
        <v>0</v>
      </c>
      <c r="EI21" s="327">
        <v>0</v>
      </c>
      <c r="EJ21" s="327">
        <v>201414</v>
      </c>
      <c r="EK21" s="327">
        <v>0</v>
      </c>
      <c r="EL21" s="327">
        <v>127323</v>
      </c>
      <c r="EM21" s="327">
        <v>0</v>
      </c>
      <c r="EN21" s="331">
        <v>328737</v>
      </c>
      <c r="EO21" s="330">
        <v>328737</v>
      </c>
      <c r="EP21" s="326">
        <v>0</v>
      </c>
      <c r="EQ21" s="327">
        <v>0</v>
      </c>
      <c r="ER21" s="331">
        <v>0</v>
      </c>
      <c r="ES21" s="332">
        <v>0</v>
      </c>
      <c r="ET21" s="327">
        <v>0</v>
      </c>
      <c r="EU21" s="327">
        <v>0</v>
      </c>
      <c r="EV21" s="327">
        <v>0</v>
      </c>
      <c r="EW21" s="327">
        <v>0</v>
      </c>
      <c r="EX21" s="327">
        <v>0</v>
      </c>
      <c r="EY21" s="328">
        <v>0</v>
      </c>
      <c r="EZ21" s="330">
        <v>0</v>
      </c>
      <c r="FA21" s="326">
        <v>0</v>
      </c>
      <c r="FB21" s="327">
        <v>0</v>
      </c>
      <c r="FC21" s="331">
        <v>0</v>
      </c>
      <c r="FD21" s="332">
        <v>0</v>
      </c>
      <c r="FE21" s="327">
        <v>0</v>
      </c>
      <c r="FF21" s="327">
        <v>0</v>
      </c>
      <c r="FG21" s="327">
        <v>0</v>
      </c>
      <c r="FH21" s="327">
        <v>0</v>
      </c>
      <c r="FI21" s="327">
        <v>0</v>
      </c>
      <c r="FJ21" s="328">
        <v>0</v>
      </c>
      <c r="FK21" s="330">
        <v>0</v>
      </c>
      <c r="FL21" s="326">
        <v>72816</v>
      </c>
      <c r="FM21" s="327">
        <v>104960</v>
      </c>
      <c r="FN21" s="328">
        <v>177776</v>
      </c>
      <c r="FO21" s="326">
        <v>0</v>
      </c>
      <c r="FP21" s="327">
        <v>235816</v>
      </c>
      <c r="FQ21" s="327">
        <v>599064</v>
      </c>
      <c r="FR21" s="327">
        <v>447976</v>
      </c>
      <c r="FS21" s="327">
        <v>279024</v>
      </c>
      <c r="FT21" s="327">
        <v>116376</v>
      </c>
      <c r="FU21" s="328">
        <v>1678256</v>
      </c>
      <c r="FV21" s="330">
        <v>1856032</v>
      </c>
      <c r="FW21" s="333">
        <v>72816</v>
      </c>
      <c r="FX21" s="327">
        <v>104960</v>
      </c>
      <c r="FY21" s="331">
        <v>177776</v>
      </c>
      <c r="FZ21" s="332">
        <v>0</v>
      </c>
      <c r="GA21" s="327">
        <v>167864</v>
      </c>
      <c r="GB21" s="327">
        <v>599064</v>
      </c>
      <c r="GC21" s="327">
        <v>447976</v>
      </c>
      <c r="GD21" s="327">
        <v>243824</v>
      </c>
      <c r="GE21" s="327">
        <v>116376</v>
      </c>
      <c r="GF21" s="328">
        <v>1575104</v>
      </c>
      <c r="GG21" s="334">
        <v>1752880</v>
      </c>
      <c r="GH21" s="333">
        <v>0</v>
      </c>
      <c r="GI21" s="327">
        <v>0</v>
      </c>
      <c r="GJ21" s="331">
        <v>0</v>
      </c>
      <c r="GK21" s="332">
        <v>0</v>
      </c>
      <c r="GL21" s="327">
        <v>0</v>
      </c>
      <c r="GM21" s="327">
        <v>0</v>
      </c>
      <c r="GN21" s="327">
        <v>0</v>
      </c>
      <c r="GO21" s="327">
        <v>35200</v>
      </c>
      <c r="GP21" s="327">
        <v>0</v>
      </c>
      <c r="GQ21" s="328">
        <v>35200</v>
      </c>
      <c r="GR21" s="330">
        <v>35200</v>
      </c>
      <c r="GS21" s="326">
        <v>0</v>
      </c>
      <c r="GT21" s="327">
        <v>0</v>
      </c>
      <c r="GU21" s="328">
        <v>0</v>
      </c>
      <c r="GV21" s="326">
        <v>0</v>
      </c>
      <c r="GW21" s="327">
        <v>67952</v>
      </c>
      <c r="GX21" s="327">
        <v>0</v>
      </c>
      <c r="GY21" s="327">
        <v>0</v>
      </c>
      <c r="GZ21" s="327">
        <v>0</v>
      </c>
      <c r="HA21" s="327">
        <v>0</v>
      </c>
      <c r="HB21" s="331">
        <v>67952</v>
      </c>
      <c r="HC21" s="330">
        <v>67952</v>
      </c>
      <c r="HD21" s="326">
        <v>52639</v>
      </c>
      <c r="HE21" s="327">
        <v>98049</v>
      </c>
      <c r="HF21" s="331">
        <v>150688</v>
      </c>
      <c r="HG21" s="332">
        <v>0</v>
      </c>
      <c r="HH21" s="327">
        <v>1053022</v>
      </c>
      <c r="HI21" s="327">
        <v>2217671</v>
      </c>
      <c r="HJ21" s="327">
        <v>1258604</v>
      </c>
      <c r="HK21" s="327">
        <v>2629191</v>
      </c>
      <c r="HL21" s="327">
        <v>967780</v>
      </c>
      <c r="HM21" s="328">
        <v>8126268</v>
      </c>
      <c r="HN21" s="329">
        <v>8276956</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860817</v>
      </c>
      <c r="IE21" s="339">
        <v>925621</v>
      </c>
      <c r="IF21" s="337">
        <v>663058</v>
      </c>
      <c r="IG21" s="336">
        <v>1598453</v>
      </c>
      <c r="IH21" s="337">
        <v>271957</v>
      </c>
      <c r="II21" s="340">
        <v>4319906</v>
      </c>
      <c r="IJ21" s="341">
        <v>4319906</v>
      </c>
      <c r="IK21" s="342">
        <v>0</v>
      </c>
      <c r="IL21" s="343">
        <v>0</v>
      </c>
      <c r="IM21" s="344">
        <v>0</v>
      </c>
      <c r="IN21" s="404">
        <v>0</v>
      </c>
      <c r="IO21" s="345">
        <v>0</v>
      </c>
      <c r="IP21" s="345">
        <v>0</v>
      </c>
      <c r="IQ21" s="345">
        <v>0</v>
      </c>
      <c r="IR21" s="345">
        <v>518111</v>
      </c>
      <c r="IS21" s="345">
        <v>0</v>
      </c>
      <c r="IT21" s="346">
        <v>518111</v>
      </c>
      <c r="IU21" s="347">
        <v>518111</v>
      </c>
      <c r="IV21" s="348">
        <v>0</v>
      </c>
      <c r="IW21" s="345">
        <v>0</v>
      </c>
      <c r="IX21" s="349">
        <v>0</v>
      </c>
      <c r="IY21" s="404">
        <v>0</v>
      </c>
      <c r="IZ21" s="345">
        <v>0</v>
      </c>
      <c r="JA21" s="345">
        <v>0</v>
      </c>
      <c r="JB21" s="345">
        <v>0</v>
      </c>
      <c r="JC21" s="345">
        <v>22164</v>
      </c>
      <c r="JD21" s="345">
        <v>0</v>
      </c>
      <c r="JE21" s="349">
        <v>22164</v>
      </c>
      <c r="JF21" s="350">
        <v>22164</v>
      </c>
      <c r="JG21" s="348">
        <v>0</v>
      </c>
      <c r="JH21" s="345">
        <v>0</v>
      </c>
      <c r="JI21" s="346">
        <v>0</v>
      </c>
      <c r="JJ21" s="351">
        <v>0</v>
      </c>
      <c r="JK21" s="345">
        <v>499234</v>
      </c>
      <c r="JL21" s="345">
        <v>263070</v>
      </c>
      <c r="JM21" s="345">
        <v>419064</v>
      </c>
      <c r="JN21" s="345">
        <v>116042</v>
      </c>
      <c r="JO21" s="345">
        <v>0</v>
      </c>
      <c r="JP21" s="349">
        <v>1297410</v>
      </c>
      <c r="JQ21" s="347">
        <v>1297410</v>
      </c>
      <c r="JR21" s="348">
        <v>0</v>
      </c>
      <c r="JS21" s="345">
        <v>0</v>
      </c>
      <c r="JT21" s="346">
        <v>0</v>
      </c>
      <c r="JU21" s="351">
        <v>0</v>
      </c>
      <c r="JV21" s="345">
        <v>0</v>
      </c>
      <c r="JW21" s="345">
        <v>0</v>
      </c>
      <c r="JX21" s="345">
        <v>0</v>
      </c>
      <c r="JY21" s="345">
        <v>145876</v>
      </c>
      <c r="JZ21" s="345">
        <v>0</v>
      </c>
      <c r="KA21" s="349">
        <v>145876</v>
      </c>
      <c r="KB21" s="347">
        <v>145876</v>
      </c>
      <c r="KC21" s="352">
        <v>0</v>
      </c>
      <c r="KD21" s="353">
        <v>0</v>
      </c>
      <c r="KE21" s="349">
        <v>0</v>
      </c>
      <c r="KF21" s="351">
        <v>0</v>
      </c>
      <c r="KG21" s="345">
        <v>131240</v>
      </c>
      <c r="KH21" s="345">
        <v>0</v>
      </c>
      <c r="KI21" s="345">
        <v>0</v>
      </c>
      <c r="KJ21" s="345">
        <v>249142</v>
      </c>
      <c r="KK21" s="345">
        <v>0</v>
      </c>
      <c r="KL21" s="349">
        <v>380382</v>
      </c>
      <c r="KM21" s="354">
        <v>380382</v>
      </c>
      <c r="KN21" s="342">
        <v>0</v>
      </c>
      <c r="KO21" s="343">
        <v>0</v>
      </c>
      <c r="KP21" s="344">
        <v>0</v>
      </c>
      <c r="KQ21" s="404">
        <v>0</v>
      </c>
      <c r="KR21" s="345">
        <v>230343</v>
      </c>
      <c r="KS21" s="345">
        <v>483140</v>
      </c>
      <c r="KT21" s="345">
        <v>0</v>
      </c>
      <c r="KU21" s="345">
        <v>0</v>
      </c>
      <c r="KV21" s="345">
        <v>271957</v>
      </c>
      <c r="KW21" s="349">
        <v>985440</v>
      </c>
      <c r="KX21" s="347">
        <v>985440</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547118</v>
      </c>
      <c r="LR21" s="345">
        <v>0</v>
      </c>
      <c r="LS21" s="349">
        <v>547118</v>
      </c>
      <c r="LT21" s="347">
        <v>547118</v>
      </c>
      <c r="LU21" s="348">
        <v>0</v>
      </c>
      <c r="LV21" s="345">
        <v>0</v>
      </c>
      <c r="LW21" s="349">
        <v>0</v>
      </c>
      <c r="LX21" s="404">
        <v>0</v>
      </c>
      <c r="LY21" s="345">
        <v>0</v>
      </c>
      <c r="LZ21" s="345">
        <v>179411</v>
      </c>
      <c r="MA21" s="345">
        <v>243994</v>
      </c>
      <c r="MB21" s="345">
        <v>0</v>
      </c>
      <c r="MC21" s="345">
        <v>0</v>
      </c>
      <c r="MD21" s="349">
        <v>423405</v>
      </c>
      <c r="ME21" s="350">
        <v>423405</v>
      </c>
      <c r="MF21" s="348">
        <v>0</v>
      </c>
      <c r="MG21" s="345">
        <v>0</v>
      </c>
      <c r="MH21" s="349">
        <v>0</v>
      </c>
      <c r="MI21" s="404">
        <v>0</v>
      </c>
      <c r="MJ21" s="345">
        <v>1219217</v>
      </c>
      <c r="MK21" s="345">
        <v>-1230522</v>
      </c>
      <c r="ML21" s="345">
        <v>2823945</v>
      </c>
      <c r="MM21" s="345">
        <v>4340634</v>
      </c>
      <c r="MN21" s="345">
        <v>2092800</v>
      </c>
      <c r="MO21" s="349">
        <v>9246074</v>
      </c>
      <c r="MP21" s="354">
        <v>9246074</v>
      </c>
      <c r="MQ21" s="348">
        <v>0</v>
      </c>
      <c r="MR21" s="345">
        <v>0</v>
      </c>
      <c r="MS21" s="349">
        <v>0</v>
      </c>
      <c r="MT21" s="404">
        <v>0</v>
      </c>
      <c r="MU21" s="345">
        <v>0</v>
      </c>
      <c r="MV21" s="345">
        <v>0</v>
      </c>
      <c r="MW21" s="345">
        <v>1736583</v>
      </c>
      <c r="MX21" s="345">
        <v>2672827</v>
      </c>
      <c r="MY21" s="345">
        <v>1106004</v>
      </c>
      <c r="MZ21" s="349">
        <v>5515414</v>
      </c>
      <c r="NA21" s="354">
        <v>5515414</v>
      </c>
      <c r="NB21" s="348">
        <v>0</v>
      </c>
      <c r="NC21" s="345">
        <v>0</v>
      </c>
      <c r="ND21" s="349">
        <v>0</v>
      </c>
      <c r="NE21" s="404">
        <v>0</v>
      </c>
      <c r="NF21" s="345">
        <v>1219217</v>
      </c>
      <c r="NG21" s="345">
        <v>-1230522</v>
      </c>
      <c r="NH21" s="345">
        <v>1087362</v>
      </c>
      <c r="NI21" s="345">
        <v>1667807</v>
      </c>
      <c r="NJ21" s="345">
        <v>606413</v>
      </c>
      <c r="NK21" s="349">
        <v>3350277</v>
      </c>
      <c r="NL21" s="347">
        <v>3350277</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380383</v>
      </c>
      <c r="OG21" s="349">
        <v>380383</v>
      </c>
      <c r="OH21" s="350">
        <v>380383</v>
      </c>
      <c r="OI21" s="348">
        <v>296894</v>
      </c>
      <c r="OJ21" s="345">
        <v>850423</v>
      </c>
      <c r="OK21" s="346">
        <v>1147317</v>
      </c>
      <c r="OL21" s="351">
        <v>0</v>
      </c>
      <c r="OM21" s="345">
        <v>5728631</v>
      </c>
      <c r="ON21" s="345">
        <v>7021584</v>
      </c>
      <c r="OO21" s="345">
        <v>8511678</v>
      </c>
      <c r="OP21" s="345">
        <v>10399381</v>
      </c>
      <c r="OQ21" s="345">
        <v>4762945</v>
      </c>
      <c r="OR21" s="349">
        <v>36424219</v>
      </c>
      <c r="OS21" s="354">
        <v>37571536</v>
      </c>
    </row>
    <row r="22" spans="2:409" s="70" customFormat="1" ht="21" customHeight="1" x14ac:dyDescent="0.2">
      <c r="B22" s="410" t="s">
        <v>17</v>
      </c>
      <c r="C22" s="326">
        <v>666435</v>
      </c>
      <c r="D22" s="327">
        <v>630166</v>
      </c>
      <c r="E22" s="328">
        <v>1296601</v>
      </c>
      <c r="F22" s="329">
        <v>0</v>
      </c>
      <c r="G22" s="327">
        <v>4603467</v>
      </c>
      <c r="H22" s="327">
        <v>8324200</v>
      </c>
      <c r="I22" s="327">
        <v>7402940</v>
      </c>
      <c r="J22" s="327">
        <v>2549207</v>
      </c>
      <c r="K22" s="327">
        <v>3192179</v>
      </c>
      <c r="L22" s="329">
        <v>26071993</v>
      </c>
      <c r="M22" s="330">
        <v>27368594</v>
      </c>
      <c r="N22" s="326">
        <v>108465</v>
      </c>
      <c r="O22" s="327">
        <v>126523</v>
      </c>
      <c r="P22" s="328">
        <v>234988</v>
      </c>
      <c r="Q22" s="326">
        <v>0</v>
      </c>
      <c r="R22" s="327">
        <v>1337457</v>
      </c>
      <c r="S22" s="327">
        <v>2067125</v>
      </c>
      <c r="T22" s="327">
        <v>2514039</v>
      </c>
      <c r="U22" s="327">
        <v>1023146</v>
      </c>
      <c r="V22" s="327">
        <v>2113093</v>
      </c>
      <c r="W22" s="328">
        <v>9054860</v>
      </c>
      <c r="X22" s="330">
        <v>9289848</v>
      </c>
      <c r="Y22" s="326">
        <v>0</v>
      </c>
      <c r="Z22" s="327">
        <v>0</v>
      </c>
      <c r="AA22" s="328">
        <v>0</v>
      </c>
      <c r="AB22" s="326">
        <v>0</v>
      </c>
      <c r="AC22" s="327">
        <v>640189</v>
      </c>
      <c r="AD22" s="327">
        <v>839637</v>
      </c>
      <c r="AE22" s="327">
        <v>1262251</v>
      </c>
      <c r="AF22" s="327">
        <v>630864</v>
      </c>
      <c r="AG22" s="327">
        <v>1892251</v>
      </c>
      <c r="AH22" s="328">
        <v>5265192</v>
      </c>
      <c r="AI22" s="330">
        <v>5265192</v>
      </c>
      <c r="AJ22" s="326">
        <v>0</v>
      </c>
      <c r="AK22" s="327">
        <v>0</v>
      </c>
      <c r="AL22" s="328">
        <v>0</v>
      </c>
      <c r="AM22" s="326">
        <v>0</v>
      </c>
      <c r="AN22" s="327">
        <v>0</v>
      </c>
      <c r="AO22" s="327">
        <v>0</v>
      </c>
      <c r="AP22" s="327">
        <v>97946</v>
      </c>
      <c r="AQ22" s="327">
        <v>0</v>
      </c>
      <c r="AR22" s="327">
        <v>0</v>
      </c>
      <c r="AS22" s="328">
        <v>97946</v>
      </c>
      <c r="AT22" s="330">
        <v>97946</v>
      </c>
      <c r="AU22" s="326">
        <v>15929</v>
      </c>
      <c r="AV22" s="327">
        <v>57890</v>
      </c>
      <c r="AW22" s="328">
        <v>73819</v>
      </c>
      <c r="AX22" s="326">
        <v>0</v>
      </c>
      <c r="AY22" s="327">
        <v>530579</v>
      </c>
      <c r="AZ22" s="327">
        <v>687110</v>
      </c>
      <c r="BA22" s="327">
        <v>693124</v>
      </c>
      <c r="BB22" s="327">
        <v>237026</v>
      </c>
      <c r="BC22" s="327">
        <v>22170</v>
      </c>
      <c r="BD22" s="328">
        <v>2170009</v>
      </c>
      <c r="BE22" s="330">
        <v>2243828</v>
      </c>
      <c r="BF22" s="326">
        <v>0</v>
      </c>
      <c r="BG22" s="327">
        <v>44601</v>
      </c>
      <c r="BH22" s="331">
        <v>44601</v>
      </c>
      <c r="BI22" s="332">
        <v>0</v>
      </c>
      <c r="BJ22" s="327">
        <v>20065</v>
      </c>
      <c r="BK22" s="327">
        <v>63522</v>
      </c>
      <c r="BL22" s="327">
        <v>60006</v>
      </c>
      <c r="BM22" s="327">
        <v>0</v>
      </c>
      <c r="BN22" s="327">
        <v>36232</v>
      </c>
      <c r="BO22" s="328">
        <v>179825</v>
      </c>
      <c r="BP22" s="330">
        <v>224426</v>
      </c>
      <c r="BQ22" s="326">
        <v>92536</v>
      </c>
      <c r="BR22" s="327">
        <v>24032</v>
      </c>
      <c r="BS22" s="328">
        <v>116568</v>
      </c>
      <c r="BT22" s="326">
        <v>0</v>
      </c>
      <c r="BU22" s="327">
        <v>146624</v>
      </c>
      <c r="BV22" s="327">
        <v>476856</v>
      </c>
      <c r="BW22" s="327">
        <v>400712</v>
      </c>
      <c r="BX22" s="327">
        <v>155256</v>
      </c>
      <c r="BY22" s="327">
        <v>162440</v>
      </c>
      <c r="BZ22" s="328">
        <v>1341888</v>
      </c>
      <c r="CA22" s="330">
        <v>1458456</v>
      </c>
      <c r="CB22" s="326">
        <v>89790</v>
      </c>
      <c r="CC22" s="327">
        <v>121866</v>
      </c>
      <c r="CD22" s="328">
        <v>211656</v>
      </c>
      <c r="CE22" s="326">
        <v>0</v>
      </c>
      <c r="CF22" s="327">
        <v>1585171</v>
      </c>
      <c r="CG22" s="327">
        <v>2654417</v>
      </c>
      <c r="CH22" s="327">
        <v>2194314</v>
      </c>
      <c r="CI22" s="327">
        <v>521698</v>
      </c>
      <c r="CJ22" s="327">
        <v>211984</v>
      </c>
      <c r="CK22" s="328">
        <v>7167584</v>
      </c>
      <c r="CL22" s="330">
        <v>7379240</v>
      </c>
      <c r="CM22" s="326">
        <v>0</v>
      </c>
      <c r="CN22" s="327">
        <v>0</v>
      </c>
      <c r="CO22" s="328">
        <v>0</v>
      </c>
      <c r="CP22" s="332">
        <v>0</v>
      </c>
      <c r="CQ22" s="327">
        <v>1361366</v>
      </c>
      <c r="CR22" s="327">
        <v>1685100</v>
      </c>
      <c r="CS22" s="327">
        <v>1769004</v>
      </c>
      <c r="CT22" s="327">
        <v>351010</v>
      </c>
      <c r="CU22" s="327">
        <v>45820</v>
      </c>
      <c r="CV22" s="328">
        <v>5212300</v>
      </c>
      <c r="CW22" s="330">
        <v>5212300</v>
      </c>
      <c r="CX22" s="326">
        <v>89790</v>
      </c>
      <c r="CY22" s="327">
        <v>121866</v>
      </c>
      <c r="CZ22" s="328">
        <v>211656</v>
      </c>
      <c r="DA22" s="326">
        <v>0</v>
      </c>
      <c r="DB22" s="327">
        <v>223805</v>
      </c>
      <c r="DC22" s="327">
        <v>969317</v>
      </c>
      <c r="DD22" s="327">
        <v>425310</v>
      </c>
      <c r="DE22" s="327">
        <v>170688</v>
      </c>
      <c r="DF22" s="327">
        <v>166164</v>
      </c>
      <c r="DG22" s="328">
        <v>1955284</v>
      </c>
      <c r="DH22" s="330">
        <v>2166940</v>
      </c>
      <c r="DI22" s="326">
        <v>0</v>
      </c>
      <c r="DJ22" s="327">
        <v>17596</v>
      </c>
      <c r="DK22" s="331">
        <v>17596</v>
      </c>
      <c r="DL22" s="332">
        <v>0</v>
      </c>
      <c r="DM22" s="327">
        <v>192407</v>
      </c>
      <c r="DN22" s="327">
        <v>600522</v>
      </c>
      <c r="DO22" s="327">
        <v>662191</v>
      </c>
      <c r="DP22" s="327">
        <v>398428</v>
      </c>
      <c r="DQ22" s="327">
        <v>368243</v>
      </c>
      <c r="DR22" s="328">
        <v>2221791</v>
      </c>
      <c r="DS22" s="330">
        <v>2239387</v>
      </c>
      <c r="DT22" s="326">
        <v>0</v>
      </c>
      <c r="DU22" s="327">
        <v>17596</v>
      </c>
      <c r="DV22" s="328">
        <v>17596</v>
      </c>
      <c r="DW22" s="326">
        <v>0</v>
      </c>
      <c r="DX22" s="327">
        <v>192407</v>
      </c>
      <c r="DY22" s="327">
        <v>430066</v>
      </c>
      <c r="DZ22" s="327">
        <v>608562</v>
      </c>
      <c r="EA22" s="327">
        <v>353411</v>
      </c>
      <c r="EB22" s="327">
        <v>368243</v>
      </c>
      <c r="EC22" s="328">
        <v>1952689</v>
      </c>
      <c r="ED22" s="330">
        <v>1970285</v>
      </c>
      <c r="EE22" s="326">
        <v>0</v>
      </c>
      <c r="EF22" s="331">
        <v>0</v>
      </c>
      <c r="EG22" s="328">
        <v>0</v>
      </c>
      <c r="EH22" s="326">
        <v>0</v>
      </c>
      <c r="EI22" s="327">
        <v>0</v>
      </c>
      <c r="EJ22" s="327">
        <v>170456</v>
      </c>
      <c r="EK22" s="327">
        <v>53629</v>
      </c>
      <c r="EL22" s="327">
        <v>45017</v>
      </c>
      <c r="EM22" s="327">
        <v>0</v>
      </c>
      <c r="EN22" s="331">
        <v>269102</v>
      </c>
      <c r="EO22" s="330">
        <v>269102</v>
      </c>
      <c r="EP22" s="326">
        <v>0</v>
      </c>
      <c r="EQ22" s="327">
        <v>0</v>
      </c>
      <c r="ER22" s="331">
        <v>0</v>
      </c>
      <c r="ES22" s="332">
        <v>0</v>
      </c>
      <c r="ET22" s="327">
        <v>0</v>
      </c>
      <c r="EU22" s="327">
        <v>0</v>
      </c>
      <c r="EV22" s="327">
        <v>0</v>
      </c>
      <c r="EW22" s="327">
        <v>0</v>
      </c>
      <c r="EX22" s="327">
        <v>0</v>
      </c>
      <c r="EY22" s="328">
        <v>0</v>
      </c>
      <c r="EZ22" s="330">
        <v>0</v>
      </c>
      <c r="FA22" s="326">
        <v>0</v>
      </c>
      <c r="FB22" s="327">
        <v>0</v>
      </c>
      <c r="FC22" s="331">
        <v>0</v>
      </c>
      <c r="FD22" s="332">
        <v>0</v>
      </c>
      <c r="FE22" s="327">
        <v>0</v>
      </c>
      <c r="FF22" s="327">
        <v>0</v>
      </c>
      <c r="FG22" s="327">
        <v>0</v>
      </c>
      <c r="FH22" s="327">
        <v>0</v>
      </c>
      <c r="FI22" s="327">
        <v>0</v>
      </c>
      <c r="FJ22" s="328">
        <v>0</v>
      </c>
      <c r="FK22" s="330">
        <v>0</v>
      </c>
      <c r="FL22" s="326">
        <v>247056</v>
      </c>
      <c r="FM22" s="327">
        <v>178288</v>
      </c>
      <c r="FN22" s="328">
        <v>425344</v>
      </c>
      <c r="FO22" s="326">
        <v>0</v>
      </c>
      <c r="FP22" s="327">
        <v>351248</v>
      </c>
      <c r="FQ22" s="327">
        <v>866608</v>
      </c>
      <c r="FR22" s="327">
        <v>818096</v>
      </c>
      <c r="FS22" s="327">
        <v>480552</v>
      </c>
      <c r="FT22" s="327">
        <v>262080</v>
      </c>
      <c r="FU22" s="328">
        <v>2778584</v>
      </c>
      <c r="FV22" s="330">
        <v>3203928</v>
      </c>
      <c r="FW22" s="333">
        <v>87056</v>
      </c>
      <c r="FX22" s="327">
        <v>159088</v>
      </c>
      <c r="FY22" s="331">
        <v>246144</v>
      </c>
      <c r="FZ22" s="332">
        <v>0</v>
      </c>
      <c r="GA22" s="327">
        <v>148048</v>
      </c>
      <c r="GB22" s="327">
        <v>823808</v>
      </c>
      <c r="GC22" s="327">
        <v>731280</v>
      </c>
      <c r="GD22" s="327">
        <v>135592</v>
      </c>
      <c r="GE22" s="327">
        <v>233216</v>
      </c>
      <c r="GF22" s="328">
        <v>2071944</v>
      </c>
      <c r="GG22" s="334">
        <v>2318088</v>
      </c>
      <c r="GH22" s="333">
        <v>0</v>
      </c>
      <c r="GI22" s="327">
        <v>0</v>
      </c>
      <c r="GJ22" s="331">
        <v>0</v>
      </c>
      <c r="GK22" s="332">
        <v>0</v>
      </c>
      <c r="GL22" s="327">
        <v>0</v>
      </c>
      <c r="GM22" s="327">
        <v>0</v>
      </c>
      <c r="GN22" s="327">
        <v>55616</v>
      </c>
      <c r="GO22" s="327">
        <v>24960</v>
      </c>
      <c r="GP22" s="327">
        <v>0</v>
      </c>
      <c r="GQ22" s="328">
        <v>80576</v>
      </c>
      <c r="GR22" s="330">
        <v>80576</v>
      </c>
      <c r="GS22" s="326">
        <v>160000</v>
      </c>
      <c r="GT22" s="327">
        <v>19200</v>
      </c>
      <c r="GU22" s="328">
        <v>179200</v>
      </c>
      <c r="GV22" s="326">
        <v>0</v>
      </c>
      <c r="GW22" s="327">
        <v>203200</v>
      </c>
      <c r="GX22" s="327">
        <v>42800</v>
      </c>
      <c r="GY22" s="327">
        <v>31200</v>
      </c>
      <c r="GZ22" s="327">
        <v>320000</v>
      </c>
      <c r="HA22" s="327">
        <v>28864</v>
      </c>
      <c r="HB22" s="331">
        <v>626064</v>
      </c>
      <c r="HC22" s="330">
        <v>805264</v>
      </c>
      <c r="HD22" s="326">
        <v>221124</v>
      </c>
      <c r="HE22" s="327">
        <v>185893</v>
      </c>
      <c r="HF22" s="331">
        <v>407017</v>
      </c>
      <c r="HG22" s="332">
        <v>0</v>
      </c>
      <c r="HH22" s="327">
        <v>1137184</v>
      </c>
      <c r="HI22" s="327">
        <v>2135528</v>
      </c>
      <c r="HJ22" s="327">
        <v>1214300</v>
      </c>
      <c r="HK22" s="327">
        <v>125383</v>
      </c>
      <c r="HL22" s="327">
        <v>236779</v>
      </c>
      <c r="HM22" s="328">
        <v>4849174</v>
      </c>
      <c r="HN22" s="329">
        <v>5256191</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208927</v>
      </c>
      <c r="IE22" s="357">
        <v>2978942</v>
      </c>
      <c r="IF22" s="358">
        <v>1151207</v>
      </c>
      <c r="IG22" s="356">
        <v>2156870</v>
      </c>
      <c r="IH22" s="358">
        <v>1062224</v>
      </c>
      <c r="II22" s="359">
        <v>8558170</v>
      </c>
      <c r="IJ22" s="358">
        <v>8558170</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1018528</v>
      </c>
      <c r="JL22" s="345">
        <v>1611243</v>
      </c>
      <c r="JM22" s="345">
        <v>263375</v>
      </c>
      <c r="JN22" s="345">
        <v>482538</v>
      </c>
      <c r="JO22" s="345">
        <v>306481</v>
      </c>
      <c r="JP22" s="349">
        <v>3682165</v>
      </c>
      <c r="JQ22" s="347">
        <v>3682165</v>
      </c>
      <c r="JR22" s="348">
        <v>0</v>
      </c>
      <c r="JS22" s="345">
        <v>0</v>
      </c>
      <c r="JT22" s="346">
        <v>0</v>
      </c>
      <c r="JU22" s="351">
        <v>0</v>
      </c>
      <c r="JV22" s="345">
        <v>35799</v>
      </c>
      <c r="JW22" s="345">
        <v>138690</v>
      </c>
      <c r="JX22" s="345">
        <v>0</v>
      </c>
      <c r="JY22" s="345">
        <v>0</v>
      </c>
      <c r="JZ22" s="345">
        <v>0</v>
      </c>
      <c r="KA22" s="349">
        <v>174489</v>
      </c>
      <c r="KB22" s="347">
        <v>174489</v>
      </c>
      <c r="KC22" s="352">
        <v>0</v>
      </c>
      <c r="KD22" s="353">
        <v>0</v>
      </c>
      <c r="KE22" s="349">
        <v>0</v>
      </c>
      <c r="KF22" s="351">
        <v>0</v>
      </c>
      <c r="KG22" s="345">
        <v>0</v>
      </c>
      <c r="KH22" s="345">
        <v>726273</v>
      </c>
      <c r="KI22" s="345">
        <v>252580</v>
      </c>
      <c r="KJ22" s="345">
        <v>836784</v>
      </c>
      <c r="KK22" s="345">
        <v>462275</v>
      </c>
      <c r="KL22" s="349">
        <v>2277912</v>
      </c>
      <c r="KM22" s="354">
        <v>2277912</v>
      </c>
      <c r="KN22" s="342">
        <v>0</v>
      </c>
      <c r="KO22" s="343">
        <v>0</v>
      </c>
      <c r="KP22" s="344">
        <v>0</v>
      </c>
      <c r="KQ22" s="404">
        <v>0</v>
      </c>
      <c r="KR22" s="345">
        <v>0</v>
      </c>
      <c r="KS22" s="345">
        <v>502736</v>
      </c>
      <c r="KT22" s="345">
        <v>635252</v>
      </c>
      <c r="KU22" s="345">
        <v>0</v>
      </c>
      <c r="KV22" s="345">
        <v>0</v>
      </c>
      <c r="KW22" s="349">
        <v>1137988</v>
      </c>
      <c r="KX22" s="347">
        <v>1137988</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0</v>
      </c>
      <c r="LQ22" s="345">
        <v>837548</v>
      </c>
      <c r="LR22" s="345">
        <v>293468</v>
      </c>
      <c r="LS22" s="349">
        <v>1131016</v>
      </c>
      <c r="LT22" s="347">
        <v>1131016</v>
      </c>
      <c r="LU22" s="348">
        <v>0</v>
      </c>
      <c r="LV22" s="345">
        <v>0</v>
      </c>
      <c r="LW22" s="349">
        <v>0</v>
      </c>
      <c r="LX22" s="404">
        <v>0</v>
      </c>
      <c r="LY22" s="345">
        <v>154600</v>
      </c>
      <c r="LZ22" s="345">
        <v>0</v>
      </c>
      <c r="MA22" s="345">
        <v>0</v>
      </c>
      <c r="MB22" s="345">
        <v>0</v>
      </c>
      <c r="MC22" s="345">
        <v>0</v>
      </c>
      <c r="MD22" s="349">
        <v>154600</v>
      </c>
      <c r="ME22" s="350">
        <v>154600</v>
      </c>
      <c r="MF22" s="348">
        <v>0</v>
      </c>
      <c r="MG22" s="345">
        <v>0</v>
      </c>
      <c r="MH22" s="349">
        <v>0</v>
      </c>
      <c r="MI22" s="404">
        <v>0</v>
      </c>
      <c r="MJ22" s="345">
        <v>0</v>
      </c>
      <c r="MK22" s="345">
        <v>1075959</v>
      </c>
      <c r="ML22" s="345">
        <v>3193764</v>
      </c>
      <c r="MM22" s="345">
        <v>3794215</v>
      </c>
      <c r="MN22" s="345">
        <v>5067176</v>
      </c>
      <c r="MO22" s="349">
        <v>13131114</v>
      </c>
      <c r="MP22" s="354">
        <v>13131114</v>
      </c>
      <c r="MQ22" s="348">
        <v>0</v>
      </c>
      <c r="MR22" s="345">
        <v>0</v>
      </c>
      <c r="MS22" s="349">
        <v>0</v>
      </c>
      <c r="MT22" s="404">
        <v>0</v>
      </c>
      <c r="MU22" s="345">
        <v>0</v>
      </c>
      <c r="MV22" s="345">
        <v>0</v>
      </c>
      <c r="MW22" s="345">
        <v>1692499</v>
      </c>
      <c r="MX22" s="345">
        <v>3168743</v>
      </c>
      <c r="MY22" s="345">
        <v>3890014</v>
      </c>
      <c r="MZ22" s="349">
        <v>8751256</v>
      </c>
      <c r="NA22" s="354">
        <v>8751256</v>
      </c>
      <c r="NB22" s="348">
        <v>0</v>
      </c>
      <c r="NC22" s="345">
        <v>0</v>
      </c>
      <c r="ND22" s="349">
        <v>0</v>
      </c>
      <c r="NE22" s="404">
        <v>0</v>
      </c>
      <c r="NF22" s="345">
        <v>0</v>
      </c>
      <c r="NG22" s="345">
        <v>1075959</v>
      </c>
      <c r="NH22" s="345">
        <v>1501265</v>
      </c>
      <c r="NI22" s="345">
        <v>625472</v>
      </c>
      <c r="NJ22" s="345">
        <v>1177162</v>
      </c>
      <c r="NK22" s="349">
        <v>4379858</v>
      </c>
      <c r="NL22" s="347">
        <v>4379858</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0</v>
      </c>
      <c r="OG22" s="349">
        <v>0</v>
      </c>
      <c r="OH22" s="350">
        <v>0</v>
      </c>
      <c r="OI22" s="348">
        <v>666435</v>
      </c>
      <c r="OJ22" s="345">
        <v>630166</v>
      </c>
      <c r="OK22" s="346">
        <v>1296601</v>
      </c>
      <c r="OL22" s="351">
        <v>0</v>
      </c>
      <c r="OM22" s="345">
        <v>5812394</v>
      </c>
      <c r="ON22" s="345">
        <v>12379101</v>
      </c>
      <c r="OO22" s="345">
        <v>11747911</v>
      </c>
      <c r="OP22" s="345">
        <v>8500292</v>
      </c>
      <c r="OQ22" s="345">
        <v>9321579</v>
      </c>
      <c r="OR22" s="349">
        <v>47761277</v>
      </c>
      <c r="OS22" s="354">
        <v>49057878</v>
      </c>
    </row>
    <row r="23" spans="2:409" s="70" customFormat="1" ht="21" customHeight="1" x14ac:dyDescent="0.2">
      <c r="B23" s="410" t="s">
        <v>18</v>
      </c>
      <c r="C23" s="326">
        <v>404861</v>
      </c>
      <c r="D23" s="327">
        <v>1166212</v>
      </c>
      <c r="E23" s="328">
        <v>1571073</v>
      </c>
      <c r="F23" s="329">
        <v>0</v>
      </c>
      <c r="G23" s="327">
        <v>9295603</v>
      </c>
      <c r="H23" s="327">
        <v>7638714</v>
      </c>
      <c r="I23" s="327">
        <v>10265289</v>
      </c>
      <c r="J23" s="327">
        <v>6230327</v>
      </c>
      <c r="K23" s="327">
        <v>5085791</v>
      </c>
      <c r="L23" s="329">
        <v>38515724</v>
      </c>
      <c r="M23" s="330">
        <v>40086797</v>
      </c>
      <c r="N23" s="326">
        <v>221544</v>
      </c>
      <c r="O23" s="327">
        <v>362702</v>
      </c>
      <c r="P23" s="328">
        <v>584246</v>
      </c>
      <c r="Q23" s="326">
        <v>0</v>
      </c>
      <c r="R23" s="327">
        <v>2472269</v>
      </c>
      <c r="S23" s="327">
        <v>2373780</v>
      </c>
      <c r="T23" s="327">
        <v>2643642</v>
      </c>
      <c r="U23" s="327">
        <v>2238782</v>
      </c>
      <c r="V23" s="327">
        <v>2630699</v>
      </c>
      <c r="W23" s="328">
        <v>12359172</v>
      </c>
      <c r="X23" s="330">
        <v>12943418</v>
      </c>
      <c r="Y23" s="326">
        <v>0</v>
      </c>
      <c r="Z23" s="327">
        <v>0</v>
      </c>
      <c r="AA23" s="328">
        <v>0</v>
      </c>
      <c r="AB23" s="326">
        <v>0</v>
      </c>
      <c r="AC23" s="327">
        <v>1046165</v>
      </c>
      <c r="AD23" s="327">
        <v>733136</v>
      </c>
      <c r="AE23" s="327">
        <v>1308817</v>
      </c>
      <c r="AF23" s="327">
        <v>945561</v>
      </c>
      <c r="AG23" s="327">
        <v>1492839</v>
      </c>
      <c r="AH23" s="328">
        <v>5526518</v>
      </c>
      <c r="AI23" s="330">
        <v>5526518</v>
      </c>
      <c r="AJ23" s="326">
        <v>0</v>
      </c>
      <c r="AK23" s="327">
        <v>0</v>
      </c>
      <c r="AL23" s="328">
        <v>0</v>
      </c>
      <c r="AM23" s="326">
        <v>0</v>
      </c>
      <c r="AN23" s="327">
        <v>0</v>
      </c>
      <c r="AO23" s="327">
        <v>0</v>
      </c>
      <c r="AP23" s="327">
        <v>0</v>
      </c>
      <c r="AQ23" s="327">
        <v>491518</v>
      </c>
      <c r="AR23" s="327">
        <v>399013</v>
      </c>
      <c r="AS23" s="328">
        <v>890531</v>
      </c>
      <c r="AT23" s="330">
        <v>890531</v>
      </c>
      <c r="AU23" s="326">
        <v>134206</v>
      </c>
      <c r="AV23" s="327">
        <v>296754</v>
      </c>
      <c r="AW23" s="328">
        <v>430960</v>
      </c>
      <c r="AX23" s="326">
        <v>0</v>
      </c>
      <c r="AY23" s="327">
        <v>818521</v>
      </c>
      <c r="AZ23" s="327">
        <v>1018553</v>
      </c>
      <c r="BA23" s="327">
        <v>356799</v>
      </c>
      <c r="BB23" s="327">
        <v>322446</v>
      </c>
      <c r="BC23" s="327">
        <v>429895</v>
      </c>
      <c r="BD23" s="328">
        <v>2946214</v>
      </c>
      <c r="BE23" s="330">
        <v>3377174</v>
      </c>
      <c r="BF23" s="326">
        <v>15394</v>
      </c>
      <c r="BG23" s="327">
        <v>30788</v>
      </c>
      <c r="BH23" s="331">
        <v>46182</v>
      </c>
      <c r="BI23" s="332">
        <v>0</v>
      </c>
      <c r="BJ23" s="327">
        <v>32375</v>
      </c>
      <c r="BK23" s="327">
        <v>222659</v>
      </c>
      <c r="BL23" s="327">
        <v>428722</v>
      </c>
      <c r="BM23" s="327">
        <v>27927</v>
      </c>
      <c r="BN23" s="327">
        <v>0</v>
      </c>
      <c r="BO23" s="328">
        <v>711683</v>
      </c>
      <c r="BP23" s="330">
        <v>757865</v>
      </c>
      <c r="BQ23" s="326">
        <v>71944</v>
      </c>
      <c r="BR23" s="327">
        <v>35160</v>
      </c>
      <c r="BS23" s="328">
        <v>107104</v>
      </c>
      <c r="BT23" s="326">
        <v>0</v>
      </c>
      <c r="BU23" s="327">
        <v>575208</v>
      </c>
      <c r="BV23" s="327">
        <v>399432</v>
      </c>
      <c r="BW23" s="327">
        <v>549304</v>
      </c>
      <c r="BX23" s="327">
        <v>451330</v>
      </c>
      <c r="BY23" s="327">
        <v>308952</v>
      </c>
      <c r="BZ23" s="328">
        <v>2284226</v>
      </c>
      <c r="CA23" s="330">
        <v>2391330</v>
      </c>
      <c r="CB23" s="326">
        <v>48174</v>
      </c>
      <c r="CC23" s="327">
        <v>315144</v>
      </c>
      <c r="CD23" s="328">
        <v>363318</v>
      </c>
      <c r="CE23" s="326">
        <v>0</v>
      </c>
      <c r="CF23" s="327">
        <v>3215188</v>
      </c>
      <c r="CG23" s="327">
        <v>2532841</v>
      </c>
      <c r="CH23" s="327">
        <v>2811946</v>
      </c>
      <c r="CI23" s="327">
        <v>500109</v>
      </c>
      <c r="CJ23" s="327">
        <v>479561</v>
      </c>
      <c r="CK23" s="328">
        <v>9539645</v>
      </c>
      <c r="CL23" s="330">
        <v>9902963</v>
      </c>
      <c r="CM23" s="326">
        <v>0</v>
      </c>
      <c r="CN23" s="327">
        <v>0</v>
      </c>
      <c r="CO23" s="328">
        <v>0</v>
      </c>
      <c r="CP23" s="332">
        <v>0</v>
      </c>
      <c r="CQ23" s="327">
        <v>2715222</v>
      </c>
      <c r="CR23" s="327">
        <v>2292816</v>
      </c>
      <c r="CS23" s="327">
        <v>2405441</v>
      </c>
      <c r="CT23" s="327">
        <v>358665</v>
      </c>
      <c r="CU23" s="327">
        <v>440544</v>
      </c>
      <c r="CV23" s="328">
        <v>8212688</v>
      </c>
      <c r="CW23" s="330">
        <v>8212688</v>
      </c>
      <c r="CX23" s="326">
        <v>48174</v>
      </c>
      <c r="CY23" s="327">
        <v>315144</v>
      </c>
      <c r="CZ23" s="328">
        <v>363318</v>
      </c>
      <c r="DA23" s="326">
        <v>0</v>
      </c>
      <c r="DB23" s="327">
        <v>499966</v>
      </c>
      <c r="DC23" s="327">
        <v>240025</v>
      </c>
      <c r="DD23" s="327">
        <v>406505</v>
      </c>
      <c r="DE23" s="327">
        <v>141444</v>
      </c>
      <c r="DF23" s="327">
        <v>39017</v>
      </c>
      <c r="DG23" s="328">
        <v>1326957</v>
      </c>
      <c r="DH23" s="330">
        <v>1690275</v>
      </c>
      <c r="DI23" s="326">
        <v>0</v>
      </c>
      <c r="DJ23" s="327">
        <v>66186</v>
      </c>
      <c r="DK23" s="331">
        <v>66186</v>
      </c>
      <c r="DL23" s="332">
        <v>0</v>
      </c>
      <c r="DM23" s="327">
        <v>617197</v>
      </c>
      <c r="DN23" s="327">
        <v>615532</v>
      </c>
      <c r="DO23" s="327">
        <v>1462345</v>
      </c>
      <c r="DP23" s="327">
        <v>989846</v>
      </c>
      <c r="DQ23" s="327">
        <v>324605</v>
      </c>
      <c r="DR23" s="328">
        <v>4009525</v>
      </c>
      <c r="DS23" s="330">
        <v>4075711</v>
      </c>
      <c r="DT23" s="326">
        <v>0</v>
      </c>
      <c r="DU23" s="327">
        <v>66186</v>
      </c>
      <c r="DV23" s="328">
        <v>66186</v>
      </c>
      <c r="DW23" s="326">
        <v>0</v>
      </c>
      <c r="DX23" s="327">
        <v>469399</v>
      </c>
      <c r="DY23" s="327">
        <v>615532</v>
      </c>
      <c r="DZ23" s="327">
        <v>1462345</v>
      </c>
      <c r="EA23" s="327">
        <v>989846</v>
      </c>
      <c r="EB23" s="327">
        <v>324605</v>
      </c>
      <c r="EC23" s="328">
        <v>3861727</v>
      </c>
      <c r="ED23" s="330">
        <v>3927913</v>
      </c>
      <c r="EE23" s="326">
        <v>0</v>
      </c>
      <c r="EF23" s="331">
        <v>0</v>
      </c>
      <c r="EG23" s="328">
        <v>0</v>
      </c>
      <c r="EH23" s="326">
        <v>0</v>
      </c>
      <c r="EI23" s="327">
        <v>147798</v>
      </c>
      <c r="EJ23" s="327">
        <v>0</v>
      </c>
      <c r="EK23" s="327">
        <v>0</v>
      </c>
      <c r="EL23" s="327">
        <v>0</v>
      </c>
      <c r="EM23" s="327">
        <v>0</v>
      </c>
      <c r="EN23" s="331">
        <v>147798</v>
      </c>
      <c r="EO23" s="330">
        <v>147798</v>
      </c>
      <c r="EP23" s="326">
        <v>0</v>
      </c>
      <c r="EQ23" s="327">
        <v>0</v>
      </c>
      <c r="ER23" s="331">
        <v>0</v>
      </c>
      <c r="ES23" s="332">
        <v>0</v>
      </c>
      <c r="ET23" s="327">
        <v>0</v>
      </c>
      <c r="EU23" s="327">
        <v>0</v>
      </c>
      <c r="EV23" s="327">
        <v>0</v>
      </c>
      <c r="EW23" s="327">
        <v>0</v>
      </c>
      <c r="EX23" s="327">
        <v>0</v>
      </c>
      <c r="EY23" s="328">
        <v>0</v>
      </c>
      <c r="EZ23" s="330">
        <v>0</v>
      </c>
      <c r="FA23" s="326">
        <v>0</v>
      </c>
      <c r="FB23" s="327">
        <v>0</v>
      </c>
      <c r="FC23" s="331">
        <v>0</v>
      </c>
      <c r="FD23" s="332">
        <v>0</v>
      </c>
      <c r="FE23" s="327">
        <v>0</v>
      </c>
      <c r="FF23" s="327">
        <v>0</v>
      </c>
      <c r="FG23" s="327">
        <v>0</v>
      </c>
      <c r="FH23" s="327">
        <v>0</v>
      </c>
      <c r="FI23" s="327">
        <v>0</v>
      </c>
      <c r="FJ23" s="328">
        <v>0</v>
      </c>
      <c r="FK23" s="330">
        <v>0</v>
      </c>
      <c r="FL23" s="326">
        <v>28176</v>
      </c>
      <c r="FM23" s="327">
        <v>330864</v>
      </c>
      <c r="FN23" s="328">
        <v>359040</v>
      </c>
      <c r="FO23" s="326">
        <v>0</v>
      </c>
      <c r="FP23" s="327">
        <v>366928</v>
      </c>
      <c r="FQ23" s="327">
        <v>875000</v>
      </c>
      <c r="FR23" s="327">
        <v>566416</v>
      </c>
      <c r="FS23" s="327">
        <v>428170</v>
      </c>
      <c r="FT23" s="327">
        <v>470944</v>
      </c>
      <c r="FU23" s="328">
        <v>2707458</v>
      </c>
      <c r="FV23" s="330">
        <v>3066498</v>
      </c>
      <c r="FW23" s="333">
        <v>28176</v>
      </c>
      <c r="FX23" s="327">
        <v>175824</v>
      </c>
      <c r="FY23" s="331">
        <v>204000</v>
      </c>
      <c r="FZ23" s="332">
        <v>0</v>
      </c>
      <c r="GA23" s="327">
        <v>309328</v>
      </c>
      <c r="GB23" s="327">
        <v>856696</v>
      </c>
      <c r="GC23" s="327">
        <v>566416</v>
      </c>
      <c r="GD23" s="327">
        <v>428170</v>
      </c>
      <c r="GE23" s="327">
        <v>443744</v>
      </c>
      <c r="GF23" s="328">
        <v>2604354</v>
      </c>
      <c r="GG23" s="334">
        <v>2808354</v>
      </c>
      <c r="GH23" s="333">
        <v>0</v>
      </c>
      <c r="GI23" s="327">
        <v>12000</v>
      </c>
      <c r="GJ23" s="331">
        <v>12000</v>
      </c>
      <c r="GK23" s="332">
        <v>0</v>
      </c>
      <c r="GL23" s="327">
        <v>35200</v>
      </c>
      <c r="GM23" s="327">
        <v>18304</v>
      </c>
      <c r="GN23" s="327">
        <v>0</v>
      </c>
      <c r="GO23" s="327">
        <v>0</v>
      </c>
      <c r="GP23" s="327">
        <v>27200</v>
      </c>
      <c r="GQ23" s="328">
        <v>80704</v>
      </c>
      <c r="GR23" s="330">
        <v>92704</v>
      </c>
      <c r="GS23" s="326">
        <v>0</v>
      </c>
      <c r="GT23" s="327">
        <v>143040</v>
      </c>
      <c r="GU23" s="328">
        <v>143040</v>
      </c>
      <c r="GV23" s="326">
        <v>0</v>
      </c>
      <c r="GW23" s="327">
        <v>22400</v>
      </c>
      <c r="GX23" s="327">
        <v>0</v>
      </c>
      <c r="GY23" s="327">
        <v>0</v>
      </c>
      <c r="GZ23" s="327">
        <v>0</v>
      </c>
      <c r="HA23" s="327">
        <v>0</v>
      </c>
      <c r="HB23" s="331">
        <v>22400</v>
      </c>
      <c r="HC23" s="330">
        <v>165440</v>
      </c>
      <c r="HD23" s="326">
        <v>106967</v>
      </c>
      <c r="HE23" s="327">
        <v>91316</v>
      </c>
      <c r="HF23" s="331">
        <v>198283</v>
      </c>
      <c r="HG23" s="332">
        <v>0</v>
      </c>
      <c r="HH23" s="327">
        <v>2624021</v>
      </c>
      <c r="HI23" s="327">
        <v>1241561</v>
      </c>
      <c r="HJ23" s="327">
        <v>2780940</v>
      </c>
      <c r="HK23" s="327">
        <v>2073420</v>
      </c>
      <c r="HL23" s="327">
        <v>1179982</v>
      </c>
      <c r="HM23" s="328">
        <v>9899924</v>
      </c>
      <c r="HN23" s="329">
        <v>10098207</v>
      </c>
      <c r="HO23" s="333">
        <v>0</v>
      </c>
      <c r="HP23" s="327">
        <v>0</v>
      </c>
      <c r="HQ23" s="328">
        <v>0</v>
      </c>
      <c r="HR23" s="326">
        <v>0</v>
      </c>
      <c r="HS23" s="327">
        <v>0</v>
      </c>
      <c r="HT23" s="327">
        <v>0</v>
      </c>
      <c r="HU23" s="327">
        <v>0</v>
      </c>
      <c r="HV23" s="327">
        <v>0</v>
      </c>
      <c r="HW23" s="327">
        <v>0</v>
      </c>
      <c r="HX23" s="331">
        <v>0</v>
      </c>
      <c r="HY23" s="330">
        <v>0</v>
      </c>
      <c r="HZ23" s="335">
        <v>51686</v>
      </c>
      <c r="IA23" s="336">
        <v>0</v>
      </c>
      <c r="IB23" s="337">
        <v>51686</v>
      </c>
      <c r="IC23" s="338">
        <v>0</v>
      </c>
      <c r="ID23" s="336">
        <v>1854787</v>
      </c>
      <c r="IE23" s="339">
        <v>2684344</v>
      </c>
      <c r="IF23" s="337">
        <v>4061657</v>
      </c>
      <c r="IG23" s="336">
        <v>1368502</v>
      </c>
      <c r="IH23" s="337">
        <v>749322</v>
      </c>
      <c r="II23" s="340">
        <v>10718612</v>
      </c>
      <c r="IJ23" s="341">
        <v>10770298</v>
      </c>
      <c r="IK23" s="342">
        <v>0</v>
      </c>
      <c r="IL23" s="343">
        <v>0</v>
      </c>
      <c r="IM23" s="344">
        <v>0</v>
      </c>
      <c r="IN23" s="404">
        <v>0</v>
      </c>
      <c r="IO23" s="345">
        <v>65545</v>
      </c>
      <c r="IP23" s="345">
        <v>149594</v>
      </c>
      <c r="IQ23" s="345">
        <v>0</v>
      </c>
      <c r="IR23" s="345">
        <v>80635</v>
      </c>
      <c r="IS23" s="345">
        <v>0</v>
      </c>
      <c r="IT23" s="346">
        <v>295774</v>
      </c>
      <c r="IU23" s="347">
        <v>295774</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943363</v>
      </c>
      <c r="JL23" s="345">
        <v>927075</v>
      </c>
      <c r="JM23" s="345">
        <v>457280</v>
      </c>
      <c r="JN23" s="345">
        <v>0</v>
      </c>
      <c r="JO23" s="345">
        <v>23909</v>
      </c>
      <c r="JP23" s="349">
        <v>2351627</v>
      </c>
      <c r="JQ23" s="347">
        <v>2351627</v>
      </c>
      <c r="JR23" s="348">
        <v>0</v>
      </c>
      <c r="JS23" s="345">
        <v>0</v>
      </c>
      <c r="JT23" s="346">
        <v>0</v>
      </c>
      <c r="JU23" s="351">
        <v>0</v>
      </c>
      <c r="JV23" s="345">
        <v>0</v>
      </c>
      <c r="JW23" s="345">
        <v>50681</v>
      </c>
      <c r="JX23" s="345">
        <v>626532</v>
      </c>
      <c r="JY23" s="345">
        <v>0</v>
      </c>
      <c r="JZ23" s="345">
        <v>144512</v>
      </c>
      <c r="KA23" s="349">
        <v>821725</v>
      </c>
      <c r="KB23" s="347">
        <v>821725</v>
      </c>
      <c r="KC23" s="352">
        <v>51686</v>
      </c>
      <c r="KD23" s="353">
        <v>0</v>
      </c>
      <c r="KE23" s="349">
        <v>51686</v>
      </c>
      <c r="KF23" s="351">
        <v>0</v>
      </c>
      <c r="KG23" s="345">
        <v>371451</v>
      </c>
      <c r="KH23" s="345">
        <v>366007</v>
      </c>
      <c r="KI23" s="345">
        <v>999175</v>
      </c>
      <c r="KJ23" s="345">
        <v>490979</v>
      </c>
      <c r="KK23" s="345">
        <v>0</v>
      </c>
      <c r="KL23" s="349">
        <v>2227612</v>
      </c>
      <c r="KM23" s="354">
        <v>2279298</v>
      </c>
      <c r="KN23" s="342">
        <v>0</v>
      </c>
      <c r="KO23" s="343">
        <v>0</v>
      </c>
      <c r="KP23" s="344">
        <v>0</v>
      </c>
      <c r="KQ23" s="404">
        <v>0</v>
      </c>
      <c r="KR23" s="345">
        <v>474428</v>
      </c>
      <c r="KS23" s="345">
        <v>1190987</v>
      </c>
      <c r="KT23" s="345">
        <v>1274728</v>
      </c>
      <c r="KU23" s="345">
        <v>474996</v>
      </c>
      <c r="KV23" s="345">
        <v>267703</v>
      </c>
      <c r="KW23" s="349">
        <v>3682842</v>
      </c>
      <c r="KX23" s="347">
        <v>3682842</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132547</v>
      </c>
      <c r="LQ23" s="345">
        <v>0</v>
      </c>
      <c r="LR23" s="345">
        <v>313198</v>
      </c>
      <c r="LS23" s="349">
        <v>445745</v>
      </c>
      <c r="LT23" s="347">
        <v>445745</v>
      </c>
      <c r="LU23" s="348">
        <v>0</v>
      </c>
      <c r="LV23" s="345">
        <v>0</v>
      </c>
      <c r="LW23" s="349">
        <v>0</v>
      </c>
      <c r="LX23" s="404">
        <v>0</v>
      </c>
      <c r="LY23" s="345">
        <v>0</v>
      </c>
      <c r="LZ23" s="345">
        <v>0</v>
      </c>
      <c r="MA23" s="345">
        <v>571395</v>
      </c>
      <c r="MB23" s="345">
        <v>321892</v>
      </c>
      <c r="MC23" s="345">
        <v>0</v>
      </c>
      <c r="MD23" s="349">
        <v>893287</v>
      </c>
      <c r="ME23" s="350">
        <v>893287</v>
      </c>
      <c r="MF23" s="348">
        <v>0</v>
      </c>
      <c r="MG23" s="345">
        <v>0</v>
      </c>
      <c r="MH23" s="349">
        <v>0</v>
      </c>
      <c r="MI23" s="404">
        <v>0</v>
      </c>
      <c r="MJ23" s="345">
        <v>268464</v>
      </c>
      <c r="MK23" s="345">
        <v>1003237</v>
      </c>
      <c r="ML23" s="345">
        <v>4640284</v>
      </c>
      <c r="MM23" s="345">
        <v>6513934</v>
      </c>
      <c r="MN23" s="345">
        <v>2945941</v>
      </c>
      <c r="MO23" s="349">
        <v>15371860</v>
      </c>
      <c r="MP23" s="354">
        <v>15371860</v>
      </c>
      <c r="MQ23" s="348">
        <v>0</v>
      </c>
      <c r="MR23" s="345">
        <v>0</v>
      </c>
      <c r="MS23" s="349">
        <v>0</v>
      </c>
      <c r="MT23" s="404">
        <v>0</v>
      </c>
      <c r="MU23" s="345">
        <v>0</v>
      </c>
      <c r="MV23" s="345">
        <v>0</v>
      </c>
      <c r="MW23" s="345">
        <v>2436221</v>
      </c>
      <c r="MX23" s="345">
        <v>4982832</v>
      </c>
      <c r="MY23" s="345">
        <v>1711487</v>
      </c>
      <c r="MZ23" s="349">
        <v>9130540</v>
      </c>
      <c r="NA23" s="354">
        <v>9130540</v>
      </c>
      <c r="NB23" s="348">
        <v>0</v>
      </c>
      <c r="NC23" s="345">
        <v>0</v>
      </c>
      <c r="ND23" s="349">
        <v>0</v>
      </c>
      <c r="NE23" s="404">
        <v>0</v>
      </c>
      <c r="NF23" s="345">
        <v>268464</v>
      </c>
      <c r="NG23" s="345">
        <v>1003237</v>
      </c>
      <c r="NH23" s="345">
        <v>2204063</v>
      </c>
      <c r="NI23" s="345">
        <v>1531102</v>
      </c>
      <c r="NJ23" s="345">
        <v>997805</v>
      </c>
      <c r="NK23" s="349">
        <v>6004671</v>
      </c>
      <c r="NL23" s="347">
        <v>6004671</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236649</v>
      </c>
      <c r="OG23" s="349">
        <v>236649</v>
      </c>
      <c r="OH23" s="350">
        <v>236649</v>
      </c>
      <c r="OI23" s="348">
        <v>456547</v>
      </c>
      <c r="OJ23" s="345">
        <v>1166212</v>
      </c>
      <c r="OK23" s="346">
        <v>1622759</v>
      </c>
      <c r="OL23" s="351">
        <v>0</v>
      </c>
      <c r="OM23" s="345">
        <v>11418854</v>
      </c>
      <c r="ON23" s="345">
        <v>11326295</v>
      </c>
      <c r="OO23" s="345">
        <v>18967230</v>
      </c>
      <c r="OP23" s="345">
        <v>14112763</v>
      </c>
      <c r="OQ23" s="345">
        <v>8781054</v>
      </c>
      <c r="OR23" s="349">
        <v>64606196</v>
      </c>
      <c r="OS23" s="354">
        <v>66228955</v>
      </c>
    </row>
    <row r="24" spans="2:409" s="70" customFormat="1" ht="21" customHeight="1" x14ac:dyDescent="0.2">
      <c r="B24" s="410" t="s">
        <v>19</v>
      </c>
      <c r="C24" s="326">
        <v>325979</v>
      </c>
      <c r="D24" s="327">
        <v>775093</v>
      </c>
      <c r="E24" s="328">
        <v>1101072</v>
      </c>
      <c r="F24" s="329">
        <v>0</v>
      </c>
      <c r="G24" s="327">
        <v>3718073</v>
      </c>
      <c r="H24" s="327">
        <v>4526343</v>
      </c>
      <c r="I24" s="327">
        <v>2396840</v>
      </c>
      <c r="J24" s="327">
        <v>2044288</v>
      </c>
      <c r="K24" s="327">
        <v>1818032</v>
      </c>
      <c r="L24" s="329">
        <v>14503576</v>
      </c>
      <c r="M24" s="330">
        <v>15604648</v>
      </c>
      <c r="N24" s="326">
        <v>74943</v>
      </c>
      <c r="O24" s="327">
        <v>240504</v>
      </c>
      <c r="P24" s="328">
        <v>315447</v>
      </c>
      <c r="Q24" s="326">
        <v>0</v>
      </c>
      <c r="R24" s="327">
        <v>1104038</v>
      </c>
      <c r="S24" s="327">
        <v>926308</v>
      </c>
      <c r="T24" s="327">
        <v>912450</v>
      </c>
      <c r="U24" s="327">
        <v>1072176</v>
      </c>
      <c r="V24" s="327">
        <v>681188</v>
      </c>
      <c r="W24" s="328">
        <v>4696160</v>
      </c>
      <c r="X24" s="330">
        <v>5011607</v>
      </c>
      <c r="Y24" s="326">
        <v>0</v>
      </c>
      <c r="Z24" s="327">
        <v>0</v>
      </c>
      <c r="AA24" s="328">
        <v>0</v>
      </c>
      <c r="AB24" s="326">
        <v>0</v>
      </c>
      <c r="AC24" s="327">
        <v>261884</v>
      </c>
      <c r="AD24" s="327">
        <v>251621</v>
      </c>
      <c r="AE24" s="327">
        <v>308013</v>
      </c>
      <c r="AF24" s="327">
        <v>567663</v>
      </c>
      <c r="AG24" s="327">
        <v>159325</v>
      </c>
      <c r="AH24" s="328">
        <v>1548506</v>
      </c>
      <c r="AI24" s="330">
        <v>1548506</v>
      </c>
      <c r="AJ24" s="326">
        <v>0</v>
      </c>
      <c r="AK24" s="327">
        <v>0</v>
      </c>
      <c r="AL24" s="328">
        <v>0</v>
      </c>
      <c r="AM24" s="326">
        <v>0</v>
      </c>
      <c r="AN24" s="327">
        <v>0</v>
      </c>
      <c r="AO24" s="327">
        <v>0</v>
      </c>
      <c r="AP24" s="327">
        <v>220380</v>
      </c>
      <c r="AQ24" s="327">
        <v>0</v>
      </c>
      <c r="AR24" s="327">
        <v>111013</v>
      </c>
      <c r="AS24" s="328">
        <v>331393</v>
      </c>
      <c r="AT24" s="330">
        <v>331393</v>
      </c>
      <c r="AU24" s="326">
        <v>53215</v>
      </c>
      <c r="AV24" s="327">
        <v>139640</v>
      </c>
      <c r="AW24" s="328">
        <v>192855</v>
      </c>
      <c r="AX24" s="326">
        <v>0</v>
      </c>
      <c r="AY24" s="327">
        <v>490692</v>
      </c>
      <c r="AZ24" s="327">
        <v>398249</v>
      </c>
      <c r="BA24" s="327">
        <v>248193</v>
      </c>
      <c r="BB24" s="327">
        <v>292217</v>
      </c>
      <c r="BC24" s="327">
        <v>253278</v>
      </c>
      <c r="BD24" s="328">
        <v>1682629</v>
      </c>
      <c r="BE24" s="330">
        <v>1875484</v>
      </c>
      <c r="BF24" s="326">
        <v>0</v>
      </c>
      <c r="BG24" s="327">
        <v>0</v>
      </c>
      <c r="BH24" s="331">
        <v>0</v>
      </c>
      <c r="BI24" s="332">
        <v>0</v>
      </c>
      <c r="BJ24" s="327">
        <v>35878</v>
      </c>
      <c r="BK24" s="327">
        <v>35878</v>
      </c>
      <c r="BL24" s="327">
        <v>0</v>
      </c>
      <c r="BM24" s="327">
        <v>93480</v>
      </c>
      <c r="BN24" s="327">
        <v>31700</v>
      </c>
      <c r="BO24" s="328">
        <v>196936</v>
      </c>
      <c r="BP24" s="330">
        <v>196936</v>
      </c>
      <c r="BQ24" s="326">
        <v>21728</v>
      </c>
      <c r="BR24" s="327">
        <v>100864</v>
      </c>
      <c r="BS24" s="328">
        <v>122592</v>
      </c>
      <c r="BT24" s="326">
        <v>0</v>
      </c>
      <c r="BU24" s="327">
        <v>315584</v>
      </c>
      <c r="BV24" s="327">
        <v>240560</v>
      </c>
      <c r="BW24" s="327">
        <v>135864</v>
      </c>
      <c r="BX24" s="327">
        <v>118816</v>
      </c>
      <c r="BY24" s="327">
        <v>125872</v>
      </c>
      <c r="BZ24" s="328">
        <v>936696</v>
      </c>
      <c r="CA24" s="330">
        <v>1059288</v>
      </c>
      <c r="CB24" s="326">
        <v>104348</v>
      </c>
      <c r="CC24" s="327">
        <v>80087</v>
      </c>
      <c r="CD24" s="328">
        <v>184435</v>
      </c>
      <c r="CE24" s="326">
        <v>0</v>
      </c>
      <c r="CF24" s="327">
        <v>1085604</v>
      </c>
      <c r="CG24" s="327">
        <v>1648248</v>
      </c>
      <c r="CH24" s="327">
        <v>585997</v>
      </c>
      <c r="CI24" s="327">
        <v>173803</v>
      </c>
      <c r="CJ24" s="327">
        <v>259918</v>
      </c>
      <c r="CK24" s="328">
        <v>3753570</v>
      </c>
      <c r="CL24" s="330">
        <v>3938005</v>
      </c>
      <c r="CM24" s="326">
        <v>0</v>
      </c>
      <c r="CN24" s="327">
        <v>0</v>
      </c>
      <c r="CO24" s="328">
        <v>0</v>
      </c>
      <c r="CP24" s="332">
        <v>0</v>
      </c>
      <c r="CQ24" s="327">
        <v>842100</v>
      </c>
      <c r="CR24" s="327">
        <v>940629</v>
      </c>
      <c r="CS24" s="327">
        <v>377926</v>
      </c>
      <c r="CT24" s="327">
        <v>0</v>
      </c>
      <c r="CU24" s="327">
        <v>259918</v>
      </c>
      <c r="CV24" s="328">
        <v>2420573</v>
      </c>
      <c r="CW24" s="330">
        <v>2420573</v>
      </c>
      <c r="CX24" s="326">
        <v>104348</v>
      </c>
      <c r="CY24" s="327">
        <v>80087</v>
      </c>
      <c r="CZ24" s="328">
        <v>184435</v>
      </c>
      <c r="DA24" s="326">
        <v>0</v>
      </c>
      <c r="DB24" s="327">
        <v>243504</v>
      </c>
      <c r="DC24" s="327">
        <v>707619</v>
      </c>
      <c r="DD24" s="327">
        <v>208071</v>
      </c>
      <c r="DE24" s="327">
        <v>173803</v>
      </c>
      <c r="DF24" s="327">
        <v>0</v>
      </c>
      <c r="DG24" s="328">
        <v>1332997</v>
      </c>
      <c r="DH24" s="330">
        <v>1517432</v>
      </c>
      <c r="DI24" s="326">
        <v>0</v>
      </c>
      <c r="DJ24" s="327">
        <v>0</v>
      </c>
      <c r="DK24" s="331">
        <v>0</v>
      </c>
      <c r="DL24" s="332">
        <v>0</v>
      </c>
      <c r="DM24" s="327">
        <v>85791</v>
      </c>
      <c r="DN24" s="327">
        <v>159813</v>
      </c>
      <c r="DO24" s="327">
        <v>105419</v>
      </c>
      <c r="DP24" s="327">
        <v>0</v>
      </c>
      <c r="DQ24" s="327">
        <v>0</v>
      </c>
      <c r="DR24" s="328">
        <v>351023</v>
      </c>
      <c r="DS24" s="330">
        <v>351023</v>
      </c>
      <c r="DT24" s="326">
        <v>0</v>
      </c>
      <c r="DU24" s="327">
        <v>0</v>
      </c>
      <c r="DV24" s="328">
        <v>0</v>
      </c>
      <c r="DW24" s="326">
        <v>0</v>
      </c>
      <c r="DX24" s="327">
        <v>85791</v>
      </c>
      <c r="DY24" s="327">
        <v>125738</v>
      </c>
      <c r="DZ24" s="327">
        <v>0</v>
      </c>
      <c r="EA24" s="327">
        <v>0</v>
      </c>
      <c r="EB24" s="327">
        <v>0</v>
      </c>
      <c r="EC24" s="328">
        <v>211529</v>
      </c>
      <c r="ED24" s="330">
        <v>211529</v>
      </c>
      <c r="EE24" s="326">
        <v>0</v>
      </c>
      <c r="EF24" s="331">
        <v>0</v>
      </c>
      <c r="EG24" s="328">
        <v>0</v>
      </c>
      <c r="EH24" s="326">
        <v>0</v>
      </c>
      <c r="EI24" s="327">
        <v>0</v>
      </c>
      <c r="EJ24" s="327">
        <v>34075</v>
      </c>
      <c r="EK24" s="327">
        <v>105419</v>
      </c>
      <c r="EL24" s="327">
        <v>0</v>
      </c>
      <c r="EM24" s="327">
        <v>0</v>
      </c>
      <c r="EN24" s="331">
        <v>139494</v>
      </c>
      <c r="EO24" s="330">
        <v>139494</v>
      </c>
      <c r="EP24" s="326">
        <v>0</v>
      </c>
      <c r="EQ24" s="327">
        <v>0</v>
      </c>
      <c r="ER24" s="331">
        <v>0</v>
      </c>
      <c r="ES24" s="332">
        <v>0</v>
      </c>
      <c r="ET24" s="327">
        <v>0</v>
      </c>
      <c r="EU24" s="327">
        <v>0</v>
      </c>
      <c r="EV24" s="327">
        <v>0</v>
      </c>
      <c r="EW24" s="327">
        <v>0</v>
      </c>
      <c r="EX24" s="327">
        <v>0</v>
      </c>
      <c r="EY24" s="328">
        <v>0</v>
      </c>
      <c r="EZ24" s="330">
        <v>0</v>
      </c>
      <c r="FA24" s="326">
        <v>0</v>
      </c>
      <c r="FB24" s="327">
        <v>0</v>
      </c>
      <c r="FC24" s="331">
        <v>0</v>
      </c>
      <c r="FD24" s="332">
        <v>0</v>
      </c>
      <c r="FE24" s="327">
        <v>0</v>
      </c>
      <c r="FF24" s="327">
        <v>0</v>
      </c>
      <c r="FG24" s="327">
        <v>0</v>
      </c>
      <c r="FH24" s="327">
        <v>0</v>
      </c>
      <c r="FI24" s="327">
        <v>0</v>
      </c>
      <c r="FJ24" s="328">
        <v>0</v>
      </c>
      <c r="FK24" s="330">
        <v>0</v>
      </c>
      <c r="FL24" s="326">
        <v>32880</v>
      </c>
      <c r="FM24" s="327">
        <v>85408</v>
      </c>
      <c r="FN24" s="328">
        <v>118288</v>
      </c>
      <c r="FO24" s="326">
        <v>0</v>
      </c>
      <c r="FP24" s="327">
        <v>236688</v>
      </c>
      <c r="FQ24" s="327">
        <v>438806</v>
      </c>
      <c r="FR24" s="327">
        <v>208520</v>
      </c>
      <c r="FS24" s="327">
        <v>156232</v>
      </c>
      <c r="FT24" s="327">
        <v>273896</v>
      </c>
      <c r="FU24" s="328">
        <v>1314142</v>
      </c>
      <c r="FV24" s="330">
        <v>1432430</v>
      </c>
      <c r="FW24" s="333">
        <v>32880</v>
      </c>
      <c r="FX24" s="327">
        <v>85408</v>
      </c>
      <c r="FY24" s="331">
        <v>118288</v>
      </c>
      <c r="FZ24" s="332">
        <v>0</v>
      </c>
      <c r="GA24" s="327">
        <v>236688</v>
      </c>
      <c r="GB24" s="327">
        <v>390304</v>
      </c>
      <c r="GC24" s="327">
        <v>162920</v>
      </c>
      <c r="GD24" s="327">
        <v>156232</v>
      </c>
      <c r="GE24" s="327">
        <v>273896</v>
      </c>
      <c r="GF24" s="328">
        <v>1220040</v>
      </c>
      <c r="GG24" s="334">
        <v>1338328</v>
      </c>
      <c r="GH24" s="333">
        <v>0</v>
      </c>
      <c r="GI24" s="327">
        <v>0</v>
      </c>
      <c r="GJ24" s="331">
        <v>0</v>
      </c>
      <c r="GK24" s="332">
        <v>0</v>
      </c>
      <c r="GL24" s="327">
        <v>0</v>
      </c>
      <c r="GM24" s="327">
        <v>48502</v>
      </c>
      <c r="GN24" s="327">
        <v>0</v>
      </c>
      <c r="GO24" s="327">
        <v>0</v>
      </c>
      <c r="GP24" s="327">
        <v>0</v>
      </c>
      <c r="GQ24" s="328">
        <v>48502</v>
      </c>
      <c r="GR24" s="330">
        <v>48502</v>
      </c>
      <c r="GS24" s="326">
        <v>0</v>
      </c>
      <c r="GT24" s="327">
        <v>0</v>
      </c>
      <c r="GU24" s="328">
        <v>0</v>
      </c>
      <c r="GV24" s="326">
        <v>0</v>
      </c>
      <c r="GW24" s="327">
        <v>0</v>
      </c>
      <c r="GX24" s="327">
        <v>0</v>
      </c>
      <c r="GY24" s="327">
        <v>45600</v>
      </c>
      <c r="GZ24" s="327">
        <v>0</v>
      </c>
      <c r="HA24" s="327">
        <v>0</v>
      </c>
      <c r="HB24" s="331">
        <v>45600</v>
      </c>
      <c r="HC24" s="330">
        <v>45600</v>
      </c>
      <c r="HD24" s="326">
        <v>113808</v>
      </c>
      <c r="HE24" s="327">
        <v>369094</v>
      </c>
      <c r="HF24" s="331">
        <v>482902</v>
      </c>
      <c r="HG24" s="332">
        <v>0</v>
      </c>
      <c r="HH24" s="327">
        <v>1205952</v>
      </c>
      <c r="HI24" s="327">
        <v>1353168</v>
      </c>
      <c r="HJ24" s="327">
        <v>584454</v>
      </c>
      <c r="HK24" s="327">
        <v>642077</v>
      </c>
      <c r="HL24" s="327">
        <v>603030</v>
      </c>
      <c r="HM24" s="328">
        <v>4388681</v>
      </c>
      <c r="HN24" s="329">
        <v>4871583</v>
      </c>
      <c r="HO24" s="333">
        <v>0</v>
      </c>
      <c r="HP24" s="327">
        <v>0</v>
      </c>
      <c r="HQ24" s="328">
        <v>0</v>
      </c>
      <c r="HR24" s="326">
        <v>0</v>
      </c>
      <c r="HS24" s="327">
        <v>0</v>
      </c>
      <c r="HT24" s="327">
        <v>0</v>
      </c>
      <c r="HU24" s="327">
        <v>0</v>
      </c>
      <c r="HV24" s="327">
        <v>0</v>
      </c>
      <c r="HW24" s="327">
        <v>0</v>
      </c>
      <c r="HX24" s="331">
        <v>0</v>
      </c>
      <c r="HY24" s="330">
        <v>0</v>
      </c>
      <c r="HZ24" s="358">
        <v>0</v>
      </c>
      <c r="IA24" s="356">
        <v>0</v>
      </c>
      <c r="IB24" s="358">
        <v>0</v>
      </c>
      <c r="IC24" s="355">
        <v>0</v>
      </c>
      <c r="ID24" s="356">
        <v>1192722</v>
      </c>
      <c r="IE24" s="357">
        <v>1653716</v>
      </c>
      <c r="IF24" s="358">
        <v>1065463</v>
      </c>
      <c r="IG24" s="356">
        <v>0</v>
      </c>
      <c r="IH24" s="358">
        <v>1364465</v>
      </c>
      <c r="II24" s="359">
        <v>5276366</v>
      </c>
      <c r="IJ24" s="358">
        <v>5276366</v>
      </c>
      <c r="IK24" s="342">
        <v>0</v>
      </c>
      <c r="IL24" s="343">
        <v>0</v>
      </c>
      <c r="IM24" s="344">
        <v>0</v>
      </c>
      <c r="IN24" s="404">
        <v>0</v>
      </c>
      <c r="IO24" s="345">
        <v>0</v>
      </c>
      <c r="IP24" s="345">
        <v>0</v>
      </c>
      <c r="IQ24" s="345">
        <v>0</v>
      </c>
      <c r="IR24" s="345">
        <v>0</v>
      </c>
      <c r="IS24" s="345">
        <v>0</v>
      </c>
      <c r="IT24" s="346">
        <v>0</v>
      </c>
      <c r="IU24" s="347">
        <v>0</v>
      </c>
      <c r="IV24" s="348">
        <v>0</v>
      </c>
      <c r="IW24" s="345">
        <v>0</v>
      </c>
      <c r="IX24" s="349">
        <v>0</v>
      </c>
      <c r="IY24" s="404">
        <v>0</v>
      </c>
      <c r="IZ24" s="345">
        <v>0</v>
      </c>
      <c r="JA24" s="345">
        <v>0</v>
      </c>
      <c r="JB24" s="345">
        <v>0</v>
      </c>
      <c r="JC24" s="345">
        <v>0</v>
      </c>
      <c r="JD24" s="345">
        <v>0</v>
      </c>
      <c r="JE24" s="349">
        <v>0</v>
      </c>
      <c r="JF24" s="350">
        <v>0</v>
      </c>
      <c r="JG24" s="348">
        <v>0</v>
      </c>
      <c r="JH24" s="345">
        <v>0</v>
      </c>
      <c r="JI24" s="346">
        <v>0</v>
      </c>
      <c r="JJ24" s="351">
        <v>0</v>
      </c>
      <c r="JK24" s="345">
        <v>325564</v>
      </c>
      <c r="JL24" s="345">
        <v>271255</v>
      </c>
      <c r="JM24" s="345">
        <v>0</v>
      </c>
      <c r="JN24" s="345">
        <v>0</v>
      </c>
      <c r="JO24" s="345">
        <v>0</v>
      </c>
      <c r="JP24" s="349">
        <v>596819</v>
      </c>
      <c r="JQ24" s="347">
        <v>596819</v>
      </c>
      <c r="JR24" s="348">
        <v>0</v>
      </c>
      <c r="JS24" s="345">
        <v>0</v>
      </c>
      <c r="JT24" s="346">
        <v>0</v>
      </c>
      <c r="JU24" s="351">
        <v>0</v>
      </c>
      <c r="JV24" s="345">
        <v>93952</v>
      </c>
      <c r="JW24" s="345">
        <v>185602</v>
      </c>
      <c r="JX24" s="345">
        <v>0</v>
      </c>
      <c r="JY24" s="345">
        <v>0</v>
      </c>
      <c r="JZ24" s="345">
        <v>0</v>
      </c>
      <c r="KA24" s="349">
        <v>279554</v>
      </c>
      <c r="KB24" s="347">
        <v>279554</v>
      </c>
      <c r="KC24" s="352">
        <v>0</v>
      </c>
      <c r="KD24" s="353">
        <v>0</v>
      </c>
      <c r="KE24" s="349">
        <v>0</v>
      </c>
      <c r="KF24" s="351">
        <v>0</v>
      </c>
      <c r="KG24" s="345">
        <v>544360</v>
      </c>
      <c r="KH24" s="345">
        <v>749216</v>
      </c>
      <c r="KI24" s="345">
        <v>506221</v>
      </c>
      <c r="KJ24" s="345">
        <v>0</v>
      </c>
      <c r="KK24" s="345">
        <v>0</v>
      </c>
      <c r="KL24" s="349">
        <v>1799797</v>
      </c>
      <c r="KM24" s="354">
        <v>1799797</v>
      </c>
      <c r="KN24" s="342">
        <v>0</v>
      </c>
      <c r="KO24" s="343">
        <v>0</v>
      </c>
      <c r="KP24" s="344">
        <v>0</v>
      </c>
      <c r="KQ24" s="404">
        <v>0</v>
      </c>
      <c r="KR24" s="345">
        <v>228846</v>
      </c>
      <c r="KS24" s="345">
        <v>447643</v>
      </c>
      <c r="KT24" s="345">
        <v>260965</v>
      </c>
      <c r="KU24" s="345">
        <v>0</v>
      </c>
      <c r="KV24" s="345">
        <v>264618</v>
      </c>
      <c r="KW24" s="349">
        <v>1202072</v>
      </c>
      <c r="KX24" s="347">
        <v>1202072</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298277</v>
      </c>
      <c r="MB24" s="345">
        <v>0</v>
      </c>
      <c r="MC24" s="345">
        <v>1099847</v>
      </c>
      <c r="MD24" s="349">
        <v>1398124</v>
      </c>
      <c r="ME24" s="350">
        <v>1398124</v>
      </c>
      <c r="MF24" s="348">
        <v>0</v>
      </c>
      <c r="MG24" s="345">
        <v>0</v>
      </c>
      <c r="MH24" s="349">
        <v>0</v>
      </c>
      <c r="MI24" s="404">
        <v>0</v>
      </c>
      <c r="MJ24" s="345">
        <v>690201</v>
      </c>
      <c r="MK24" s="345">
        <v>569956</v>
      </c>
      <c r="ML24" s="345">
        <v>1590620</v>
      </c>
      <c r="MM24" s="345">
        <v>2596350</v>
      </c>
      <c r="MN24" s="345">
        <v>1201142</v>
      </c>
      <c r="MO24" s="349">
        <v>6648269</v>
      </c>
      <c r="MP24" s="354">
        <v>6648269</v>
      </c>
      <c r="MQ24" s="348">
        <v>0</v>
      </c>
      <c r="MR24" s="345">
        <v>0</v>
      </c>
      <c r="MS24" s="349">
        <v>0</v>
      </c>
      <c r="MT24" s="404">
        <v>0</v>
      </c>
      <c r="MU24" s="345">
        <v>0</v>
      </c>
      <c r="MV24" s="345">
        <v>0</v>
      </c>
      <c r="MW24" s="345">
        <v>943708</v>
      </c>
      <c r="MX24" s="345">
        <v>1354675</v>
      </c>
      <c r="MY24" s="345">
        <v>1178846</v>
      </c>
      <c r="MZ24" s="349">
        <v>3477229</v>
      </c>
      <c r="NA24" s="354">
        <v>3477229</v>
      </c>
      <c r="NB24" s="348">
        <v>0</v>
      </c>
      <c r="NC24" s="345">
        <v>0</v>
      </c>
      <c r="ND24" s="349">
        <v>0</v>
      </c>
      <c r="NE24" s="404">
        <v>0</v>
      </c>
      <c r="NF24" s="345">
        <v>690201</v>
      </c>
      <c r="NG24" s="345">
        <v>569956</v>
      </c>
      <c r="NH24" s="345">
        <v>646912</v>
      </c>
      <c r="NI24" s="345">
        <v>1241675</v>
      </c>
      <c r="NJ24" s="345">
        <v>22296</v>
      </c>
      <c r="NK24" s="349">
        <v>3171040</v>
      </c>
      <c r="NL24" s="347">
        <v>3171040</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25979</v>
      </c>
      <c r="OJ24" s="345">
        <v>775093</v>
      </c>
      <c r="OK24" s="346">
        <v>1101072</v>
      </c>
      <c r="OL24" s="351">
        <v>0</v>
      </c>
      <c r="OM24" s="345">
        <v>5600996</v>
      </c>
      <c r="ON24" s="345">
        <v>6750015</v>
      </c>
      <c r="OO24" s="345">
        <v>5052923</v>
      </c>
      <c r="OP24" s="345">
        <v>4640638</v>
      </c>
      <c r="OQ24" s="345">
        <v>4383639</v>
      </c>
      <c r="OR24" s="349">
        <v>26428211</v>
      </c>
      <c r="OS24" s="354">
        <v>27529283</v>
      </c>
    </row>
    <row r="25" spans="2:409" s="70" customFormat="1" ht="21" customHeight="1" x14ac:dyDescent="0.2">
      <c r="B25" s="410" t="s">
        <v>20</v>
      </c>
      <c r="C25" s="326">
        <v>387042</v>
      </c>
      <c r="D25" s="327">
        <v>606573</v>
      </c>
      <c r="E25" s="328">
        <v>993615</v>
      </c>
      <c r="F25" s="326">
        <v>0</v>
      </c>
      <c r="G25" s="327">
        <v>7179118</v>
      </c>
      <c r="H25" s="327">
        <v>6511944</v>
      </c>
      <c r="I25" s="327">
        <v>4895414</v>
      </c>
      <c r="J25" s="327">
        <v>4027165</v>
      </c>
      <c r="K25" s="327">
        <v>2121674</v>
      </c>
      <c r="L25" s="367">
        <v>24735315</v>
      </c>
      <c r="M25" s="330">
        <v>25728930</v>
      </c>
      <c r="N25" s="326">
        <v>168727</v>
      </c>
      <c r="O25" s="327">
        <v>223884</v>
      </c>
      <c r="P25" s="328">
        <v>392611</v>
      </c>
      <c r="Q25" s="326">
        <v>0</v>
      </c>
      <c r="R25" s="327">
        <v>2257467</v>
      </c>
      <c r="S25" s="327">
        <v>2801720</v>
      </c>
      <c r="T25" s="327">
        <v>1526202</v>
      </c>
      <c r="U25" s="327">
        <v>1340829</v>
      </c>
      <c r="V25" s="327">
        <v>1112912</v>
      </c>
      <c r="W25" s="328">
        <v>9039130</v>
      </c>
      <c r="X25" s="330">
        <v>9431741</v>
      </c>
      <c r="Y25" s="326">
        <v>0</v>
      </c>
      <c r="Z25" s="327">
        <v>0</v>
      </c>
      <c r="AA25" s="328">
        <v>0</v>
      </c>
      <c r="AB25" s="326">
        <v>0</v>
      </c>
      <c r="AC25" s="327">
        <v>1284039</v>
      </c>
      <c r="AD25" s="327">
        <v>1422139</v>
      </c>
      <c r="AE25" s="327">
        <v>662743</v>
      </c>
      <c r="AF25" s="327">
        <v>687660</v>
      </c>
      <c r="AG25" s="327">
        <v>336431</v>
      </c>
      <c r="AH25" s="328">
        <v>4393012</v>
      </c>
      <c r="AI25" s="330">
        <v>4393012</v>
      </c>
      <c r="AJ25" s="326">
        <v>0</v>
      </c>
      <c r="AK25" s="327">
        <v>0</v>
      </c>
      <c r="AL25" s="328">
        <v>0</v>
      </c>
      <c r="AM25" s="326">
        <v>0</v>
      </c>
      <c r="AN25" s="327">
        <v>0</v>
      </c>
      <c r="AO25" s="327">
        <v>0</v>
      </c>
      <c r="AP25" s="327">
        <v>0</v>
      </c>
      <c r="AQ25" s="327">
        <v>159004</v>
      </c>
      <c r="AR25" s="327">
        <v>253847</v>
      </c>
      <c r="AS25" s="328">
        <v>412851</v>
      </c>
      <c r="AT25" s="330">
        <v>412851</v>
      </c>
      <c r="AU25" s="326">
        <v>104143</v>
      </c>
      <c r="AV25" s="327">
        <v>102868</v>
      </c>
      <c r="AW25" s="328">
        <v>207011</v>
      </c>
      <c r="AX25" s="326">
        <v>0</v>
      </c>
      <c r="AY25" s="327">
        <v>569329</v>
      </c>
      <c r="AZ25" s="327">
        <v>905227</v>
      </c>
      <c r="BA25" s="327">
        <v>391457</v>
      </c>
      <c r="BB25" s="327">
        <v>128115</v>
      </c>
      <c r="BC25" s="327">
        <v>426218</v>
      </c>
      <c r="BD25" s="328">
        <v>2420346</v>
      </c>
      <c r="BE25" s="330">
        <v>2627357</v>
      </c>
      <c r="BF25" s="326">
        <v>39432</v>
      </c>
      <c r="BG25" s="327">
        <v>76240</v>
      </c>
      <c r="BH25" s="331">
        <v>115672</v>
      </c>
      <c r="BI25" s="332">
        <v>0</v>
      </c>
      <c r="BJ25" s="327">
        <v>121171</v>
      </c>
      <c r="BK25" s="327">
        <v>218778</v>
      </c>
      <c r="BL25" s="327">
        <v>225130</v>
      </c>
      <c r="BM25" s="327">
        <v>100394</v>
      </c>
      <c r="BN25" s="327">
        <v>0</v>
      </c>
      <c r="BO25" s="328">
        <v>665473</v>
      </c>
      <c r="BP25" s="330">
        <v>781145</v>
      </c>
      <c r="BQ25" s="326">
        <v>25152</v>
      </c>
      <c r="BR25" s="327">
        <v>44776</v>
      </c>
      <c r="BS25" s="328">
        <v>69928</v>
      </c>
      <c r="BT25" s="326">
        <v>0</v>
      </c>
      <c r="BU25" s="327">
        <v>282928</v>
      </c>
      <c r="BV25" s="327">
        <v>255576</v>
      </c>
      <c r="BW25" s="327">
        <v>246872</v>
      </c>
      <c r="BX25" s="327">
        <v>265656</v>
      </c>
      <c r="BY25" s="327">
        <v>96416</v>
      </c>
      <c r="BZ25" s="328">
        <v>1147448</v>
      </c>
      <c r="CA25" s="330">
        <v>1217376</v>
      </c>
      <c r="CB25" s="326">
        <v>42621</v>
      </c>
      <c r="CC25" s="327">
        <v>0</v>
      </c>
      <c r="CD25" s="328">
        <v>42621</v>
      </c>
      <c r="CE25" s="326">
        <v>0</v>
      </c>
      <c r="CF25" s="327">
        <v>2872017</v>
      </c>
      <c r="CG25" s="327">
        <v>2262147</v>
      </c>
      <c r="CH25" s="327">
        <v>1202562</v>
      </c>
      <c r="CI25" s="327">
        <v>607388</v>
      </c>
      <c r="CJ25" s="327">
        <v>45781</v>
      </c>
      <c r="CK25" s="328">
        <v>6989895</v>
      </c>
      <c r="CL25" s="330">
        <v>7032516</v>
      </c>
      <c r="CM25" s="326">
        <v>0</v>
      </c>
      <c r="CN25" s="327">
        <v>0</v>
      </c>
      <c r="CO25" s="328">
        <v>0</v>
      </c>
      <c r="CP25" s="332">
        <v>0</v>
      </c>
      <c r="CQ25" s="327">
        <v>2117610</v>
      </c>
      <c r="CR25" s="327">
        <v>1939094</v>
      </c>
      <c r="CS25" s="327">
        <v>914788</v>
      </c>
      <c r="CT25" s="327">
        <v>486344</v>
      </c>
      <c r="CU25" s="327">
        <v>28777</v>
      </c>
      <c r="CV25" s="328">
        <v>5486613</v>
      </c>
      <c r="CW25" s="330">
        <v>5486613</v>
      </c>
      <c r="CX25" s="326">
        <v>42621</v>
      </c>
      <c r="CY25" s="327">
        <v>0</v>
      </c>
      <c r="CZ25" s="328">
        <v>42621</v>
      </c>
      <c r="DA25" s="326">
        <v>0</v>
      </c>
      <c r="DB25" s="327">
        <v>754407</v>
      </c>
      <c r="DC25" s="327">
        <v>323053</v>
      </c>
      <c r="DD25" s="327">
        <v>287774</v>
      </c>
      <c r="DE25" s="327">
        <v>121044</v>
      </c>
      <c r="DF25" s="327">
        <v>17004</v>
      </c>
      <c r="DG25" s="328">
        <v>1503282</v>
      </c>
      <c r="DH25" s="330">
        <v>1545903</v>
      </c>
      <c r="DI25" s="326">
        <v>0</v>
      </c>
      <c r="DJ25" s="327">
        <v>0</v>
      </c>
      <c r="DK25" s="331">
        <v>0</v>
      </c>
      <c r="DL25" s="332">
        <v>0</v>
      </c>
      <c r="DM25" s="327">
        <v>547925</v>
      </c>
      <c r="DN25" s="327">
        <v>504329</v>
      </c>
      <c r="DO25" s="327">
        <v>556443</v>
      </c>
      <c r="DP25" s="327">
        <v>124646</v>
      </c>
      <c r="DQ25" s="327">
        <v>280127</v>
      </c>
      <c r="DR25" s="328">
        <v>2013470</v>
      </c>
      <c r="DS25" s="330">
        <v>2013470</v>
      </c>
      <c r="DT25" s="326">
        <v>0</v>
      </c>
      <c r="DU25" s="327">
        <v>0</v>
      </c>
      <c r="DV25" s="328">
        <v>0</v>
      </c>
      <c r="DW25" s="326">
        <v>0</v>
      </c>
      <c r="DX25" s="327">
        <v>520564</v>
      </c>
      <c r="DY25" s="327">
        <v>392142</v>
      </c>
      <c r="DZ25" s="327">
        <v>496332</v>
      </c>
      <c r="EA25" s="327">
        <v>58135</v>
      </c>
      <c r="EB25" s="327">
        <v>280127</v>
      </c>
      <c r="EC25" s="328">
        <v>1747300</v>
      </c>
      <c r="ED25" s="330">
        <v>1747300</v>
      </c>
      <c r="EE25" s="326">
        <v>0</v>
      </c>
      <c r="EF25" s="331">
        <v>0</v>
      </c>
      <c r="EG25" s="328">
        <v>0</v>
      </c>
      <c r="EH25" s="326">
        <v>0</v>
      </c>
      <c r="EI25" s="327">
        <v>27361</v>
      </c>
      <c r="EJ25" s="327">
        <v>112187</v>
      </c>
      <c r="EK25" s="327">
        <v>60111</v>
      </c>
      <c r="EL25" s="327">
        <v>66511</v>
      </c>
      <c r="EM25" s="327">
        <v>0</v>
      </c>
      <c r="EN25" s="331">
        <v>266170</v>
      </c>
      <c r="EO25" s="330">
        <v>266170</v>
      </c>
      <c r="EP25" s="326">
        <v>0</v>
      </c>
      <c r="EQ25" s="327">
        <v>0</v>
      </c>
      <c r="ER25" s="331">
        <v>0</v>
      </c>
      <c r="ES25" s="332">
        <v>0</v>
      </c>
      <c r="ET25" s="327">
        <v>0</v>
      </c>
      <c r="EU25" s="327">
        <v>0</v>
      </c>
      <c r="EV25" s="327">
        <v>0</v>
      </c>
      <c r="EW25" s="327">
        <v>0</v>
      </c>
      <c r="EX25" s="327">
        <v>0</v>
      </c>
      <c r="EY25" s="328">
        <v>0</v>
      </c>
      <c r="EZ25" s="330">
        <v>0</v>
      </c>
      <c r="FA25" s="326">
        <v>0</v>
      </c>
      <c r="FB25" s="327">
        <v>0</v>
      </c>
      <c r="FC25" s="331">
        <v>0</v>
      </c>
      <c r="FD25" s="332">
        <v>0</v>
      </c>
      <c r="FE25" s="327">
        <v>0</v>
      </c>
      <c r="FF25" s="327">
        <v>0</v>
      </c>
      <c r="FG25" s="327">
        <v>0</v>
      </c>
      <c r="FH25" s="327">
        <v>0</v>
      </c>
      <c r="FI25" s="327">
        <v>0</v>
      </c>
      <c r="FJ25" s="328">
        <v>0</v>
      </c>
      <c r="FK25" s="330">
        <v>0</v>
      </c>
      <c r="FL25" s="326">
        <v>67208</v>
      </c>
      <c r="FM25" s="327">
        <v>103744</v>
      </c>
      <c r="FN25" s="328">
        <v>170952</v>
      </c>
      <c r="FO25" s="326">
        <v>0</v>
      </c>
      <c r="FP25" s="327">
        <v>539224</v>
      </c>
      <c r="FQ25" s="327">
        <v>724720</v>
      </c>
      <c r="FR25" s="327">
        <v>318880</v>
      </c>
      <c r="FS25" s="327">
        <v>209160</v>
      </c>
      <c r="FT25" s="327">
        <v>212072</v>
      </c>
      <c r="FU25" s="328">
        <v>2004056</v>
      </c>
      <c r="FV25" s="330">
        <v>2175008</v>
      </c>
      <c r="FW25" s="333">
        <v>67208</v>
      </c>
      <c r="FX25" s="327">
        <v>103744</v>
      </c>
      <c r="FY25" s="331">
        <v>170952</v>
      </c>
      <c r="FZ25" s="332">
        <v>0</v>
      </c>
      <c r="GA25" s="327">
        <v>440664</v>
      </c>
      <c r="GB25" s="327">
        <v>542544</v>
      </c>
      <c r="GC25" s="327">
        <v>318880</v>
      </c>
      <c r="GD25" s="327">
        <v>181520</v>
      </c>
      <c r="GE25" s="327">
        <v>179688</v>
      </c>
      <c r="GF25" s="328">
        <v>1663296</v>
      </c>
      <c r="GG25" s="334">
        <v>1834248</v>
      </c>
      <c r="GH25" s="333">
        <v>0</v>
      </c>
      <c r="GI25" s="327">
        <v>0</v>
      </c>
      <c r="GJ25" s="331">
        <v>0</v>
      </c>
      <c r="GK25" s="332">
        <v>0</v>
      </c>
      <c r="GL25" s="327">
        <v>45760</v>
      </c>
      <c r="GM25" s="327">
        <v>22176</v>
      </c>
      <c r="GN25" s="327">
        <v>0</v>
      </c>
      <c r="GO25" s="327">
        <v>27640</v>
      </c>
      <c r="GP25" s="327">
        <v>32384</v>
      </c>
      <c r="GQ25" s="328">
        <v>127960</v>
      </c>
      <c r="GR25" s="330">
        <v>127960</v>
      </c>
      <c r="GS25" s="326">
        <v>0</v>
      </c>
      <c r="GT25" s="327">
        <v>0</v>
      </c>
      <c r="GU25" s="328">
        <v>0</v>
      </c>
      <c r="GV25" s="326">
        <v>0</v>
      </c>
      <c r="GW25" s="327">
        <v>52800</v>
      </c>
      <c r="GX25" s="327">
        <v>160000</v>
      </c>
      <c r="GY25" s="327">
        <v>0</v>
      </c>
      <c r="GZ25" s="327">
        <v>0</v>
      </c>
      <c r="HA25" s="327">
        <v>0</v>
      </c>
      <c r="HB25" s="331">
        <v>212800</v>
      </c>
      <c r="HC25" s="330">
        <v>212800</v>
      </c>
      <c r="HD25" s="326">
        <v>108486</v>
      </c>
      <c r="HE25" s="327">
        <v>278945</v>
      </c>
      <c r="HF25" s="331">
        <v>387431</v>
      </c>
      <c r="HG25" s="332">
        <v>0</v>
      </c>
      <c r="HH25" s="327">
        <v>962485</v>
      </c>
      <c r="HI25" s="327">
        <v>219028</v>
      </c>
      <c r="HJ25" s="327">
        <v>1291327</v>
      </c>
      <c r="HK25" s="327">
        <v>1745142</v>
      </c>
      <c r="HL25" s="327">
        <v>470782</v>
      </c>
      <c r="HM25" s="328">
        <v>4688764</v>
      </c>
      <c r="HN25" s="329">
        <v>5076195</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872973</v>
      </c>
      <c r="IE25" s="339">
        <v>1061398</v>
      </c>
      <c r="IF25" s="337">
        <v>1818955</v>
      </c>
      <c r="IG25" s="336">
        <v>209390</v>
      </c>
      <c r="IH25" s="337">
        <v>0</v>
      </c>
      <c r="II25" s="340">
        <v>3962716</v>
      </c>
      <c r="IJ25" s="341">
        <v>3962716</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717226</v>
      </c>
      <c r="JL25" s="345">
        <v>804088</v>
      </c>
      <c r="JM25" s="345">
        <v>293473</v>
      </c>
      <c r="JN25" s="345">
        <v>182097</v>
      </c>
      <c r="JO25" s="345">
        <v>0</v>
      </c>
      <c r="JP25" s="349">
        <v>1996884</v>
      </c>
      <c r="JQ25" s="347">
        <v>1996884</v>
      </c>
      <c r="JR25" s="348">
        <v>0</v>
      </c>
      <c r="JS25" s="345">
        <v>0</v>
      </c>
      <c r="JT25" s="346">
        <v>0</v>
      </c>
      <c r="JU25" s="351">
        <v>0</v>
      </c>
      <c r="JV25" s="345">
        <v>0</v>
      </c>
      <c r="JW25" s="345">
        <v>0</v>
      </c>
      <c r="JX25" s="345">
        <v>0</v>
      </c>
      <c r="JY25" s="345">
        <v>0</v>
      </c>
      <c r="JZ25" s="345">
        <v>0</v>
      </c>
      <c r="KA25" s="349">
        <v>0</v>
      </c>
      <c r="KB25" s="347">
        <v>0</v>
      </c>
      <c r="KC25" s="352">
        <v>0</v>
      </c>
      <c r="KD25" s="353">
        <v>0</v>
      </c>
      <c r="KE25" s="349">
        <v>0</v>
      </c>
      <c r="KF25" s="351">
        <v>0</v>
      </c>
      <c r="KG25" s="345">
        <v>0</v>
      </c>
      <c r="KH25" s="345">
        <v>0</v>
      </c>
      <c r="KI25" s="345">
        <v>498408</v>
      </c>
      <c r="KJ25" s="345">
        <v>0</v>
      </c>
      <c r="KK25" s="345">
        <v>0</v>
      </c>
      <c r="KL25" s="349">
        <v>498408</v>
      </c>
      <c r="KM25" s="354">
        <v>498408</v>
      </c>
      <c r="KN25" s="342">
        <v>0</v>
      </c>
      <c r="KO25" s="343">
        <v>0</v>
      </c>
      <c r="KP25" s="344">
        <v>0</v>
      </c>
      <c r="KQ25" s="404">
        <v>0</v>
      </c>
      <c r="KR25" s="345">
        <v>155747</v>
      </c>
      <c r="KS25" s="345">
        <v>257310</v>
      </c>
      <c r="KT25" s="345">
        <v>1027074</v>
      </c>
      <c r="KU25" s="345">
        <v>27293</v>
      </c>
      <c r="KV25" s="345">
        <v>0</v>
      </c>
      <c r="KW25" s="349">
        <v>1467424</v>
      </c>
      <c r="KX25" s="347">
        <v>1467424</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0</v>
      </c>
      <c r="MK25" s="345">
        <v>742249</v>
      </c>
      <c r="ML25" s="345">
        <v>1549583</v>
      </c>
      <c r="MM25" s="345">
        <v>3223999</v>
      </c>
      <c r="MN25" s="345">
        <v>1530017</v>
      </c>
      <c r="MO25" s="349">
        <v>7045848</v>
      </c>
      <c r="MP25" s="354">
        <v>7045848</v>
      </c>
      <c r="MQ25" s="348">
        <v>0</v>
      </c>
      <c r="MR25" s="345">
        <v>0</v>
      </c>
      <c r="MS25" s="349">
        <v>0</v>
      </c>
      <c r="MT25" s="404">
        <v>0</v>
      </c>
      <c r="MU25" s="345">
        <v>0</v>
      </c>
      <c r="MV25" s="345">
        <v>471836</v>
      </c>
      <c r="MW25" s="345">
        <v>1284330</v>
      </c>
      <c r="MX25" s="345">
        <v>2348431</v>
      </c>
      <c r="MY25" s="345">
        <v>1151953</v>
      </c>
      <c r="MZ25" s="349">
        <v>5256550</v>
      </c>
      <c r="NA25" s="354">
        <v>5256550</v>
      </c>
      <c r="NB25" s="348">
        <v>0</v>
      </c>
      <c r="NC25" s="345">
        <v>0</v>
      </c>
      <c r="ND25" s="349">
        <v>0</v>
      </c>
      <c r="NE25" s="404">
        <v>0</v>
      </c>
      <c r="NF25" s="345">
        <v>0</v>
      </c>
      <c r="NG25" s="345">
        <v>270413</v>
      </c>
      <c r="NH25" s="345">
        <v>265253</v>
      </c>
      <c r="NI25" s="345">
        <v>875568</v>
      </c>
      <c r="NJ25" s="345">
        <v>0</v>
      </c>
      <c r="NK25" s="349">
        <v>1411234</v>
      </c>
      <c r="NL25" s="347">
        <v>1411234</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378064</v>
      </c>
      <c r="OG25" s="349">
        <v>378064</v>
      </c>
      <c r="OH25" s="350">
        <v>378064</v>
      </c>
      <c r="OI25" s="348">
        <v>387042</v>
      </c>
      <c r="OJ25" s="345">
        <v>606573</v>
      </c>
      <c r="OK25" s="346">
        <v>993615</v>
      </c>
      <c r="OL25" s="351">
        <v>0</v>
      </c>
      <c r="OM25" s="345">
        <v>8052091</v>
      </c>
      <c r="ON25" s="345">
        <v>8315591</v>
      </c>
      <c r="OO25" s="345">
        <v>8263952</v>
      </c>
      <c r="OP25" s="345">
        <v>7460554</v>
      </c>
      <c r="OQ25" s="345">
        <v>3651691</v>
      </c>
      <c r="OR25" s="349">
        <v>35743879</v>
      </c>
      <c r="OS25" s="354">
        <v>36737494</v>
      </c>
    </row>
    <row r="26" spans="2:409" s="70" customFormat="1" ht="21" customHeight="1" x14ac:dyDescent="0.2">
      <c r="B26" s="410" t="s">
        <v>21</v>
      </c>
      <c r="C26" s="326">
        <v>190344</v>
      </c>
      <c r="D26" s="327">
        <v>525809</v>
      </c>
      <c r="E26" s="328">
        <v>716153</v>
      </c>
      <c r="F26" s="329">
        <v>0</v>
      </c>
      <c r="G26" s="327">
        <v>4695057</v>
      </c>
      <c r="H26" s="327">
        <v>5158829</v>
      </c>
      <c r="I26" s="327">
        <v>3218798</v>
      </c>
      <c r="J26" s="327">
        <v>3116388</v>
      </c>
      <c r="K26" s="327">
        <v>2485305</v>
      </c>
      <c r="L26" s="367">
        <v>18674377</v>
      </c>
      <c r="M26" s="330">
        <v>19390530</v>
      </c>
      <c r="N26" s="326">
        <v>111655</v>
      </c>
      <c r="O26" s="327">
        <v>120611</v>
      </c>
      <c r="P26" s="328">
        <v>232266</v>
      </c>
      <c r="Q26" s="326">
        <v>0</v>
      </c>
      <c r="R26" s="327">
        <v>1189447</v>
      </c>
      <c r="S26" s="327">
        <v>1420748</v>
      </c>
      <c r="T26" s="327">
        <v>1080865</v>
      </c>
      <c r="U26" s="327">
        <v>1038647</v>
      </c>
      <c r="V26" s="327">
        <v>1247061</v>
      </c>
      <c r="W26" s="328">
        <v>5976768</v>
      </c>
      <c r="X26" s="330">
        <v>6209034</v>
      </c>
      <c r="Y26" s="326">
        <v>0</v>
      </c>
      <c r="Z26" s="327">
        <v>0</v>
      </c>
      <c r="AA26" s="328">
        <v>0</v>
      </c>
      <c r="AB26" s="326">
        <v>0</v>
      </c>
      <c r="AC26" s="327">
        <v>415197</v>
      </c>
      <c r="AD26" s="327">
        <v>554489</v>
      </c>
      <c r="AE26" s="327">
        <v>340466</v>
      </c>
      <c r="AF26" s="327">
        <v>535423</v>
      </c>
      <c r="AG26" s="327">
        <v>1008006</v>
      </c>
      <c r="AH26" s="328">
        <v>2853581</v>
      </c>
      <c r="AI26" s="330">
        <v>2853581</v>
      </c>
      <c r="AJ26" s="326">
        <v>0</v>
      </c>
      <c r="AK26" s="327">
        <v>0</v>
      </c>
      <c r="AL26" s="328">
        <v>0</v>
      </c>
      <c r="AM26" s="326">
        <v>0</v>
      </c>
      <c r="AN26" s="327">
        <v>0</v>
      </c>
      <c r="AO26" s="327">
        <v>0</v>
      </c>
      <c r="AP26" s="327">
        <v>47422</v>
      </c>
      <c r="AQ26" s="327">
        <v>0</v>
      </c>
      <c r="AR26" s="327">
        <v>35566</v>
      </c>
      <c r="AS26" s="328">
        <v>82988</v>
      </c>
      <c r="AT26" s="330">
        <v>82988</v>
      </c>
      <c r="AU26" s="326">
        <v>46178</v>
      </c>
      <c r="AV26" s="327">
        <v>87206</v>
      </c>
      <c r="AW26" s="328">
        <v>133384</v>
      </c>
      <c r="AX26" s="326">
        <v>0</v>
      </c>
      <c r="AY26" s="327">
        <v>505487</v>
      </c>
      <c r="AZ26" s="327">
        <v>439526</v>
      </c>
      <c r="BA26" s="327">
        <v>490840</v>
      </c>
      <c r="BB26" s="327">
        <v>257197</v>
      </c>
      <c r="BC26" s="327">
        <v>76953</v>
      </c>
      <c r="BD26" s="328">
        <v>1770003</v>
      </c>
      <c r="BE26" s="330">
        <v>1903387</v>
      </c>
      <c r="BF26" s="326">
        <v>23125</v>
      </c>
      <c r="BG26" s="327">
        <v>20525</v>
      </c>
      <c r="BH26" s="331">
        <v>43650</v>
      </c>
      <c r="BI26" s="332">
        <v>0</v>
      </c>
      <c r="BJ26" s="327">
        <v>43355</v>
      </c>
      <c r="BK26" s="327">
        <v>125629</v>
      </c>
      <c r="BL26" s="327">
        <v>76921</v>
      </c>
      <c r="BM26" s="327">
        <v>25851</v>
      </c>
      <c r="BN26" s="327">
        <v>0</v>
      </c>
      <c r="BO26" s="328">
        <v>271756</v>
      </c>
      <c r="BP26" s="330">
        <v>315406</v>
      </c>
      <c r="BQ26" s="326">
        <v>42352</v>
      </c>
      <c r="BR26" s="327">
        <v>12880</v>
      </c>
      <c r="BS26" s="328">
        <v>55232</v>
      </c>
      <c r="BT26" s="326">
        <v>0</v>
      </c>
      <c r="BU26" s="327">
        <v>225408</v>
      </c>
      <c r="BV26" s="327">
        <v>301104</v>
      </c>
      <c r="BW26" s="327">
        <v>125216</v>
      </c>
      <c r="BX26" s="327">
        <v>220176</v>
      </c>
      <c r="BY26" s="327">
        <v>126536</v>
      </c>
      <c r="BZ26" s="328">
        <v>998440</v>
      </c>
      <c r="CA26" s="330">
        <v>1053672</v>
      </c>
      <c r="CB26" s="326">
        <v>19681</v>
      </c>
      <c r="CC26" s="327">
        <v>169054</v>
      </c>
      <c r="CD26" s="328">
        <v>188735</v>
      </c>
      <c r="CE26" s="326">
        <v>0</v>
      </c>
      <c r="CF26" s="327">
        <v>1438538</v>
      </c>
      <c r="CG26" s="327">
        <v>1695613</v>
      </c>
      <c r="CH26" s="327">
        <v>809709</v>
      </c>
      <c r="CI26" s="327">
        <v>106347</v>
      </c>
      <c r="CJ26" s="327">
        <v>62615</v>
      </c>
      <c r="CK26" s="328">
        <v>4112822</v>
      </c>
      <c r="CL26" s="330">
        <v>4301557</v>
      </c>
      <c r="CM26" s="326">
        <v>0</v>
      </c>
      <c r="CN26" s="327">
        <v>0</v>
      </c>
      <c r="CO26" s="328">
        <v>0</v>
      </c>
      <c r="CP26" s="332">
        <v>0</v>
      </c>
      <c r="CQ26" s="327">
        <v>1120477</v>
      </c>
      <c r="CR26" s="327">
        <v>1409111</v>
      </c>
      <c r="CS26" s="327">
        <v>713273</v>
      </c>
      <c r="CT26" s="327">
        <v>106347</v>
      </c>
      <c r="CU26" s="327">
        <v>0</v>
      </c>
      <c r="CV26" s="328">
        <v>3349208</v>
      </c>
      <c r="CW26" s="330">
        <v>3349208</v>
      </c>
      <c r="CX26" s="326">
        <v>19681</v>
      </c>
      <c r="CY26" s="327">
        <v>169054</v>
      </c>
      <c r="CZ26" s="328">
        <v>188735</v>
      </c>
      <c r="DA26" s="326">
        <v>0</v>
      </c>
      <c r="DB26" s="327">
        <v>318061</v>
      </c>
      <c r="DC26" s="327">
        <v>286502</v>
      </c>
      <c r="DD26" s="327">
        <v>96436</v>
      </c>
      <c r="DE26" s="327">
        <v>0</v>
      </c>
      <c r="DF26" s="327">
        <v>62615</v>
      </c>
      <c r="DG26" s="328">
        <v>763614</v>
      </c>
      <c r="DH26" s="330">
        <v>952349</v>
      </c>
      <c r="DI26" s="326">
        <v>0</v>
      </c>
      <c r="DJ26" s="327">
        <v>0</v>
      </c>
      <c r="DK26" s="331">
        <v>0</v>
      </c>
      <c r="DL26" s="332">
        <v>0</v>
      </c>
      <c r="DM26" s="327">
        <v>417642</v>
      </c>
      <c r="DN26" s="327">
        <v>395790</v>
      </c>
      <c r="DO26" s="327">
        <v>20534</v>
      </c>
      <c r="DP26" s="327">
        <v>228885</v>
      </c>
      <c r="DQ26" s="327">
        <v>135916</v>
      </c>
      <c r="DR26" s="328">
        <v>1198767</v>
      </c>
      <c r="DS26" s="330">
        <v>1198767</v>
      </c>
      <c r="DT26" s="326">
        <v>0</v>
      </c>
      <c r="DU26" s="327">
        <v>0</v>
      </c>
      <c r="DV26" s="328">
        <v>0</v>
      </c>
      <c r="DW26" s="326">
        <v>0</v>
      </c>
      <c r="DX26" s="327">
        <v>417642</v>
      </c>
      <c r="DY26" s="327">
        <v>395790</v>
      </c>
      <c r="DZ26" s="327">
        <v>20534</v>
      </c>
      <c r="EA26" s="327">
        <v>228885</v>
      </c>
      <c r="EB26" s="327">
        <v>135916</v>
      </c>
      <c r="EC26" s="328">
        <v>1198767</v>
      </c>
      <c r="ED26" s="330">
        <v>1198767</v>
      </c>
      <c r="EE26" s="326">
        <v>0</v>
      </c>
      <c r="EF26" s="331">
        <v>0</v>
      </c>
      <c r="EG26" s="328">
        <v>0</v>
      </c>
      <c r="EH26" s="326">
        <v>0</v>
      </c>
      <c r="EI26" s="327">
        <v>0</v>
      </c>
      <c r="EJ26" s="327">
        <v>0</v>
      </c>
      <c r="EK26" s="327">
        <v>0</v>
      </c>
      <c r="EL26" s="327">
        <v>0</v>
      </c>
      <c r="EM26" s="327">
        <v>0</v>
      </c>
      <c r="EN26" s="331">
        <v>0</v>
      </c>
      <c r="EO26" s="330">
        <v>0</v>
      </c>
      <c r="EP26" s="326">
        <v>0</v>
      </c>
      <c r="EQ26" s="327">
        <v>0</v>
      </c>
      <c r="ER26" s="331">
        <v>0</v>
      </c>
      <c r="ES26" s="332">
        <v>0</v>
      </c>
      <c r="ET26" s="327">
        <v>0</v>
      </c>
      <c r="EU26" s="327">
        <v>0</v>
      </c>
      <c r="EV26" s="327">
        <v>0</v>
      </c>
      <c r="EW26" s="327">
        <v>0</v>
      </c>
      <c r="EX26" s="327">
        <v>0</v>
      </c>
      <c r="EY26" s="328">
        <v>0</v>
      </c>
      <c r="EZ26" s="330">
        <v>0</v>
      </c>
      <c r="FA26" s="326">
        <v>0</v>
      </c>
      <c r="FB26" s="327">
        <v>0</v>
      </c>
      <c r="FC26" s="331">
        <v>0</v>
      </c>
      <c r="FD26" s="332">
        <v>0</v>
      </c>
      <c r="FE26" s="327">
        <v>0</v>
      </c>
      <c r="FF26" s="327">
        <v>0</v>
      </c>
      <c r="FG26" s="327">
        <v>0</v>
      </c>
      <c r="FH26" s="327">
        <v>0</v>
      </c>
      <c r="FI26" s="327">
        <v>0</v>
      </c>
      <c r="FJ26" s="328">
        <v>0</v>
      </c>
      <c r="FK26" s="330">
        <v>0</v>
      </c>
      <c r="FL26" s="326">
        <v>59008</v>
      </c>
      <c r="FM26" s="327">
        <v>236144</v>
      </c>
      <c r="FN26" s="328">
        <v>295152</v>
      </c>
      <c r="FO26" s="326">
        <v>0</v>
      </c>
      <c r="FP26" s="327">
        <v>198704</v>
      </c>
      <c r="FQ26" s="327">
        <v>450980</v>
      </c>
      <c r="FR26" s="327">
        <v>357192</v>
      </c>
      <c r="FS26" s="327">
        <v>216296</v>
      </c>
      <c r="FT26" s="327">
        <v>97840</v>
      </c>
      <c r="FU26" s="328">
        <v>1321012</v>
      </c>
      <c r="FV26" s="330">
        <v>1616164</v>
      </c>
      <c r="FW26" s="333">
        <v>35808</v>
      </c>
      <c r="FX26" s="327">
        <v>179744</v>
      </c>
      <c r="FY26" s="331">
        <v>215552</v>
      </c>
      <c r="FZ26" s="332">
        <v>0</v>
      </c>
      <c r="GA26" s="327">
        <v>198704</v>
      </c>
      <c r="GB26" s="327">
        <v>450980</v>
      </c>
      <c r="GC26" s="327">
        <v>329472</v>
      </c>
      <c r="GD26" s="327">
        <v>216296</v>
      </c>
      <c r="GE26" s="327">
        <v>97840</v>
      </c>
      <c r="GF26" s="328">
        <v>1293292</v>
      </c>
      <c r="GG26" s="334">
        <v>1508844</v>
      </c>
      <c r="GH26" s="333">
        <v>0</v>
      </c>
      <c r="GI26" s="327">
        <v>0</v>
      </c>
      <c r="GJ26" s="331">
        <v>0</v>
      </c>
      <c r="GK26" s="332">
        <v>0</v>
      </c>
      <c r="GL26" s="327">
        <v>0</v>
      </c>
      <c r="GM26" s="327">
        <v>0</v>
      </c>
      <c r="GN26" s="327">
        <v>27720</v>
      </c>
      <c r="GO26" s="327">
        <v>0</v>
      </c>
      <c r="GP26" s="327">
        <v>0</v>
      </c>
      <c r="GQ26" s="328">
        <v>27720</v>
      </c>
      <c r="GR26" s="330">
        <v>27720</v>
      </c>
      <c r="GS26" s="326">
        <v>23200</v>
      </c>
      <c r="GT26" s="327">
        <v>56400</v>
      </c>
      <c r="GU26" s="328">
        <v>79600</v>
      </c>
      <c r="GV26" s="326">
        <v>0</v>
      </c>
      <c r="GW26" s="327">
        <v>0</v>
      </c>
      <c r="GX26" s="327">
        <v>0</v>
      </c>
      <c r="GY26" s="327">
        <v>0</v>
      </c>
      <c r="GZ26" s="327">
        <v>0</v>
      </c>
      <c r="HA26" s="327">
        <v>0</v>
      </c>
      <c r="HB26" s="331">
        <v>0</v>
      </c>
      <c r="HC26" s="330">
        <v>79600</v>
      </c>
      <c r="HD26" s="326">
        <v>0</v>
      </c>
      <c r="HE26" s="327">
        <v>0</v>
      </c>
      <c r="HF26" s="331">
        <v>0</v>
      </c>
      <c r="HG26" s="332">
        <v>0</v>
      </c>
      <c r="HH26" s="327">
        <v>1450726</v>
      </c>
      <c r="HI26" s="327">
        <v>1195698</v>
      </c>
      <c r="HJ26" s="327">
        <v>950498</v>
      </c>
      <c r="HK26" s="327">
        <v>1526213</v>
      </c>
      <c r="HL26" s="327">
        <v>941873</v>
      </c>
      <c r="HM26" s="328">
        <v>6065008</v>
      </c>
      <c r="HN26" s="329">
        <v>6065008</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773791</v>
      </c>
      <c r="IE26" s="357">
        <v>1103166</v>
      </c>
      <c r="IF26" s="358">
        <v>449993</v>
      </c>
      <c r="IG26" s="356">
        <v>491156</v>
      </c>
      <c r="IH26" s="358">
        <v>0</v>
      </c>
      <c r="II26" s="359">
        <v>2818106</v>
      </c>
      <c r="IJ26" s="358">
        <v>2818106</v>
      </c>
      <c r="IK26" s="342">
        <v>0</v>
      </c>
      <c r="IL26" s="343">
        <v>0</v>
      </c>
      <c r="IM26" s="344">
        <v>0</v>
      </c>
      <c r="IN26" s="404">
        <v>0</v>
      </c>
      <c r="IO26" s="345">
        <v>66380</v>
      </c>
      <c r="IP26" s="345">
        <v>0</v>
      </c>
      <c r="IQ26" s="345">
        <v>0</v>
      </c>
      <c r="IR26" s="345">
        <v>0</v>
      </c>
      <c r="IS26" s="345">
        <v>0</v>
      </c>
      <c r="IT26" s="346">
        <v>66380</v>
      </c>
      <c r="IU26" s="347">
        <v>6638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70272</v>
      </c>
      <c r="JL26" s="345">
        <v>353436</v>
      </c>
      <c r="JM26" s="345">
        <v>212450</v>
      </c>
      <c r="JN26" s="345">
        <v>233928</v>
      </c>
      <c r="JO26" s="345">
        <v>0</v>
      </c>
      <c r="JP26" s="349">
        <v>1270086</v>
      </c>
      <c r="JQ26" s="347">
        <v>1270086</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0</v>
      </c>
      <c r="KH26" s="345">
        <v>0</v>
      </c>
      <c r="KI26" s="345">
        <v>237543</v>
      </c>
      <c r="KJ26" s="345">
        <v>0</v>
      </c>
      <c r="KK26" s="345">
        <v>0</v>
      </c>
      <c r="KL26" s="349">
        <v>237543</v>
      </c>
      <c r="KM26" s="354">
        <v>237543</v>
      </c>
      <c r="KN26" s="342">
        <v>0</v>
      </c>
      <c r="KO26" s="343">
        <v>0</v>
      </c>
      <c r="KP26" s="344">
        <v>0</v>
      </c>
      <c r="KQ26" s="404">
        <v>0</v>
      </c>
      <c r="KR26" s="345">
        <v>237139</v>
      </c>
      <c r="KS26" s="345">
        <v>749730</v>
      </c>
      <c r="KT26" s="345">
        <v>0</v>
      </c>
      <c r="KU26" s="345">
        <v>257228</v>
      </c>
      <c r="KV26" s="345">
        <v>0</v>
      </c>
      <c r="KW26" s="349">
        <v>1244097</v>
      </c>
      <c r="KX26" s="347">
        <v>1244097</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501103</v>
      </c>
      <c r="MK26" s="345">
        <v>0</v>
      </c>
      <c r="ML26" s="345">
        <v>1947568</v>
      </c>
      <c r="MM26" s="345">
        <v>1880972</v>
      </c>
      <c r="MN26" s="345">
        <v>2241851</v>
      </c>
      <c r="MO26" s="349">
        <v>6571494</v>
      </c>
      <c r="MP26" s="354">
        <v>6571494</v>
      </c>
      <c r="MQ26" s="348">
        <v>0</v>
      </c>
      <c r="MR26" s="345">
        <v>0</v>
      </c>
      <c r="MS26" s="349">
        <v>0</v>
      </c>
      <c r="MT26" s="404">
        <v>0</v>
      </c>
      <c r="MU26" s="345">
        <v>0</v>
      </c>
      <c r="MV26" s="345">
        <v>0</v>
      </c>
      <c r="MW26" s="345">
        <v>856010</v>
      </c>
      <c r="MX26" s="345">
        <v>1523340</v>
      </c>
      <c r="MY26" s="345">
        <v>1480776</v>
      </c>
      <c r="MZ26" s="349">
        <v>3860126</v>
      </c>
      <c r="NA26" s="354">
        <v>3860126</v>
      </c>
      <c r="NB26" s="348">
        <v>0</v>
      </c>
      <c r="NC26" s="345">
        <v>0</v>
      </c>
      <c r="ND26" s="349">
        <v>0</v>
      </c>
      <c r="NE26" s="404">
        <v>0</v>
      </c>
      <c r="NF26" s="345">
        <v>501103</v>
      </c>
      <c r="NG26" s="345">
        <v>0</v>
      </c>
      <c r="NH26" s="345">
        <v>1091558</v>
      </c>
      <c r="NI26" s="345">
        <v>357632</v>
      </c>
      <c r="NJ26" s="345">
        <v>375619</v>
      </c>
      <c r="NK26" s="349">
        <v>2325912</v>
      </c>
      <c r="NL26" s="347">
        <v>2325912</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0</v>
      </c>
      <c r="OF26" s="345">
        <v>385456</v>
      </c>
      <c r="OG26" s="349">
        <v>385456</v>
      </c>
      <c r="OH26" s="350">
        <v>385456</v>
      </c>
      <c r="OI26" s="348">
        <v>190344</v>
      </c>
      <c r="OJ26" s="345">
        <v>525809</v>
      </c>
      <c r="OK26" s="346">
        <v>716153</v>
      </c>
      <c r="OL26" s="351">
        <v>0</v>
      </c>
      <c r="OM26" s="345">
        <v>5969951</v>
      </c>
      <c r="ON26" s="345">
        <v>6261995</v>
      </c>
      <c r="OO26" s="345">
        <v>5616359</v>
      </c>
      <c r="OP26" s="345">
        <v>5488516</v>
      </c>
      <c r="OQ26" s="345">
        <v>4727156</v>
      </c>
      <c r="OR26" s="349">
        <v>28063977</v>
      </c>
      <c r="OS26" s="354">
        <v>28780130</v>
      </c>
    </row>
    <row r="27" spans="2:409" s="70" customFormat="1" ht="21" customHeight="1" x14ac:dyDescent="0.2">
      <c r="B27" s="410" t="s">
        <v>22</v>
      </c>
      <c r="C27" s="326">
        <v>113553</v>
      </c>
      <c r="D27" s="327">
        <v>242744</v>
      </c>
      <c r="E27" s="328">
        <v>356297</v>
      </c>
      <c r="F27" s="329">
        <v>0</v>
      </c>
      <c r="G27" s="327">
        <v>2649735</v>
      </c>
      <c r="H27" s="327">
        <v>1420537</v>
      </c>
      <c r="I27" s="327">
        <v>2218287</v>
      </c>
      <c r="J27" s="327">
        <v>1696090</v>
      </c>
      <c r="K27" s="327">
        <v>982396</v>
      </c>
      <c r="L27" s="367">
        <v>8967045</v>
      </c>
      <c r="M27" s="330">
        <v>9323342</v>
      </c>
      <c r="N27" s="326">
        <v>60672</v>
      </c>
      <c r="O27" s="327">
        <v>0</v>
      </c>
      <c r="P27" s="328">
        <v>60672</v>
      </c>
      <c r="Q27" s="326">
        <v>0</v>
      </c>
      <c r="R27" s="327">
        <v>728472</v>
      </c>
      <c r="S27" s="327">
        <v>497444</v>
      </c>
      <c r="T27" s="327">
        <v>417113</v>
      </c>
      <c r="U27" s="327">
        <v>297156</v>
      </c>
      <c r="V27" s="327">
        <v>294533</v>
      </c>
      <c r="W27" s="328">
        <v>2234718</v>
      </c>
      <c r="X27" s="330">
        <v>2295390</v>
      </c>
      <c r="Y27" s="326">
        <v>0</v>
      </c>
      <c r="Z27" s="327">
        <v>0</v>
      </c>
      <c r="AA27" s="328">
        <v>0</v>
      </c>
      <c r="AB27" s="326">
        <v>0</v>
      </c>
      <c r="AC27" s="327">
        <v>489366</v>
      </c>
      <c r="AD27" s="327">
        <v>153723</v>
      </c>
      <c r="AE27" s="327">
        <v>178114</v>
      </c>
      <c r="AF27" s="327">
        <v>138406</v>
      </c>
      <c r="AG27" s="327">
        <v>130587</v>
      </c>
      <c r="AH27" s="328">
        <v>1090196</v>
      </c>
      <c r="AI27" s="330">
        <v>1090196</v>
      </c>
      <c r="AJ27" s="326">
        <v>0</v>
      </c>
      <c r="AK27" s="327">
        <v>0</v>
      </c>
      <c r="AL27" s="328">
        <v>0</v>
      </c>
      <c r="AM27" s="326">
        <v>0</v>
      </c>
      <c r="AN27" s="327">
        <v>0</v>
      </c>
      <c r="AO27" s="327">
        <v>0</v>
      </c>
      <c r="AP27" s="327">
        <v>0</v>
      </c>
      <c r="AQ27" s="327">
        <v>0</v>
      </c>
      <c r="AR27" s="327">
        <v>35726</v>
      </c>
      <c r="AS27" s="328">
        <v>35726</v>
      </c>
      <c r="AT27" s="330">
        <v>35726</v>
      </c>
      <c r="AU27" s="326">
        <v>0</v>
      </c>
      <c r="AV27" s="327">
        <v>0</v>
      </c>
      <c r="AW27" s="328">
        <v>0</v>
      </c>
      <c r="AX27" s="326">
        <v>0</v>
      </c>
      <c r="AY27" s="327">
        <v>135425</v>
      </c>
      <c r="AZ27" s="327">
        <v>229125</v>
      </c>
      <c r="BA27" s="327">
        <v>156767</v>
      </c>
      <c r="BB27" s="327">
        <v>51462</v>
      </c>
      <c r="BC27" s="327">
        <v>108332</v>
      </c>
      <c r="BD27" s="328">
        <v>681111</v>
      </c>
      <c r="BE27" s="330">
        <v>681111</v>
      </c>
      <c r="BF27" s="326">
        <v>29680</v>
      </c>
      <c r="BG27" s="327">
        <v>0</v>
      </c>
      <c r="BH27" s="331">
        <v>29680</v>
      </c>
      <c r="BI27" s="332">
        <v>0</v>
      </c>
      <c r="BJ27" s="327">
        <v>31209</v>
      </c>
      <c r="BK27" s="327">
        <v>62996</v>
      </c>
      <c r="BL27" s="327">
        <v>0</v>
      </c>
      <c r="BM27" s="327">
        <v>0</v>
      </c>
      <c r="BN27" s="327">
        <v>0</v>
      </c>
      <c r="BO27" s="328">
        <v>94205</v>
      </c>
      <c r="BP27" s="330">
        <v>123885</v>
      </c>
      <c r="BQ27" s="326">
        <v>30992</v>
      </c>
      <c r="BR27" s="327">
        <v>0</v>
      </c>
      <c r="BS27" s="328">
        <v>30992</v>
      </c>
      <c r="BT27" s="326">
        <v>0</v>
      </c>
      <c r="BU27" s="327">
        <v>72472</v>
      </c>
      <c r="BV27" s="327">
        <v>51600</v>
      </c>
      <c r="BW27" s="327">
        <v>82232</v>
      </c>
      <c r="BX27" s="327">
        <v>107288</v>
      </c>
      <c r="BY27" s="327">
        <v>19888</v>
      </c>
      <c r="BZ27" s="328">
        <v>333480</v>
      </c>
      <c r="CA27" s="330">
        <v>364472</v>
      </c>
      <c r="CB27" s="326">
        <v>0</v>
      </c>
      <c r="CC27" s="327">
        <v>77216</v>
      </c>
      <c r="CD27" s="328">
        <v>77216</v>
      </c>
      <c r="CE27" s="326">
        <v>0</v>
      </c>
      <c r="CF27" s="327">
        <v>766042</v>
      </c>
      <c r="CG27" s="327">
        <v>571412</v>
      </c>
      <c r="CH27" s="327">
        <v>781796</v>
      </c>
      <c r="CI27" s="327">
        <v>104172</v>
      </c>
      <c r="CJ27" s="327">
        <v>368215</v>
      </c>
      <c r="CK27" s="328">
        <v>2591637</v>
      </c>
      <c r="CL27" s="330">
        <v>2668853</v>
      </c>
      <c r="CM27" s="326">
        <v>0</v>
      </c>
      <c r="CN27" s="327">
        <v>0</v>
      </c>
      <c r="CO27" s="328">
        <v>0</v>
      </c>
      <c r="CP27" s="332">
        <v>0</v>
      </c>
      <c r="CQ27" s="327">
        <v>586551</v>
      </c>
      <c r="CR27" s="327">
        <v>547876</v>
      </c>
      <c r="CS27" s="327">
        <v>781796</v>
      </c>
      <c r="CT27" s="327">
        <v>0</v>
      </c>
      <c r="CU27" s="327">
        <v>264035</v>
      </c>
      <c r="CV27" s="328">
        <v>2180258</v>
      </c>
      <c r="CW27" s="330">
        <v>2180258</v>
      </c>
      <c r="CX27" s="326">
        <v>0</v>
      </c>
      <c r="CY27" s="327">
        <v>77216</v>
      </c>
      <c r="CZ27" s="328">
        <v>77216</v>
      </c>
      <c r="DA27" s="326">
        <v>0</v>
      </c>
      <c r="DB27" s="327">
        <v>179491</v>
      </c>
      <c r="DC27" s="327">
        <v>23536</v>
      </c>
      <c r="DD27" s="327">
        <v>0</v>
      </c>
      <c r="DE27" s="327">
        <v>104172</v>
      </c>
      <c r="DF27" s="327">
        <v>104180</v>
      </c>
      <c r="DG27" s="328">
        <v>411379</v>
      </c>
      <c r="DH27" s="330">
        <v>488595</v>
      </c>
      <c r="DI27" s="326">
        <v>0</v>
      </c>
      <c r="DJ27" s="327">
        <v>0</v>
      </c>
      <c r="DK27" s="331">
        <v>0</v>
      </c>
      <c r="DL27" s="332">
        <v>0</v>
      </c>
      <c r="DM27" s="327">
        <v>51535</v>
      </c>
      <c r="DN27" s="327">
        <v>0</v>
      </c>
      <c r="DO27" s="327">
        <v>223994</v>
      </c>
      <c r="DP27" s="327">
        <v>358334</v>
      </c>
      <c r="DQ27" s="327">
        <v>89056</v>
      </c>
      <c r="DR27" s="328">
        <v>722919</v>
      </c>
      <c r="DS27" s="330">
        <v>722919</v>
      </c>
      <c r="DT27" s="326">
        <v>0</v>
      </c>
      <c r="DU27" s="327">
        <v>0</v>
      </c>
      <c r="DV27" s="328">
        <v>0</v>
      </c>
      <c r="DW27" s="326">
        <v>0</v>
      </c>
      <c r="DX27" s="327">
        <v>0</v>
      </c>
      <c r="DY27" s="327">
        <v>0</v>
      </c>
      <c r="DZ27" s="327">
        <v>197410</v>
      </c>
      <c r="EA27" s="327">
        <v>358334</v>
      </c>
      <c r="EB27" s="327">
        <v>89056</v>
      </c>
      <c r="EC27" s="328">
        <v>644800</v>
      </c>
      <c r="ED27" s="330">
        <v>644800</v>
      </c>
      <c r="EE27" s="326">
        <v>0</v>
      </c>
      <c r="EF27" s="331">
        <v>0</v>
      </c>
      <c r="EG27" s="328">
        <v>0</v>
      </c>
      <c r="EH27" s="326">
        <v>0</v>
      </c>
      <c r="EI27" s="327">
        <v>51535</v>
      </c>
      <c r="EJ27" s="327">
        <v>0</v>
      </c>
      <c r="EK27" s="327">
        <v>26584</v>
      </c>
      <c r="EL27" s="327">
        <v>0</v>
      </c>
      <c r="EM27" s="327">
        <v>0</v>
      </c>
      <c r="EN27" s="331">
        <v>78119</v>
      </c>
      <c r="EO27" s="330">
        <v>78119</v>
      </c>
      <c r="EP27" s="326">
        <v>0</v>
      </c>
      <c r="EQ27" s="327">
        <v>0</v>
      </c>
      <c r="ER27" s="331">
        <v>0</v>
      </c>
      <c r="ES27" s="332">
        <v>0</v>
      </c>
      <c r="ET27" s="327">
        <v>0</v>
      </c>
      <c r="EU27" s="327">
        <v>0</v>
      </c>
      <c r="EV27" s="327">
        <v>0</v>
      </c>
      <c r="EW27" s="327">
        <v>0</v>
      </c>
      <c r="EX27" s="327">
        <v>0</v>
      </c>
      <c r="EY27" s="328">
        <v>0</v>
      </c>
      <c r="EZ27" s="330">
        <v>0</v>
      </c>
      <c r="FA27" s="326">
        <v>0</v>
      </c>
      <c r="FB27" s="327">
        <v>0</v>
      </c>
      <c r="FC27" s="331">
        <v>0</v>
      </c>
      <c r="FD27" s="332">
        <v>0</v>
      </c>
      <c r="FE27" s="327">
        <v>0</v>
      </c>
      <c r="FF27" s="327">
        <v>0</v>
      </c>
      <c r="FG27" s="327">
        <v>0</v>
      </c>
      <c r="FH27" s="327">
        <v>0</v>
      </c>
      <c r="FI27" s="327">
        <v>0</v>
      </c>
      <c r="FJ27" s="328">
        <v>0</v>
      </c>
      <c r="FK27" s="330">
        <v>0</v>
      </c>
      <c r="FL27" s="326">
        <v>0</v>
      </c>
      <c r="FM27" s="327">
        <v>65760</v>
      </c>
      <c r="FN27" s="328">
        <v>65760</v>
      </c>
      <c r="FO27" s="326">
        <v>0</v>
      </c>
      <c r="FP27" s="327">
        <v>315584</v>
      </c>
      <c r="FQ27" s="327">
        <v>180024</v>
      </c>
      <c r="FR27" s="327">
        <v>210284</v>
      </c>
      <c r="FS27" s="327">
        <v>83168</v>
      </c>
      <c r="FT27" s="327">
        <v>230592</v>
      </c>
      <c r="FU27" s="328">
        <v>1019652</v>
      </c>
      <c r="FV27" s="330">
        <v>1085412</v>
      </c>
      <c r="FW27" s="333">
        <v>0</v>
      </c>
      <c r="FX27" s="327">
        <v>44640</v>
      </c>
      <c r="FY27" s="331">
        <v>44640</v>
      </c>
      <c r="FZ27" s="332">
        <v>0</v>
      </c>
      <c r="GA27" s="327">
        <v>144144</v>
      </c>
      <c r="GB27" s="327">
        <v>180024</v>
      </c>
      <c r="GC27" s="327">
        <v>185336</v>
      </c>
      <c r="GD27" s="327">
        <v>83168</v>
      </c>
      <c r="GE27" s="327">
        <v>230592</v>
      </c>
      <c r="GF27" s="328">
        <v>823264</v>
      </c>
      <c r="GG27" s="334">
        <v>867904</v>
      </c>
      <c r="GH27" s="333">
        <v>0</v>
      </c>
      <c r="GI27" s="327">
        <v>21120</v>
      </c>
      <c r="GJ27" s="331">
        <v>21120</v>
      </c>
      <c r="GK27" s="332">
        <v>0</v>
      </c>
      <c r="GL27" s="327">
        <v>0</v>
      </c>
      <c r="GM27" s="327">
        <v>0</v>
      </c>
      <c r="GN27" s="327">
        <v>24948</v>
      </c>
      <c r="GO27" s="327">
        <v>0</v>
      </c>
      <c r="GP27" s="327">
        <v>0</v>
      </c>
      <c r="GQ27" s="328">
        <v>24948</v>
      </c>
      <c r="GR27" s="330">
        <v>46068</v>
      </c>
      <c r="GS27" s="326">
        <v>0</v>
      </c>
      <c r="GT27" s="327">
        <v>0</v>
      </c>
      <c r="GU27" s="328">
        <v>0</v>
      </c>
      <c r="GV27" s="326">
        <v>0</v>
      </c>
      <c r="GW27" s="327">
        <v>171440</v>
      </c>
      <c r="GX27" s="327">
        <v>0</v>
      </c>
      <c r="GY27" s="327">
        <v>0</v>
      </c>
      <c r="GZ27" s="327">
        <v>0</v>
      </c>
      <c r="HA27" s="327">
        <v>0</v>
      </c>
      <c r="HB27" s="331">
        <v>171440</v>
      </c>
      <c r="HC27" s="330">
        <v>171440</v>
      </c>
      <c r="HD27" s="326">
        <v>52881</v>
      </c>
      <c r="HE27" s="327">
        <v>99768</v>
      </c>
      <c r="HF27" s="331">
        <v>152649</v>
      </c>
      <c r="HG27" s="332">
        <v>0</v>
      </c>
      <c r="HH27" s="327">
        <v>788102</v>
      </c>
      <c r="HI27" s="327">
        <v>171657</v>
      </c>
      <c r="HJ27" s="327">
        <v>585100</v>
      </c>
      <c r="HK27" s="327">
        <v>853260</v>
      </c>
      <c r="HL27" s="327">
        <v>0</v>
      </c>
      <c r="HM27" s="328">
        <v>2398119</v>
      </c>
      <c r="HN27" s="329">
        <v>2550768</v>
      </c>
      <c r="HO27" s="333">
        <v>0</v>
      </c>
      <c r="HP27" s="327">
        <v>0</v>
      </c>
      <c r="HQ27" s="328">
        <v>0</v>
      </c>
      <c r="HR27" s="326">
        <v>0</v>
      </c>
      <c r="HS27" s="327">
        <v>0</v>
      </c>
      <c r="HT27" s="327">
        <v>0</v>
      </c>
      <c r="HU27" s="327">
        <v>0</v>
      </c>
      <c r="HV27" s="327">
        <v>0</v>
      </c>
      <c r="HW27" s="327">
        <v>0</v>
      </c>
      <c r="HX27" s="331">
        <v>0</v>
      </c>
      <c r="HY27" s="330">
        <v>0</v>
      </c>
      <c r="HZ27" s="335">
        <v>0</v>
      </c>
      <c r="IA27" s="336">
        <v>0</v>
      </c>
      <c r="IB27" s="337">
        <v>0</v>
      </c>
      <c r="IC27" s="338">
        <v>0</v>
      </c>
      <c r="ID27" s="336">
        <v>788502</v>
      </c>
      <c r="IE27" s="339">
        <v>1251567</v>
      </c>
      <c r="IF27" s="337">
        <v>1446192</v>
      </c>
      <c r="IG27" s="336">
        <v>1494965</v>
      </c>
      <c r="IH27" s="337">
        <v>238207</v>
      </c>
      <c r="II27" s="340">
        <v>5219433</v>
      </c>
      <c r="IJ27" s="341">
        <v>5219433</v>
      </c>
      <c r="IK27" s="342">
        <v>0</v>
      </c>
      <c r="IL27" s="343">
        <v>0</v>
      </c>
      <c r="IM27" s="344">
        <v>0</v>
      </c>
      <c r="IN27" s="404">
        <v>0</v>
      </c>
      <c r="IO27" s="345">
        <v>0</v>
      </c>
      <c r="IP27" s="345">
        <v>109160</v>
      </c>
      <c r="IQ27" s="345">
        <v>277336</v>
      </c>
      <c r="IR27" s="345">
        <v>0</v>
      </c>
      <c r="IS27" s="345">
        <v>0</v>
      </c>
      <c r="IT27" s="346">
        <v>386496</v>
      </c>
      <c r="IU27" s="347">
        <v>386496</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308069</v>
      </c>
      <c r="JL27" s="345">
        <v>155074</v>
      </c>
      <c r="JM27" s="345">
        <v>244663</v>
      </c>
      <c r="JN27" s="345">
        <v>139209</v>
      </c>
      <c r="JO27" s="345">
        <v>238207</v>
      </c>
      <c r="JP27" s="349">
        <v>1085222</v>
      </c>
      <c r="JQ27" s="347">
        <v>1085222</v>
      </c>
      <c r="JR27" s="348">
        <v>0</v>
      </c>
      <c r="JS27" s="345">
        <v>0</v>
      </c>
      <c r="JT27" s="346">
        <v>0</v>
      </c>
      <c r="JU27" s="351">
        <v>0</v>
      </c>
      <c r="JV27" s="345">
        <v>0</v>
      </c>
      <c r="JW27" s="345">
        <v>0</v>
      </c>
      <c r="JX27" s="345">
        <v>203432</v>
      </c>
      <c r="JY27" s="345">
        <v>0</v>
      </c>
      <c r="JZ27" s="345">
        <v>0</v>
      </c>
      <c r="KA27" s="349">
        <v>203432</v>
      </c>
      <c r="KB27" s="347">
        <v>203432</v>
      </c>
      <c r="KC27" s="352">
        <v>0</v>
      </c>
      <c r="KD27" s="353">
        <v>0</v>
      </c>
      <c r="KE27" s="349">
        <v>0</v>
      </c>
      <c r="KF27" s="351">
        <v>0</v>
      </c>
      <c r="KG27" s="345">
        <v>253573</v>
      </c>
      <c r="KH27" s="345">
        <v>66592</v>
      </c>
      <c r="KI27" s="345">
        <v>476988</v>
      </c>
      <c r="KJ27" s="345">
        <v>0</v>
      </c>
      <c r="KK27" s="345">
        <v>0</v>
      </c>
      <c r="KL27" s="349">
        <v>797153</v>
      </c>
      <c r="KM27" s="354">
        <v>797153</v>
      </c>
      <c r="KN27" s="342">
        <v>0</v>
      </c>
      <c r="KO27" s="343">
        <v>0</v>
      </c>
      <c r="KP27" s="344">
        <v>0</v>
      </c>
      <c r="KQ27" s="404">
        <v>0</v>
      </c>
      <c r="KR27" s="345">
        <v>226860</v>
      </c>
      <c r="KS27" s="345">
        <v>688982</v>
      </c>
      <c r="KT27" s="345">
        <v>243773</v>
      </c>
      <c r="KU27" s="345">
        <v>251228</v>
      </c>
      <c r="KV27" s="345">
        <v>0</v>
      </c>
      <c r="KW27" s="349">
        <v>1410843</v>
      </c>
      <c r="KX27" s="347">
        <v>1410843</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231759</v>
      </c>
      <c r="LP27" s="345">
        <v>0</v>
      </c>
      <c r="LQ27" s="345">
        <v>1104528</v>
      </c>
      <c r="LR27" s="345">
        <v>0</v>
      </c>
      <c r="LS27" s="349">
        <v>1336287</v>
      </c>
      <c r="LT27" s="347">
        <v>1336287</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528593</v>
      </c>
      <c r="ML27" s="345">
        <v>1673841</v>
      </c>
      <c r="MM27" s="345">
        <v>1163785</v>
      </c>
      <c r="MN27" s="345">
        <v>336321</v>
      </c>
      <c r="MO27" s="349">
        <v>3702540</v>
      </c>
      <c r="MP27" s="354">
        <v>3702540</v>
      </c>
      <c r="MQ27" s="348">
        <v>0</v>
      </c>
      <c r="MR27" s="345">
        <v>0</v>
      </c>
      <c r="MS27" s="349">
        <v>0</v>
      </c>
      <c r="MT27" s="404">
        <v>0</v>
      </c>
      <c r="MU27" s="345">
        <v>0</v>
      </c>
      <c r="MV27" s="345">
        <v>0</v>
      </c>
      <c r="MW27" s="345">
        <v>993944</v>
      </c>
      <c r="MX27" s="345">
        <v>268644</v>
      </c>
      <c r="MY27" s="345">
        <v>336321</v>
      </c>
      <c r="MZ27" s="349">
        <v>1598909</v>
      </c>
      <c r="NA27" s="354">
        <v>1598909</v>
      </c>
      <c r="NB27" s="348">
        <v>0</v>
      </c>
      <c r="NC27" s="345">
        <v>0</v>
      </c>
      <c r="ND27" s="349">
        <v>0</v>
      </c>
      <c r="NE27" s="404">
        <v>0</v>
      </c>
      <c r="NF27" s="345">
        <v>0</v>
      </c>
      <c r="NG27" s="345">
        <v>528593</v>
      </c>
      <c r="NH27" s="345">
        <v>679897</v>
      </c>
      <c r="NI27" s="345">
        <v>566573</v>
      </c>
      <c r="NJ27" s="345">
        <v>0</v>
      </c>
      <c r="NK27" s="349">
        <v>1775063</v>
      </c>
      <c r="NL27" s="347">
        <v>1775063</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328568</v>
      </c>
      <c r="OF27" s="345">
        <v>0</v>
      </c>
      <c r="OG27" s="349">
        <v>328568</v>
      </c>
      <c r="OH27" s="350">
        <v>328568</v>
      </c>
      <c r="OI27" s="348">
        <v>113553</v>
      </c>
      <c r="OJ27" s="345">
        <v>242744</v>
      </c>
      <c r="OK27" s="346">
        <v>356297</v>
      </c>
      <c r="OL27" s="351">
        <v>0</v>
      </c>
      <c r="OM27" s="345">
        <v>3438237</v>
      </c>
      <c r="ON27" s="345">
        <v>3200697</v>
      </c>
      <c r="OO27" s="345">
        <v>5338320</v>
      </c>
      <c r="OP27" s="345">
        <v>4354840</v>
      </c>
      <c r="OQ27" s="345">
        <v>1556924</v>
      </c>
      <c r="OR27" s="349">
        <v>17889018</v>
      </c>
      <c r="OS27" s="354">
        <v>18245315</v>
      </c>
    </row>
    <row r="28" spans="2:409" s="70" customFormat="1" ht="21" customHeight="1" x14ac:dyDescent="0.2">
      <c r="B28" s="410" t="s">
        <v>23</v>
      </c>
      <c r="C28" s="326">
        <v>401375</v>
      </c>
      <c r="D28" s="327">
        <v>193153</v>
      </c>
      <c r="E28" s="328">
        <v>594528</v>
      </c>
      <c r="F28" s="329">
        <v>0</v>
      </c>
      <c r="G28" s="327">
        <v>2261665</v>
      </c>
      <c r="H28" s="327">
        <v>3569740</v>
      </c>
      <c r="I28" s="327">
        <v>1246904</v>
      </c>
      <c r="J28" s="327">
        <v>1210115</v>
      </c>
      <c r="K28" s="327">
        <v>1815141</v>
      </c>
      <c r="L28" s="367">
        <v>10103565</v>
      </c>
      <c r="M28" s="330">
        <v>10698093</v>
      </c>
      <c r="N28" s="326">
        <v>156614</v>
      </c>
      <c r="O28" s="327">
        <v>71049</v>
      </c>
      <c r="P28" s="328">
        <v>227663</v>
      </c>
      <c r="Q28" s="326">
        <v>0</v>
      </c>
      <c r="R28" s="327">
        <v>879990</v>
      </c>
      <c r="S28" s="327">
        <v>1458193</v>
      </c>
      <c r="T28" s="327">
        <v>117671</v>
      </c>
      <c r="U28" s="327">
        <v>330875</v>
      </c>
      <c r="V28" s="327">
        <v>428604</v>
      </c>
      <c r="W28" s="328">
        <v>3215333</v>
      </c>
      <c r="X28" s="330">
        <v>3442996</v>
      </c>
      <c r="Y28" s="326">
        <v>0</v>
      </c>
      <c r="Z28" s="327">
        <v>0</v>
      </c>
      <c r="AA28" s="328">
        <v>0</v>
      </c>
      <c r="AB28" s="326">
        <v>0</v>
      </c>
      <c r="AC28" s="327">
        <v>354507</v>
      </c>
      <c r="AD28" s="327">
        <v>371475</v>
      </c>
      <c r="AE28" s="327">
        <v>0</v>
      </c>
      <c r="AF28" s="327">
        <v>175793</v>
      </c>
      <c r="AG28" s="327">
        <v>237950</v>
      </c>
      <c r="AH28" s="328">
        <v>1139725</v>
      </c>
      <c r="AI28" s="330">
        <v>1139725</v>
      </c>
      <c r="AJ28" s="326">
        <v>0</v>
      </c>
      <c r="AK28" s="327">
        <v>0</v>
      </c>
      <c r="AL28" s="328">
        <v>0</v>
      </c>
      <c r="AM28" s="326">
        <v>0</v>
      </c>
      <c r="AN28" s="327">
        <v>0</v>
      </c>
      <c r="AO28" s="327">
        <v>0</v>
      </c>
      <c r="AP28" s="327">
        <v>0</v>
      </c>
      <c r="AQ28" s="327">
        <v>0</v>
      </c>
      <c r="AR28" s="327">
        <v>0</v>
      </c>
      <c r="AS28" s="328">
        <v>0</v>
      </c>
      <c r="AT28" s="330">
        <v>0</v>
      </c>
      <c r="AU28" s="326">
        <v>108526</v>
      </c>
      <c r="AV28" s="327">
        <v>39839</v>
      </c>
      <c r="AW28" s="328">
        <v>148365</v>
      </c>
      <c r="AX28" s="326">
        <v>0</v>
      </c>
      <c r="AY28" s="327">
        <v>315802</v>
      </c>
      <c r="AZ28" s="327">
        <v>827066</v>
      </c>
      <c r="BA28" s="327">
        <v>15767</v>
      </c>
      <c r="BB28" s="327">
        <v>30530</v>
      </c>
      <c r="BC28" s="327">
        <v>108030</v>
      </c>
      <c r="BD28" s="328">
        <v>1297195</v>
      </c>
      <c r="BE28" s="330">
        <v>1445560</v>
      </c>
      <c r="BF28" s="326">
        <v>0</v>
      </c>
      <c r="BG28" s="327">
        <v>31210</v>
      </c>
      <c r="BH28" s="331">
        <v>31210</v>
      </c>
      <c r="BI28" s="332">
        <v>0</v>
      </c>
      <c r="BJ28" s="327">
        <v>47585</v>
      </c>
      <c r="BK28" s="327">
        <v>76620</v>
      </c>
      <c r="BL28" s="327">
        <v>10616</v>
      </c>
      <c r="BM28" s="327">
        <v>0</v>
      </c>
      <c r="BN28" s="327">
        <v>0</v>
      </c>
      <c r="BO28" s="328">
        <v>134821</v>
      </c>
      <c r="BP28" s="330">
        <v>166031</v>
      </c>
      <c r="BQ28" s="326">
        <v>48088</v>
      </c>
      <c r="BR28" s="327">
        <v>0</v>
      </c>
      <c r="BS28" s="328">
        <v>48088</v>
      </c>
      <c r="BT28" s="326">
        <v>0</v>
      </c>
      <c r="BU28" s="327">
        <v>162096</v>
      </c>
      <c r="BV28" s="327">
        <v>183032</v>
      </c>
      <c r="BW28" s="327">
        <v>91288</v>
      </c>
      <c r="BX28" s="327">
        <v>124552</v>
      </c>
      <c r="BY28" s="327">
        <v>82624</v>
      </c>
      <c r="BZ28" s="328">
        <v>643592</v>
      </c>
      <c r="CA28" s="330">
        <v>691680</v>
      </c>
      <c r="CB28" s="326">
        <v>0</v>
      </c>
      <c r="CC28" s="327">
        <v>0</v>
      </c>
      <c r="CD28" s="328">
        <v>0</v>
      </c>
      <c r="CE28" s="326">
        <v>0</v>
      </c>
      <c r="CF28" s="327">
        <v>638467</v>
      </c>
      <c r="CG28" s="327">
        <v>1354525</v>
      </c>
      <c r="CH28" s="327">
        <v>228573</v>
      </c>
      <c r="CI28" s="327">
        <v>163554</v>
      </c>
      <c r="CJ28" s="327">
        <v>522697</v>
      </c>
      <c r="CK28" s="328">
        <v>2907816</v>
      </c>
      <c r="CL28" s="330">
        <v>2907816</v>
      </c>
      <c r="CM28" s="326">
        <v>0</v>
      </c>
      <c r="CN28" s="327">
        <v>0</v>
      </c>
      <c r="CO28" s="328">
        <v>0</v>
      </c>
      <c r="CP28" s="332">
        <v>0</v>
      </c>
      <c r="CQ28" s="327">
        <v>460217</v>
      </c>
      <c r="CR28" s="327">
        <v>1114406</v>
      </c>
      <c r="CS28" s="327">
        <v>228573</v>
      </c>
      <c r="CT28" s="327">
        <v>163554</v>
      </c>
      <c r="CU28" s="327">
        <v>365331</v>
      </c>
      <c r="CV28" s="328">
        <v>2332081</v>
      </c>
      <c r="CW28" s="330">
        <v>2332081</v>
      </c>
      <c r="CX28" s="326">
        <v>0</v>
      </c>
      <c r="CY28" s="327">
        <v>0</v>
      </c>
      <c r="CZ28" s="328">
        <v>0</v>
      </c>
      <c r="DA28" s="326">
        <v>0</v>
      </c>
      <c r="DB28" s="327">
        <v>178250</v>
      </c>
      <c r="DC28" s="327">
        <v>240119</v>
      </c>
      <c r="DD28" s="327">
        <v>0</v>
      </c>
      <c r="DE28" s="327">
        <v>0</v>
      </c>
      <c r="DF28" s="327">
        <v>157366</v>
      </c>
      <c r="DG28" s="328">
        <v>575735</v>
      </c>
      <c r="DH28" s="330">
        <v>575735</v>
      </c>
      <c r="DI28" s="326">
        <v>0</v>
      </c>
      <c r="DJ28" s="327">
        <v>0</v>
      </c>
      <c r="DK28" s="331">
        <v>0</v>
      </c>
      <c r="DL28" s="332">
        <v>0</v>
      </c>
      <c r="DM28" s="327">
        <v>32360</v>
      </c>
      <c r="DN28" s="327">
        <v>258302</v>
      </c>
      <c r="DO28" s="327">
        <v>204526</v>
      </c>
      <c r="DP28" s="327">
        <v>8198</v>
      </c>
      <c r="DQ28" s="327">
        <v>272493</v>
      </c>
      <c r="DR28" s="328">
        <v>775879</v>
      </c>
      <c r="DS28" s="330">
        <v>775879</v>
      </c>
      <c r="DT28" s="326">
        <v>0</v>
      </c>
      <c r="DU28" s="327">
        <v>0</v>
      </c>
      <c r="DV28" s="328">
        <v>0</v>
      </c>
      <c r="DW28" s="326">
        <v>0</v>
      </c>
      <c r="DX28" s="327">
        <v>0</v>
      </c>
      <c r="DY28" s="327">
        <v>224595</v>
      </c>
      <c r="DZ28" s="327">
        <v>204526</v>
      </c>
      <c r="EA28" s="327">
        <v>8198</v>
      </c>
      <c r="EB28" s="327">
        <v>272493</v>
      </c>
      <c r="EC28" s="328">
        <v>709812</v>
      </c>
      <c r="ED28" s="330">
        <v>709812</v>
      </c>
      <c r="EE28" s="326">
        <v>0</v>
      </c>
      <c r="EF28" s="331">
        <v>0</v>
      </c>
      <c r="EG28" s="328">
        <v>0</v>
      </c>
      <c r="EH28" s="326">
        <v>0</v>
      </c>
      <c r="EI28" s="327">
        <v>32360</v>
      </c>
      <c r="EJ28" s="327">
        <v>33707</v>
      </c>
      <c r="EK28" s="327">
        <v>0</v>
      </c>
      <c r="EL28" s="327">
        <v>0</v>
      </c>
      <c r="EM28" s="327">
        <v>0</v>
      </c>
      <c r="EN28" s="331">
        <v>66067</v>
      </c>
      <c r="EO28" s="330">
        <v>66067</v>
      </c>
      <c r="EP28" s="326">
        <v>0</v>
      </c>
      <c r="EQ28" s="327">
        <v>0</v>
      </c>
      <c r="ER28" s="331">
        <v>0</v>
      </c>
      <c r="ES28" s="332">
        <v>0</v>
      </c>
      <c r="ET28" s="327">
        <v>0</v>
      </c>
      <c r="EU28" s="327">
        <v>0</v>
      </c>
      <c r="EV28" s="327">
        <v>0</v>
      </c>
      <c r="EW28" s="327">
        <v>0</v>
      </c>
      <c r="EX28" s="327">
        <v>0</v>
      </c>
      <c r="EY28" s="328">
        <v>0</v>
      </c>
      <c r="EZ28" s="330">
        <v>0</v>
      </c>
      <c r="FA28" s="326">
        <v>0</v>
      </c>
      <c r="FB28" s="327">
        <v>0</v>
      </c>
      <c r="FC28" s="331">
        <v>0</v>
      </c>
      <c r="FD28" s="332">
        <v>0</v>
      </c>
      <c r="FE28" s="327">
        <v>0</v>
      </c>
      <c r="FF28" s="327">
        <v>0</v>
      </c>
      <c r="FG28" s="327">
        <v>0</v>
      </c>
      <c r="FH28" s="327">
        <v>0</v>
      </c>
      <c r="FI28" s="327">
        <v>0</v>
      </c>
      <c r="FJ28" s="328">
        <v>0</v>
      </c>
      <c r="FK28" s="330">
        <v>0</v>
      </c>
      <c r="FL28" s="326">
        <v>82360</v>
      </c>
      <c r="FM28" s="327">
        <v>122104</v>
      </c>
      <c r="FN28" s="328">
        <v>204464</v>
      </c>
      <c r="FO28" s="326">
        <v>0</v>
      </c>
      <c r="FP28" s="327">
        <v>137656</v>
      </c>
      <c r="FQ28" s="327">
        <v>498720</v>
      </c>
      <c r="FR28" s="327">
        <v>44232</v>
      </c>
      <c r="FS28" s="327">
        <v>47728</v>
      </c>
      <c r="FT28" s="327">
        <v>132640</v>
      </c>
      <c r="FU28" s="328">
        <v>860976</v>
      </c>
      <c r="FV28" s="330">
        <v>1065440</v>
      </c>
      <c r="FW28" s="333">
        <v>17960</v>
      </c>
      <c r="FX28" s="327">
        <v>122104</v>
      </c>
      <c r="FY28" s="331">
        <v>140064</v>
      </c>
      <c r="FZ28" s="332">
        <v>0</v>
      </c>
      <c r="GA28" s="327">
        <v>78456</v>
      </c>
      <c r="GB28" s="327">
        <v>478640</v>
      </c>
      <c r="GC28" s="327">
        <v>44232</v>
      </c>
      <c r="GD28" s="327">
        <v>47728</v>
      </c>
      <c r="GE28" s="327">
        <v>107680</v>
      </c>
      <c r="GF28" s="328">
        <v>756736</v>
      </c>
      <c r="GG28" s="334">
        <v>896800</v>
      </c>
      <c r="GH28" s="333">
        <v>20400</v>
      </c>
      <c r="GI28" s="327">
        <v>0</v>
      </c>
      <c r="GJ28" s="331">
        <v>20400</v>
      </c>
      <c r="GK28" s="332">
        <v>0</v>
      </c>
      <c r="GL28" s="327">
        <v>0</v>
      </c>
      <c r="GM28" s="327">
        <v>20080</v>
      </c>
      <c r="GN28" s="327">
        <v>0</v>
      </c>
      <c r="GO28" s="327">
        <v>0</v>
      </c>
      <c r="GP28" s="327">
        <v>24960</v>
      </c>
      <c r="GQ28" s="328">
        <v>45040</v>
      </c>
      <c r="GR28" s="330">
        <v>65440</v>
      </c>
      <c r="GS28" s="326">
        <v>44000</v>
      </c>
      <c r="GT28" s="327">
        <v>0</v>
      </c>
      <c r="GU28" s="328">
        <v>44000</v>
      </c>
      <c r="GV28" s="326">
        <v>0</v>
      </c>
      <c r="GW28" s="327">
        <v>59200</v>
      </c>
      <c r="GX28" s="327">
        <v>0</v>
      </c>
      <c r="GY28" s="327">
        <v>0</v>
      </c>
      <c r="GZ28" s="327">
        <v>0</v>
      </c>
      <c r="HA28" s="327">
        <v>0</v>
      </c>
      <c r="HB28" s="331">
        <v>59200</v>
      </c>
      <c r="HC28" s="330">
        <v>103200</v>
      </c>
      <c r="HD28" s="326">
        <v>162401</v>
      </c>
      <c r="HE28" s="327">
        <v>0</v>
      </c>
      <c r="HF28" s="331">
        <v>162401</v>
      </c>
      <c r="HG28" s="332">
        <v>0</v>
      </c>
      <c r="HH28" s="327">
        <v>573192</v>
      </c>
      <c r="HI28" s="327">
        <v>0</v>
      </c>
      <c r="HJ28" s="327">
        <v>651902</v>
      </c>
      <c r="HK28" s="327">
        <v>659760</v>
      </c>
      <c r="HL28" s="327">
        <v>458707</v>
      </c>
      <c r="HM28" s="328">
        <v>2343561</v>
      </c>
      <c r="HN28" s="329">
        <v>2505962</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772904</v>
      </c>
      <c r="IE28" s="357">
        <v>803370</v>
      </c>
      <c r="IF28" s="358">
        <v>519421</v>
      </c>
      <c r="IG28" s="356">
        <v>497377</v>
      </c>
      <c r="IH28" s="358">
        <v>0</v>
      </c>
      <c r="II28" s="359">
        <v>2593072</v>
      </c>
      <c r="IJ28" s="358">
        <v>2593072</v>
      </c>
      <c r="IK28" s="342">
        <v>0</v>
      </c>
      <c r="IL28" s="343">
        <v>0</v>
      </c>
      <c r="IM28" s="344">
        <v>0</v>
      </c>
      <c r="IN28" s="404">
        <v>0</v>
      </c>
      <c r="IO28" s="345">
        <v>0</v>
      </c>
      <c r="IP28" s="345">
        <v>0</v>
      </c>
      <c r="IQ28" s="345">
        <v>0</v>
      </c>
      <c r="IR28" s="345">
        <v>0</v>
      </c>
      <c r="IS28" s="345">
        <v>0</v>
      </c>
      <c r="IT28" s="346">
        <v>0</v>
      </c>
      <c r="IU28" s="347">
        <v>0</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298325</v>
      </c>
      <c r="JL28" s="345">
        <v>55762</v>
      </c>
      <c r="JM28" s="345">
        <v>0</v>
      </c>
      <c r="JN28" s="345">
        <v>0</v>
      </c>
      <c r="JO28" s="345">
        <v>0</v>
      </c>
      <c r="JP28" s="349">
        <v>354087</v>
      </c>
      <c r="JQ28" s="347">
        <v>354087</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474579</v>
      </c>
      <c r="KS28" s="345">
        <v>747608</v>
      </c>
      <c r="KT28" s="345">
        <v>519421</v>
      </c>
      <c r="KU28" s="345">
        <v>259201</v>
      </c>
      <c r="KV28" s="345">
        <v>0</v>
      </c>
      <c r="KW28" s="349">
        <v>2000809</v>
      </c>
      <c r="KX28" s="347">
        <v>2000809</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0</v>
      </c>
      <c r="MA28" s="345">
        <v>0</v>
      </c>
      <c r="MB28" s="345">
        <v>238176</v>
      </c>
      <c r="MC28" s="345">
        <v>0</v>
      </c>
      <c r="MD28" s="349">
        <v>238176</v>
      </c>
      <c r="ME28" s="350">
        <v>238176</v>
      </c>
      <c r="MF28" s="348">
        <v>0</v>
      </c>
      <c r="MG28" s="345">
        <v>0</v>
      </c>
      <c r="MH28" s="349">
        <v>0</v>
      </c>
      <c r="MI28" s="404">
        <v>0</v>
      </c>
      <c r="MJ28" s="345">
        <v>0</v>
      </c>
      <c r="MK28" s="345">
        <v>0</v>
      </c>
      <c r="ML28" s="345">
        <v>1716994</v>
      </c>
      <c r="MM28" s="345">
        <v>2002958</v>
      </c>
      <c r="MN28" s="345">
        <v>1649693</v>
      </c>
      <c r="MO28" s="349">
        <v>5369645</v>
      </c>
      <c r="MP28" s="354">
        <v>5369645</v>
      </c>
      <c r="MQ28" s="348">
        <v>0</v>
      </c>
      <c r="MR28" s="345">
        <v>0</v>
      </c>
      <c r="MS28" s="349">
        <v>0</v>
      </c>
      <c r="MT28" s="404">
        <v>0</v>
      </c>
      <c r="MU28" s="345">
        <v>0</v>
      </c>
      <c r="MV28" s="345">
        <v>0</v>
      </c>
      <c r="MW28" s="345">
        <v>1432440</v>
      </c>
      <c r="MX28" s="345">
        <v>1447784</v>
      </c>
      <c r="MY28" s="345">
        <v>1008551</v>
      </c>
      <c r="MZ28" s="349">
        <v>3888775</v>
      </c>
      <c r="NA28" s="354">
        <v>3888775</v>
      </c>
      <c r="NB28" s="348">
        <v>0</v>
      </c>
      <c r="NC28" s="345">
        <v>0</v>
      </c>
      <c r="ND28" s="349">
        <v>0</v>
      </c>
      <c r="NE28" s="404">
        <v>0</v>
      </c>
      <c r="NF28" s="345">
        <v>0</v>
      </c>
      <c r="NG28" s="345">
        <v>0</v>
      </c>
      <c r="NH28" s="345">
        <v>284554</v>
      </c>
      <c r="NI28" s="345">
        <v>555174</v>
      </c>
      <c r="NJ28" s="345">
        <v>641142</v>
      </c>
      <c r="NK28" s="349">
        <v>1480870</v>
      </c>
      <c r="NL28" s="347">
        <v>1480870</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0</v>
      </c>
      <c r="OG28" s="349">
        <v>0</v>
      </c>
      <c r="OH28" s="350">
        <v>0</v>
      </c>
      <c r="OI28" s="348">
        <v>401375</v>
      </c>
      <c r="OJ28" s="345">
        <v>193153</v>
      </c>
      <c r="OK28" s="346">
        <v>594528</v>
      </c>
      <c r="OL28" s="351">
        <v>0</v>
      </c>
      <c r="OM28" s="345">
        <v>3034569</v>
      </c>
      <c r="ON28" s="345">
        <v>4373110</v>
      </c>
      <c r="OO28" s="345">
        <v>3483319</v>
      </c>
      <c r="OP28" s="345">
        <v>3710450</v>
      </c>
      <c r="OQ28" s="345">
        <v>3464834</v>
      </c>
      <c r="OR28" s="349">
        <v>18066282</v>
      </c>
      <c r="OS28" s="354">
        <v>18660810</v>
      </c>
    </row>
    <row r="29" spans="2:409" s="70" customFormat="1" ht="21" customHeight="1" x14ac:dyDescent="0.2">
      <c r="B29" s="410" t="s">
        <v>24</v>
      </c>
      <c r="C29" s="326">
        <v>244890</v>
      </c>
      <c r="D29" s="327">
        <v>278210</v>
      </c>
      <c r="E29" s="328">
        <v>523100</v>
      </c>
      <c r="F29" s="329">
        <v>0</v>
      </c>
      <c r="G29" s="327">
        <v>2110021</v>
      </c>
      <c r="H29" s="327">
        <v>2179969</v>
      </c>
      <c r="I29" s="327">
        <v>2490426</v>
      </c>
      <c r="J29" s="327">
        <v>2252598</v>
      </c>
      <c r="K29" s="327">
        <v>1060056</v>
      </c>
      <c r="L29" s="367">
        <v>10093070</v>
      </c>
      <c r="M29" s="330">
        <v>10616170</v>
      </c>
      <c r="N29" s="326">
        <v>58855</v>
      </c>
      <c r="O29" s="327">
        <v>22826</v>
      </c>
      <c r="P29" s="328">
        <v>81681</v>
      </c>
      <c r="Q29" s="326">
        <v>0</v>
      </c>
      <c r="R29" s="327">
        <v>746640</v>
      </c>
      <c r="S29" s="327">
        <v>438432</v>
      </c>
      <c r="T29" s="327">
        <v>747403</v>
      </c>
      <c r="U29" s="327">
        <v>723517</v>
      </c>
      <c r="V29" s="327">
        <v>493477</v>
      </c>
      <c r="W29" s="328">
        <v>3149469</v>
      </c>
      <c r="X29" s="330">
        <v>3231150</v>
      </c>
      <c r="Y29" s="326">
        <v>0</v>
      </c>
      <c r="Z29" s="327">
        <v>0</v>
      </c>
      <c r="AA29" s="328">
        <v>0</v>
      </c>
      <c r="AB29" s="326">
        <v>0</v>
      </c>
      <c r="AC29" s="327">
        <v>299445</v>
      </c>
      <c r="AD29" s="327">
        <v>94839</v>
      </c>
      <c r="AE29" s="327">
        <v>184430</v>
      </c>
      <c r="AF29" s="327">
        <v>227912</v>
      </c>
      <c r="AG29" s="327">
        <v>406790</v>
      </c>
      <c r="AH29" s="328">
        <v>1213416</v>
      </c>
      <c r="AI29" s="330">
        <v>1213416</v>
      </c>
      <c r="AJ29" s="326">
        <v>0</v>
      </c>
      <c r="AK29" s="327">
        <v>0</v>
      </c>
      <c r="AL29" s="328">
        <v>0</v>
      </c>
      <c r="AM29" s="326">
        <v>0</v>
      </c>
      <c r="AN29" s="327">
        <v>0</v>
      </c>
      <c r="AO29" s="327">
        <v>0</v>
      </c>
      <c r="AP29" s="327">
        <v>0</v>
      </c>
      <c r="AQ29" s="327">
        <v>97015</v>
      </c>
      <c r="AR29" s="327">
        <v>0</v>
      </c>
      <c r="AS29" s="328">
        <v>97015</v>
      </c>
      <c r="AT29" s="330">
        <v>97015</v>
      </c>
      <c r="AU29" s="326">
        <v>21639</v>
      </c>
      <c r="AV29" s="327">
        <v>22826</v>
      </c>
      <c r="AW29" s="328">
        <v>44465</v>
      </c>
      <c r="AX29" s="326">
        <v>0</v>
      </c>
      <c r="AY29" s="327">
        <v>303781</v>
      </c>
      <c r="AZ29" s="327">
        <v>235069</v>
      </c>
      <c r="BA29" s="327">
        <v>423677</v>
      </c>
      <c r="BB29" s="327">
        <v>287470</v>
      </c>
      <c r="BC29" s="327">
        <v>38023</v>
      </c>
      <c r="BD29" s="328">
        <v>1288020</v>
      </c>
      <c r="BE29" s="330">
        <v>1332485</v>
      </c>
      <c r="BF29" s="326">
        <v>0</v>
      </c>
      <c r="BG29" s="327">
        <v>0</v>
      </c>
      <c r="BH29" s="331">
        <v>0</v>
      </c>
      <c r="BI29" s="332">
        <v>0</v>
      </c>
      <c r="BJ29" s="327">
        <v>36550</v>
      </c>
      <c r="BK29" s="327">
        <v>44004</v>
      </c>
      <c r="BL29" s="327">
        <v>0</v>
      </c>
      <c r="BM29" s="327">
        <v>0</v>
      </c>
      <c r="BN29" s="327">
        <v>0</v>
      </c>
      <c r="BO29" s="328">
        <v>80554</v>
      </c>
      <c r="BP29" s="330">
        <v>80554</v>
      </c>
      <c r="BQ29" s="326">
        <v>37216</v>
      </c>
      <c r="BR29" s="327">
        <v>0</v>
      </c>
      <c r="BS29" s="328">
        <v>37216</v>
      </c>
      <c r="BT29" s="326">
        <v>0</v>
      </c>
      <c r="BU29" s="327">
        <v>106864</v>
      </c>
      <c r="BV29" s="327">
        <v>64520</v>
      </c>
      <c r="BW29" s="327">
        <v>139296</v>
      </c>
      <c r="BX29" s="327">
        <v>111120</v>
      </c>
      <c r="BY29" s="327">
        <v>48664</v>
      </c>
      <c r="BZ29" s="328">
        <v>470464</v>
      </c>
      <c r="CA29" s="330">
        <v>507680</v>
      </c>
      <c r="CB29" s="326">
        <v>20289</v>
      </c>
      <c r="CC29" s="327">
        <v>0</v>
      </c>
      <c r="CD29" s="328">
        <v>20289</v>
      </c>
      <c r="CE29" s="326">
        <v>0</v>
      </c>
      <c r="CF29" s="327">
        <v>405678</v>
      </c>
      <c r="CG29" s="327">
        <v>1060741</v>
      </c>
      <c r="CH29" s="327">
        <v>760700</v>
      </c>
      <c r="CI29" s="327">
        <v>459801</v>
      </c>
      <c r="CJ29" s="327">
        <v>275579</v>
      </c>
      <c r="CK29" s="328">
        <v>2962499</v>
      </c>
      <c r="CL29" s="330">
        <v>2982788</v>
      </c>
      <c r="CM29" s="326">
        <v>0</v>
      </c>
      <c r="CN29" s="327">
        <v>0</v>
      </c>
      <c r="CO29" s="328">
        <v>0</v>
      </c>
      <c r="CP29" s="332">
        <v>0</v>
      </c>
      <c r="CQ29" s="327">
        <v>405678</v>
      </c>
      <c r="CR29" s="327">
        <v>561798</v>
      </c>
      <c r="CS29" s="327">
        <v>144869</v>
      </c>
      <c r="CT29" s="327">
        <v>203396</v>
      </c>
      <c r="CU29" s="327">
        <v>86224</v>
      </c>
      <c r="CV29" s="328">
        <v>1401965</v>
      </c>
      <c r="CW29" s="330">
        <v>1401965</v>
      </c>
      <c r="CX29" s="326">
        <v>20289</v>
      </c>
      <c r="CY29" s="327">
        <v>0</v>
      </c>
      <c r="CZ29" s="328">
        <v>20289</v>
      </c>
      <c r="DA29" s="326">
        <v>0</v>
      </c>
      <c r="DB29" s="327">
        <v>0</v>
      </c>
      <c r="DC29" s="327">
        <v>498943</v>
      </c>
      <c r="DD29" s="327">
        <v>615831</v>
      </c>
      <c r="DE29" s="327">
        <v>256405</v>
      </c>
      <c r="DF29" s="327">
        <v>189355</v>
      </c>
      <c r="DG29" s="328">
        <v>1560534</v>
      </c>
      <c r="DH29" s="330">
        <v>1580823</v>
      </c>
      <c r="DI29" s="326">
        <v>0</v>
      </c>
      <c r="DJ29" s="327">
        <v>0</v>
      </c>
      <c r="DK29" s="331">
        <v>0</v>
      </c>
      <c r="DL29" s="332">
        <v>0</v>
      </c>
      <c r="DM29" s="327">
        <v>60497</v>
      </c>
      <c r="DN29" s="327">
        <v>290332</v>
      </c>
      <c r="DO29" s="327">
        <v>250170</v>
      </c>
      <c r="DP29" s="327">
        <v>461290</v>
      </c>
      <c r="DQ29" s="327">
        <v>0</v>
      </c>
      <c r="DR29" s="328">
        <v>1062289</v>
      </c>
      <c r="DS29" s="330">
        <v>1062289</v>
      </c>
      <c r="DT29" s="326">
        <v>0</v>
      </c>
      <c r="DU29" s="327">
        <v>0</v>
      </c>
      <c r="DV29" s="328">
        <v>0</v>
      </c>
      <c r="DW29" s="326">
        <v>0</v>
      </c>
      <c r="DX29" s="327">
        <v>60497</v>
      </c>
      <c r="DY29" s="327">
        <v>290332</v>
      </c>
      <c r="DZ29" s="327">
        <v>92037</v>
      </c>
      <c r="EA29" s="327">
        <v>461290</v>
      </c>
      <c r="EB29" s="327">
        <v>0</v>
      </c>
      <c r="EC29" s="328">
        <v>904156</v>
      </c>
      <c r="ED29" s="330">
        <v>904156</v>
      </c>
      <c r="EE29" s="326">
        <v>0</v>
      </c>
      <c r="EF29" s="331">
        <v>0</v>
      </c>
      <c r="EG29" s="328">
        <v>0</v>
      </c>
      <c r="EH29" s="326">
        <v>0</v>
      </c>
      <c r="EI29" s="327">
        <v>0</v>
      </c>
      <c r="EJ29" s="327">
        <v>0</v>
      </c>
      <c r="EK29" s="327">
        <v>158133</v>
      </c>
      <c r="EL29" s="327">
        <v>0</v>
      </c>
      <c r="EM29" s="327">
        <v>0</v>
      </c>
      <c r="EN29" s="331">
        <v>158133</v>
      </c>
      <c r="EO29" s="330">
        <v>158133</v>
      </c>
      <c r="EP29" s="326">
        <v>0</v>
      </c>
      <c r="EQ29" s="327">
        <v>0</v>
      </c>
      <c r="ER29" s="331">
        <v>0</v>
      </c>
      <c r="ES29" s="332">
        <v>0</v>
      </c>
      <c r="ET29" s="327">
        <v>0</v>
      </c>
      <c r="EU29" s="327">
        <v>0</v>
      </c>
      <c r="EV29" s="327">
        <v>0</v>
      </c>
      <c r="EW29" s="327">
        <v>0</v>
      </c>
      <c r="EX29" s="327">
        <v>0</v>
      </c>
      <c r="EY29" s="328">
        <v>0</v>
      </c>
      <c r="EZ29" s="330">
        <v>0</v>
      </c>
      <c r="FA29" s="326">
        <v>0</v>
      </c>
      <c r="FB29" s="327">
        <v>0</v>
      </c>
      <c r="FC29" s="331">
        <v>0</v>
      </c>
      <c r="FD29" s="332">
        <v>0</v>
      </c>
      <c r="FE29" s="327">
        <v>0</v>
      </c>
      <c r="FF29" s="327">
        <v>0</v>
      </c>
      <c r="FG29" s="327">
        <v>0</v>
      </c>
      <c r="FH29" s="327">
        <v>0</v>
      </c>
      <c r="FI29" s="327">
        <v>0</v>
      </c>
      <c r="FJ29" s="328">
        <v>0</v>
      </c>
      <c r="FK29" s="330">
        <v>0</v>
      </c>
      <c r="FL29" s="326">
        <v>112000</v>
      </c>
      <c r="FM29" s="327">
        <v>255384</v>
      </c>
      <c r="FN29" s="328">
        <v>367384</v>
      </c>
      <c r="FO29" s="326">
        <v>0</v>
      </c>
      <c r="FP29" s="327">
        <v>215672</v>
      </c>
      <c r="FQ29" s="327">
        <v>210160</v>
      </c>
      <c r="FR29" s="327">
        <v>315216</v>
      </c>
      <c r="FS29" s="327">
        <v>181928</v>
      </c>
      <c r="FT29" s="327">
        <v>53640</v>
      </c>
      <c r="FU29" s="328">
        <v>976616</v>
      </c>
      <c r="FV29" s="330">
        <v>1344000</v>
      </c>
      <c r="FW29" s="333">
        <v>28800</v>
      </c>
      <c r="FX29" s="327">
        <v>23120</v>
      </c>
      <c r="FY29" s="331">
        <v>51920</v>
      </c>
      <c r="FZ29" s="332">
        <v>0</v>
      </c>
      <c r="GA29" s="327">
        <v>55672</v>
      </c>
      <c r="GB29" s="327">
        <v>210160</v>
      </c>
      <c r="GC29" s="327">
        <v>315216</v>
      </c>
      <c r="GD29" s="327">
        <v>181928</v>
      </c>
      <c r="GE29" s="327">
        <v>53640</v>
      </c>
      <c r="GF29" s="328">
        <v>816616</v>
      </c>
      <c r="GG29" s="334">
        <v>868536</v>
      </c>
      <c r="GH29" s="333">
        <v>0</v>
      </c>
      <c r="GI29" s="327">
        <v>44264</v>
      </c>
      <c r="GJ29" s="331">
        <v>44264</v>
      </c>
      <c r="GK29" s="332">
        <v>0</v>
      </c>
      <c r="GL29" s="327">
        <v>0</v>
      </c>
      <c r="GM29" s="327">
        <v>0</v>
      </c>
      <c r="GN29" s="327">
        <v>0</v>
      </c>
      <c r="GO29" s="327">
        <v>0</v>
      </c>
      <c r="GP29" s="327">
        <v>0</v>
      </c>
      <c r="GQ29" s="328">
        <v>0</v>
      </c>
      <c r="GR29" s="330">
        <v>44264</v>
      </c>
      <c r="GS29" s="326">
        <v>83200</v>
      </c>
      <c r="GT29" s="327">
        <v>188000</v>
      </c>
      <c r="GU29" s="328">
        <v>271200</v>
      </c>
      <c r="GV29" s="326">
        <v>0</v>
      </c>
      <c r="GW29" s="327">
        <v>160000</v>
      </c>
      <c r="GX29" s="327">
        <v>0</v>
      </c>
      <c r="GY29" s="327">
        <v>0</v>
      </c>
      <c r="GZ29" s="327">
        <v>0</v>
      </c>
      <c r="HA29" s="327">
        <v>0</v>
      </c>
      <c r="HB29" s="331">
        <v>160000</v>
      </c>
      <c r="HC29" s="330">
        <v>431200</v>
      </c>
      <c r="HD29" s="326">
        <v>53746</v>
      </c>
      <c r="HE29" s="327">
        <v>0</v>
      </c>
      <c r="HF29" s="331">
        <v>53746</v>
      </c>
      <c r="HG29" s="332">
        <v>0</v>
      </c>
      <c r="HH29" s="327">
        <v>681534</v>
      </c>
      <c r="HI29" s="327">
        <v>180304</v>
      </c>
      <c r="HJ29" s="327">
        <v>416937</v>
      </c>
      <c r="HK29" s="327">
        <v>426062</v>
      </c>
      <c r="HL29" s="327">
        <v>237360</v>
      </c>
      <c r="HM29" s="328">
        <v>1942197</v>
      </c>
      <c r="HN29" s="329">
        <v>1995943</v>
      </c>
      <c r="HO29" s="333">
        <v>0</v>
      </c>
      <c r="HP29" s="327">
        <v>0</v>
      </c>
      <c r="HQ29" s="328">
        <v>0</v>
      </c>
      <c r="HR29" s="326">
        <v>0</v>
      </c>
      <c r="HS29" s="327">
        <v>0</v>
      </c>
      <c r="HT29" s="327">
        <v>0</v>
      </c>
      <c r="HU29" s="327">
        <v>0</v>
      </c>
      <c r="HV29" s="327">
        <v>0</v>
      </c>
      <c r="HW29" s="327">
        <v>0</v>
      </c>
      <c r="HX29" s="331">
        <v>0</v>
      </c>
      <c r="HY29" s="330">
        <v>0</v>
      </c>
      <c r="HZ29" s="335">
        <v>45060</v>
      </c>
      <c r="IA29" s="336">
        <v>0</v>
      </c>
      <c r="IB29" s="337">
        <v>45060</v>
      </c>
      <c r="IC29" s="338">
        <v>0</v>
      </c>
      <c r="ID29" s="336">
        <v>167321</v>
      </c>
      <c r="IE29" s="339">
        <v>383970</v>
      </c>
      <c r="IF29" s="337">
        <v>1027330</v>
      </c>
      <c r="IG29" s="336">
        <v>205208</v>
      </c>
      <c r="IH29" s="337">
        <v>129035</v>
      </c>
      <c r="II29" s="340">
        <v>1912864</v>
      </c>
      <c r="IJ29" s="341">
        <v>1957924</v>
      </c>
      <c r="IK29" s="342">
        <v>0</v>
      </c>
      <c r="IL29" s="343">
        <v>0</v>
      </c>
      <c r="IM29" s="344">
        <v>0</v>
      </c>
      <c r="IN29" s="404">
        <v>0</v>
      </c>
      <c r="IO29" s="345">
        <v>0</v>
      </c>
      <c r="IP29" s="345">
        <v>0</v>
      </c>
      <c r="IQ29" s="345">
        <v>0</v>
      </c>
      <c r="IR29" s="345">
        <v>205208</v>
      </c>
      <c r="IS29" s="345">
        <v>0</v>
      </c>
      <c r="IT29" s="346">
        <v>205208</v>
      </c>
      <c r="IU29" s="347">
        <v>205208</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167321</v>
      </c>
      <c r="JL29" s="345">
        <v>41189</v>
      </c>
      <c r="JM29" s="345">
        <v>150612</v>
      </c>
      <c r="JN29" s="345">
        <v>0</v>
      </c>
      <c r="JO29" s="345">
        <v>54983</v>
      </c>
      <c r="JP29" s="349">
        <v>414105</v>
      </c>
      <c r="JQ29" s="347">
        <v>414105</v>
      </c>
      <c r="JR29" s="348">
        <v>0</v>
      </c>
      <c r="JS29" s="345">
        <v>0</v>
      </c>
      <c r="JT29" s="346">
        <v>0</v>
      </c>
      <c r="JU29" s="351">
        <v>0</v>
      </c>
      <c r="JV29" s="345">
        <v>0</v>
      </c>
      <c r="JW29" s="345">
        <v>0</v>
      </c>
      <c r="JX29" s="345">
        <v>147041</v>
      </c>
      <c r="JY29" s="345">
        <v>0</v>
      </c>
      <c r="JZ29" s="345">
        <v>74052</v>
      </c>
      <c r="KA29" s="349">
        <v>221093</v>
      </c>
      <c r="KB29" s="347">
        <v>221093</v>
      </c>
      <c r="KC29" s="352">
        <v>45060</v>
      </c>
      <c r="KD29" s="353">
        <v>0</v>
      </c>
      <c r="KE29" s="349">
        <v>45060</v>
      </c>
      <c r="KF29" s="351">
        <v>0</v>
      </c>
      <c r="KG29" s="345">
        <v>0</v>
      </c>
      <c r="KH29" s="345">
        <v>342781</v>
      </c>
      <c r="KI29" s="345">
        <v>0</v>
      </c>
      <c r="KJ29" s="345">
        <v>0</v>
      </c>
      <c r="KK29" s="345">
        <v>0</v>
      </c>
      <c r="KL29" s="349">
        <v>342781</v>
      </c>
      <c r="KM29" s="354">
        <v>387841</v>
      </c>
      <c r="KN29" s="342">
        <v>0</v>
      </c>
      <c r="KO29" s="343">
        <v>0</v>
      </c>
      <c r="KP29" s="344">
        <v>0</v>
      </c>
      <c r="KQ29" s="404">
        <v>0</v>
      </c>
      <c r="KR29" s="345">
        <v>0</v>
      </c>
      <c r="KS29" s="345">
        <v>0</v>
      </c>
      <c r="KT29" s="345">
        <v>729677</v>
      </c>
      <c r="KU29" s="345">
        <v>0</v>
      </c>
      <c r="KV29" s="345">
        <v>0</v>
      </c>
      <c r="KW29" s="349">
        <v>729677</v>
      </c>
      <c r="KX29" s="347">
        <v>729677</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271215</v>
      </c>
      <c r="MK29" s="345">
        <v>256400</v>
      </c>
      <c r="ML29" s="345">
        <v>1444017</v>
      </c>
      <c r="MM29" s="345">
        <v>2261373</v>
      </c>
      <c r="MN29" s="345">
        <v>1596330</v>
      </c>
      <c r="MO29" s="349">
        <v>5829335</v>
      </c>
      <c r="MP29" s="354">
        <v>5829335</v>
      </c>
      <c r="MQ29" s="348">
        <v>0</v>
      </c>
      <c r="MR29" s="345">
        <v>0</v>
      </c>
      <c r="MS29" s="349">
        <v>0</v>
      </c>
      <c r="MT29" s="404">
        <v>0</v>
      </c>
      <c r="MU29" s="345">
        <v>0</v>
      </c>
      <c r="MV29" s="345">
        <v>0</v>
      </c>
      <c r="MW29" s="345">
        <v>478412</v>
      </c>
      <c r="MX29" s="345">
        <v>1347170</v>
      </c>
      <c r="MY29" s="345">
        <v>1138114</v>
      </c>
      <c r="MZ29" s="349">
        <v>2963696</v>
      </c>
      <c r="NA29" s="354">
        <v>2963696</v>
      </c>
      <c r="NB29" s="348">
        <v>0</v>
      </c>
      <c r="NC29" s="345">
        <v>0</v>
      </c>
      <c r="ND29" s="349">
        <v>0</v>
      </c>
      <c r="NE29" s="404">
        <v>0</v>
      </c>
      <c r="NF29" s="345">
        <v>271215</v>
      </c>
      <c r="NG29" s="345">
        <v>256400</v>
      </c>
      <c r="NH29" s="345">
        <v>965605</v>
      </c>
      <c r="NI29" s="345">
        <v>914203</v>
      </c>
      <c r="NJ29" s="345">
        <v>458216</v>
      </c>
      <c r="NK29" s="349">
        <v>2865639</v>
      </c>
      <c r="NL29" s="347">
        <v>2865639</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289950</v>
      </c>
      <c r="OJ29" s="345">
        <v>278210</v>
      </c>
      <c r="OK29" s="346">
        <v>568160</v>
      </c>
      <c r="OL29" s="351">
        <v>0</v>
      </c>
      <c r="OM29" s="345">
        <v>2548557</v>
      </c>
      <c r="ON29" s="345">
        <v>2820339</v>
      </c>
      <c r="OO29" s="345">
        <v>4961773</v>
      </c>
      <c r="OP29" s="345">
        <v>4719179</v>
      </c>
      <c r="OQ29" s="345">
        <v>2785421</v>
      </c>
      <c r="OR29" s="349">
        <v>17835269</v>
      </c>
      <c r="OS29" s="354">
        <v>18403429</v>
      </c>
    </row>
    <row r="30" spans="2:409" s="70" customFormat="1" ht="21" customHeight="1" x14ac:dyDescent="0.2">
      <c r="B30" s="410" t="s">
        <v>25</v>
      </c>
      <c r="C30" s="326">
        <v>52973</v>
      </c>
      <c r="D30" s="327">
        <v>419848</v>
      </c>
      <c r="E30" s="328">
        <v>472821</v>
      </c>
      <c r="F30" s="329">
        <v>0</v>
      </c>
      <c r="G30" s="327">
        <v>1743380</v>
      </c>
      <c r="H30" s="327">
        <v>1195110</v>
      </c>
      <c r="I30" s="327">
        <v>1194900</v>
      </c>
      <c r="J30" s="327">
        <v>713483</v>
      </c>
      <c r="K30" s="327">
        <v>0</v>
      </c>
      <c r="L30" s="367">
        <v>4846873</v>
      </c>
      <c r="M30" s="330">
        <v>5319694</v>
      </c>
      <c r="N30" s="326">
        <v>11581</v>
      </c>
      <c r="O30" s="327">
        <v>165723</v>
      </c>
      <c r="P30" s="328">
        <v>177304</v>
      </c>
      <c r="Q30" s="326">
        <v>0</v>
      </c>
      <c r="R30" s="327">
        <v>379206</v>
      </c>
      <c r="S30" s="327">
        <v>574307</v>
      </c>
      <c r="T30" s="327">
        <v>495049</v>
      </c>
      <c r="U30" s="327">
        <v>137709</v>
      </c>
      <c r="V30" s="327">
        <v>0</v>
      </c>
      <c r="W30" s="328">
        <v>1586271</v>
      </c>
      <c r="X30" s="330">
        <v>1763575</v>
      </c>
      <c r="Y30" s="326">
        <v>0</v>
      </c>
      <c r="Z30" s="327">
        <v>0</v>
      </c>
      <c r="AA30" s="328">
        <v>0</v>
      </c>
      <c r="AB30" s="326">
        <v>0</v>
      </c>
      <c r="AC30" s="327">
        <v>188401</v>
      </c>
      <c r="AD30" s="327">
        <v>129921</v>
      </c>
      <c r="AE30" s="327">
        <v>330158</v>
      </c>
      <c r="AF30" s="327">
        <v>20629</v>
      </c>
      <c r="AG30" s="327">
        <v>0</v>
      </c>
      <c r="AH30" s="328">
        <v>669109</v>
      </c>
      <c r="AI30" s="330">
        <v>669109</v>
      </c>
      <c r="AJ30" s="326">
        <v>0</v>
      </c>
      <c r="AK30" s="327">
        <v>0</v>
      </c>
      <c r="AL30" s="328">
        <v>0</v>
      </c>
      <c r="AM30" s="326">
        <v>0</v>
      </c>
      <c r="AN30" s="327">
        <v>0</v>
      </c>
      <c r="AO30" s="327">
        <v>37004</v>
      </c>
      <c r="AP30" s="327">
        <v>47422</v>
      </c>
      <c r="AQ30" s="327">
        <v>0</v>
      </c>
      <c r="AR30" s="327">
        <v>0</v>
      </c>
      <c r="AS30" s="328">
        <v>84426</v>
      </c>
      <c r="AT30" s="330">
        <v>84426</v>
      </c>
      <c r="AU30" s="326">
        <v>11581</v>
      </c>
      <c r="AV30" s="327">
        <v>81771</v>
      </c>
      <c r="AW30" s="328">
        <v>93352</v>
      </c>
      <c r="AX30" s="326">
        <v>0</v>
      </c>
      <c r="AY30" s="327">
        <v>116629</v>
      </c>
      <c r="AZ30" s="327">
        <v>318599</v>
      </c>
      <c r="BA30" s="327">
        <v>78453</v>
      </c>
      <c r="BB30" s="327">
        <v>96504</v>
      </c>
      <c r="BC30" s="327">
        <v>0</v>
      </c>
      <c r="BD30" s="328">
        <v>610185</v>
      </c>
      <c r="BE30" s="330">
        <v>703537</v>
      </c>
      <c r="BF30" s="326">
        <v>0</v>
      </c>
      <c r="BG30" s="327">
        <v>63264</v>
      </c>
      <c r="BH30" s="331">
        <v>63264</v>
      </c>
      <c r="BI30" s="332">
        <v>0</v>
      </c>
      <c r="BJ30" s="327">
        <v>0</v>
      </c>
      <c r="BK30" s="327">
        <v>64751</v>
      </c>
      <c r="BL30" s="327">
        <v>0</v>
      </c>
      <c r="BM30" s="327">
        <v>0</v>
      </c>
      <c r="BN30" s="327">
        <v>0</v>
      </c>
      <c r="BO30" s="328">
        <v>64751</v>
      </c>
      <c r="BP30" s="330">
        <v>128015</v>
      </c>
      <c r="BQ30" s="326">
        <v>0</v>
      </c>
      <c r="BR30" s="327">
        <v>20688</v>
      </c>
      <c r="BS30" s="328">
        <v>20688</v>
      </c>
      <c r="BT30" s="326">
        <v>0</v>
      </c>
      <c r="BU30" s="327">
        <v>74176</v>
      </c>
      <c r="BV30" s="327">
        <v>24032</v>
      </c>
      <c r="BW30" s="327">
        <v>39016</v>
      </c>
      <c r="BX30" s="327">
        <v>20576</v>
      </c>
      <c r="BY30" s="327">
        <v>0</v>
      </c>
      <c r="BZ30" s="328">
        <v>157800</v>
      </c>
      <c r="CA30" s="330">
        <v>178488</v>
      </c>
      <c r="CB30" s="326">
        <v>0</v>
      </c>
      <c r="CC30" s="327">
        <v>39980</v>
      </c>
      <c r="CD30" s="328">
        <v>39980</v>
      </c>
      <c r="CE30" s="326">
        <v>0</v>
      </c>
      <c r="CF30" s="327">
        <v>377419</v>
      </c>
      <c r="CG30" s="327">
        <v>251322</v>
      </c>
      <c r="CH30" s="327">
        <v>276121</v>
      </c>
      <c r="CI30" s="327">
        <v>75900</v>
      </c>
      <c r="CJ30" s="327">
        <v>0</v>
      </c>
      <c r="CK30" s="328">
        <v>980762</v>
      </c>
      <c r="CL30" s="330">
        <v>1020742</v>
      </c>
      <c r="CM30" s="326">
        <v>0</v>
      </c>
      <c r="CN30" s="327">
        <v>0</v>
      </c>
      <c r="CO30" s="328">
        <v>0</v>
      </c>
      <c r="CP30" s="332">
        <v>0</v>
      </c>
      <c r="CQ30" s="327">
        <v>292243</v>
      </c>
      <c r="CR30" s="327">
        <v>87461</v>
      </c>
      <c r="CS30" s="327">
        <v>0</v>
      </c>
      <c r="CT30" s="327">
        <v>0</v>
      </c>
      <c r="CU30" s="327">
        <v>0</v>
      </c>
      <c r="CV30" s="328">
        <v>379704</v>
      </c>
      <c r="CW30" s="330">
        <v>379704</v>
      </c>
      <c r="CX30" s="326">
        <v>0</v>
      </c>
      <c r="CY30" s="327">
        <v>39980</v>
      </c>
      <c r="CZ30" s="328">
        <v>39980</v>
      </c>
      <c r="DA30" s="326">
        <v>0</v>
      </c>
      <c r="DB30" s="327">
        <v>85176</v>
      </c>
      <c r="DC30" s="327">
        <v>163861</v>
      </c>
      <c r="DD30" s="327">
        <v>276121</v>
      </c>
      <c r="DE30" s="327">
        <v>75900</v>
      </c>
      <c r="DF30" s="327">
        <v>0</v>
      </c>
      <c r="DG30" s="328">
        <v>601058</v>
      </c>
      <c r="DH30" s="330">
        <v>641038</v>
      </c>
      <c r="DI30" s="326">
        <v>0</v>
      </c>
      <c r="DJ30" s="327">
        <v>0</v>
      </c>
      <c r="DK30" s="331">
        <v>0</v>
      </c>
      <c r="DL30" s="332">
        <v>0</v>
      </c>
      <c r="DM30" s="327">
        <v>189286</v>
      </c>
      <c r="DN30" s="327">
        <v>220337</v>
      </c>
      <c r="DO30" s="327">
        <v>132530</v>
      </c>
      <c r="DP30" s="327">
        <v>0</v>
      </c>
      <c r="DQ30" s="327">
        <v>0</v>
      </c>
      <c r="DR30" s="328">
        <v>542153</v>
      </c>
      <c r="DS30" s="330">
        <v>542153</v>
      </c>
      <c r="DT30" s="326">
        <v>0</v>
      </c>
      <c r="DU30" s="327">
        <v>0</v>
      </c>
      <c r="DV30" s="328">
        <v>0</v>
      </c>
      <c r="DW30" s="326">
        <v>0</v>
      </c>
      <c r="DX30" s="327">
        <v>137839</v>
      </c>
      <c r="DY30" s="327">
        <v>220337</v>
      </c>
      <c r="DZ30" s="327">
        <v>0</v>
      </c>
      <c r="EA30" s="327">
        <v>0</v>
      </c>
      <c r="EB30" s="327">
        <v>0</v>
      </c>
      <c r="EC30" s="328">
        <v>358176</v>
      </c>
      <c r="ED30" s="330">
        <v>358176</v>
      </c>
      <c r="EE30" s="326">
        <v>0</v>
      </c>
      <c r="EF30" s="331">
        <v>0</v>
      </c>
      <c r="EG30" s="328">
        <v>0</v>
      </c>
      <c r="EH30" s="326">
        <v>0</v>
      </c>
      <c r="EI30" s="327">
        <v>51447</v>
      </c>
      <c r="EJ30" s="327">
        <v>0</v>
      </c>
      <c r="EK30" s="327">
        <v>132530</v>
      </c>
      <c r="EL30" s="327">
        <v>0</v>
      </c>
      <c r="EM30" s="327">
        <v>0</v>
      </c>
      <c r="EN30" s="331">
        <v>183977</v>
      </c>
      <c r="EO30" s="330">
        <v>183977</v>
      </c>
      <c r="EP30" s="326">
        <v>0</v>
      </c>
      <c r="EQ30" s="327">
        <v>0</v>
      </c>
      <c r="ER30" s="331">
        <v>0</v>
      </c>
      <c r="ES30" s="332">
        <v>0</v>
      </c>
      <c r="ET30" s="327">
        <v>0</v>
      </c>
      <c r="EU30" s="327">
        <v>0</v>
      </c>
      <c r="EV30" s="327">
        <v>0</v>
      </c>
      <c r="EW30" s="327">
        <v>0</v>
      </c>
      <c r="EX30" s="327">
        <v>0</v>
      </c>
      <c r="EY30" s="328">
        <v>0</v>
      </c>
      <c r="EZ30" s="330">
        <v>0</v>
      </c>
      <c r="FA30" s="326">
        <v>0</v>
      </c>
      <c r="FB30" s="327">
        <v>0</v>
      </c>
      <c r="FC30" s="331">
        <v>0</v>
      </c>
      <c r="FD30" s="332">
        <v>0</v>
      </c>
      <c r="FE30" s="327">
        <v>0</v>
      </c>
      <c r="FF30" s="327">
        <v>0</v>
      </c>
      <c r="FG30" s="327">
        <v>0</v>
      </c>
      <c r="FH30" s="327">
        <v>0</v>
      </c>
      <c r="FI30" s="327">
        <v>0</v>
      </c>
      <c r="FJ30" s="328">
        <v>0</v>
      </c>
      <c r="FK30" s="330">
        <v>0</v>
      </c>
      <c r="FL30" s="326">
        <v>41392</v>
      </c>
      <c r="FM30" s="327">
        <v>123440</v>
      </c>
      <c r="FN30" s="328">
        <v>164832</v>
      </c>
      <c r="FO30" s="326">
        <v>0</v>
      </c>
      <c r="FP30" s="327">
        <v>8800</v>
      </c>
      <c r="FQ30" s="327">
        <v>149144</v>
      </c>
      <c r="FR30" s="327">
        <v>90960</v>
      </c>
      <c r="FS30" s="327">
        <v>69152</v>
      </c>
      <c r="FT30" s="327">
        <v>0</v>
      </c>
      <c r="FU30" s="328">
        <v>318056</v>
      </c>
      <c r="FV30" s="330">
        <v>482888</v>
      </c>
      <c r="FW30" s="333">
        <v>27312</v>
      </c>
      <c r="FX30" s="327">
        <v>123440</v>
      </c>
      <c r="FY30" s="331">
        <v>150752</v>
      </c>
      <c r="FZ30" s="332">
        <v>0</v>
      </c>
      <c r="GA30" s="327">
        <v>8800</v>
      </c>
      <c r="GB30" s="327">
        <v>149144</v>
      </c>
      <c r="GC30" s="327">
        <v>90960</v>
      </c>
      <c r="GD30" s="327">
        <v>69152</v>
      </c>
      <c r="GE30" s="327">
        <v>0</v>
      </c>
      <c r="GF30" s="328">
        <v>318056</v>
      </c>
      <c r="GG30" s="334">
        <v>468808</v>
      </c>
      <c r="GH30" s="333">
        <v>14080</v>
      </c>
      <c r="GI30" s="327">
        <v>0</v>
      </c>
      <c r="GJ30" s="331">
        <v>14080</v>
      </c>
      <c r="GK30" s="332">
        <v>0</v>
      </c>
      <c r="GL30" s="327">
        <v>0</v>
      </c>
      <c r="GM30" s="327">
        <v>0</v>
      </c>
      <c r="GN30" s="327">
        <v>0</v>
      </c>
      <c r="GO30" s="327">
        <v>0</v>
      </c>
      <c r="GP30" s="327">
        <v>0</v>
      </c>
      <c r="GQ30" s="328">
        <v>0</v>
      </c>
      <c r="GR30" s="330">
        <v>14080</v>
      </c>
      <c r="GS30" s="326">
        <v>0</v>
      </c>
      <c r="GT30" s="327">
        <v>0</v>
      </c>
      <c r="GU30" s="328">
        <v>0</v>
      </c>
      <c r="GV30" s="326">
        <v>0</v>
      </c>
      <c r="GW30" s="327">
        <v>0</v>
      </c>
      <c r="GX30" s="327">
        <v>0</v>
      </c>
      <c r="GY30" s="327">
        <v>0</v>
      </c>
      <c r="GZ30" s="327">
        <v>0</v>
      </c>
      <c r="HA30" s="327">
        <v>0</v>
      </c>
      <c r="HB30" s="331">
        <v>0</v>
      </c>
      <c r="HC30" s="330">
        <v>0</v>
      </c>
      <c r="HD30" s="326">
        <v>0</v>
      </c>
      <c r="HE30" s="327">
        <v>90705</v>
      </c>
      <c r="HF30" s="331">
        <v>90705</v>
      </c>
      <c r="HG30" s="332">
        <v>0</v>
      </c>
      <c r="HH30" s="327">
        <v>788669</v>
      </c>
      <c r="HI30" s="327">
        <v>0</v>
      </c>
      <c r="HJ30" s="327">
        <v>200240</v>
      </c>
      <c r="HK30" s="327">
        <v>430722</v>
      </c>
      <c r="HL30" s="327">
        <v>0</v>
      </c>
      <c r="HM30" s="328">
        <v>1419631</v>
      </c>
      <c r="HN30" s="329">
        <v>1510336</v>
      </c>
      <c r="HO30" s="333">
        <v>0</v>
      </c>
      <c r="HP30" s="327">
        <v>0</v>
      </c>
      <c r="HQ30" s="328">
        <v>0</v>
      </c>
      <c r="HR30" s="326">
        <v>0</v>
      </c>
      <c r="HS30" s="327">
        <v>0</v>
      </c>
      <c r="HT30" s="327">
        <v>0</v>
      </c>
      <c r="HU30" s="327">
        <v>0</v>
      </c>
      <c r="HV30" s="327">
        <v>0</v>
      </c>
      <c r="HW30" s="327">
        <v>0</v>
      </c>
      <c r="HX30" s="331">
        <v>0</v>
      </c>
      <c r="HY30" s="330">
        <v>0</v>
      </c>
      <c r="HZ30" s="358">
        <v>0</v>
      </c>
      <c r="IA30" s="356">
        <v>76567</v>
      </c>
      <c r="IB30" s="358">
        <v>76567</v>
      </c>
      <c r="IC30" s="355">
        <v>0</v>
      </c>
      <c r="ID30" s="356">
        <v>78757</v>
      </c>
      <c r="IE30" s="357">
        <v>108670</v>
      </c>
      <c r="IF30" s="358">
        <v>302313</v>
      </c>
      <c r="IG30" s="356">
        <v>39692</v>
      </c>
      <c r="IH30" s="358">
        <v>0</v>
      </c>
      <c r="II30" s="359">
        <v>529432</v>
      </c>
      <c r="IJ30" s="358">
        <v>605999</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78757</v>
      </c>
      <c r="JL30" s="345">
        <v>108670</v>
      </c>
      <c r="JM30" s="345">
        <v>59857</v>
      </c>
      <c r="JN30" s="345">
        <v>39692</v>
      </c>
      <c r="JO30" s="345">
        <v>0</v>
      </c>
      <c r="JP30" s="349">
        <v>286976</v>
      </c>
      <c r="JQ30" s="347">
        <v>286976</v>
      </c>
      <c r="JR30" s="348">
        <v>0</v>
      </c>
      <c r="JS30" s="345">
        <v>0</v>
      </c>
      <c r="JT30" s="346">
        <v>0</v>
      </c>
      <c r="JU30" s="351">
        <v>0</v>
      </c>
      <c r="JV30" s="345">
        <v>0</v>
      </c>
      <c r="JW30" s="345">
        <v>0</v>
      </c>
      <c r="JX30" s="345">
        <v>0</v>
      </c>
      <c r="JY30" s="345">
        <v>0</v>
      </c>
      <c r="JZ30" s="345">
        <v>0</v>
      </c>
      <c r="KA30" s="349">
        <v>0</v>
      </c>
      <c r="KB30" s="347">
        <v>0</v>
      </c>
      <c r="KC30" s="352">
        <v>0</v>
      </c>
      <c r="KD30" s="353">
        <v>76567</v>
      </c>
      <c r="KE30" s="349">
        <v>76567</v>
      </c>
      <c r="KF30" s="351">
        <v>0</v>
      </c>
      <c r="KG30" s="345">
        <v>0</v>
      </c>
      <c r="KH30" s="345">
        <v>0</v>
      </c>
      <c r="KI30" s="345">
        <v>0</v>
      </c>
      <c r="KJ30" s="345">
        <v>0</v>
      </c>
      <c r="KK30" s="345">
        <v>0</v>
      </c>
      <c r="KL30" s="349">
        <v>0</v>
      </c>
      <c r="KM30" s="354">
        <v>76567</v>
      </c>
      <c r="KN30" s="342">
        <v>0</v>
      </c>
      <c r="KO30" s="343">
        <v>0</v>
      </c>
      <c r="KP30" s="344">
        <v>0</v>
      </c>
      <c r="KQ30" s="404">
        <v>0</v>
      </c>
      <c r="KR30" s="345">
        <v>0</v>
      </c>
      <c r="KS30" s="345">
        <v>0</v>
      </c>
      <c r="KT30" s="345">
        <v>242456</v>
      </c>
      <c r="KU30" s="345">
        <v>0</v>
      </c>
      <c r="KV30" s="345">
        <v>0</v>
      </c>
      <c r="KW30" s="349">
        <v>242456</v>
      </c>
      <c r="KX30" s="347">
        <v>242456</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190415</v>
      </c>
      <c r="MK30" s="345">
        <v>239263</v>
      </c>
      <c r="ML30" s="345">
        <v>1038952</v>
      </c>
      <c r="MM30" s="345">
        <v>399548</v>
      </c>
      <c r="MN30" s="345">
        <v>267043</v>
      </c>
      <c r="MO30" s="349">
        <v>2135221</v>
      </c>
      <c r="MP30" s="354">
        <v>2135221</v>
      </c>
      <c r="MQ30" s="348">
        <v>0</v>
      </c>
      <c r="MR30" s="345">
        <v>0</v>
      </c>
      <c r="MS30" s="349">
        <v>0</v>
      </c>
      <c r="MT30" s="404">
        <v>0</v>
      </c>
      <c r="MU30" s="345">
        <v>190415</v>
      </c>
      <c r="MV30" s="345">
        <v>0</v>
      </c>
      <c r="MW30" s="345">
        <v>694764</v>
      </c>
      <c r="MX30" s="345">
        <v>0</v>
      </c>
      <c r="MY30" s="345">
        <v>267043</v>
      </c>
      <c r="MZ30" s="349">
        <v>1152222</v>
      </c>
      <c r="NA30" s="354">
        <v>1152222</v>
      </c>
      <c r="NB30" s="348">
        <v>0</v>
      </c>
      <c r="NC30" s="345">
        <v>0</v>
      </c>
      <c r="ND30" s="349">
        <v>0</v>
      </c>
      <c r="NE30" s="404">
        <v>0</v>
      </c>
      <c r="NF30" s="345">
        <v>0</v>
      </c>
      <c r="NG30" s="345">
        <v>239263</v>
      </c>
      <c r="NH30" s="345">
        <v>344188</v>
      </c>
      <c r="NI30" s="345">
        <v>399548</v>
      </c>
      <c r="NJ30" s="345">
        <v>0</v>
      </c>
      <c r="NK30" s="349">
        <v>982999</v>
      </c>
      <c r="NL30" s="347">
        <v>982999</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52973</v>
      </c>
      <c r="OJ30" s="345">
        <v>496415</v>
      </c>
      <c r="OK30" s="346">
        <v>549388</v>
      </c>
      <c r="OL30" s="351">
        <v>0</v>
      </c>
      <c r="OM30" s="345">
        <v>2012552</v>
      </c>
      <c r="ON30" s="345">
        <v>1543043</v>
      </c>
      <c r="OO30" s="345">
        <v>2536165</v>
      </c>
      <c r="OP30" s="345">
        <v>1152723</v>
      </c>
      <c r="OQ30" s="345">
        <v>267043</v>
      </c>
      <c r="OR30" s="349">
        <v>7511526</v>
      </c>
      <c r="OS30" s="354">
        <v>8060914</v>
      </c>
    </row>
    <row r="31" spans="2:409" s="70" customFormat="1" ht="21" customHeight="1" x14ac:dyDescent="0.2">
      <c r="B31" s="410" t="s">
        <v>26</v>
      </c>
      <c r="C31" s="326">
        <v>112383</v>
      </c>
      <c r="D31" s="327">
        <v>113252</v>
      </c>
      <c r="E31" s="328">
        <v>225635</v>
      </c>
      <c r="F31" s="329">
        <v>0</v>
      </c>
      <c r="G31" s="327">
        <v>1722391</v>
      </c>
      <c r="H31" s="327">
        <v>1467216</v>
      </c>
      <c r="I31" s="327">
        <v>1412097</v>
      </c>
      <c r="J31" s="327">
        <v>1658355</v>
      </c>
      <c r="K31" s="327">
        <v>693461</v>
      </c>
      <c r="L31" s="367">
        <v>6953520</v>
      </c>
      <c r="M31" s="330">
        <v>7179155</v>
      </c>
      <c r="N31" s="326">
        <v>32166</v>
      </c>
      <c r="O31" s="327">
        <v>0</v>
      </c>
      <c r="P31" s="328">
        <v>32166</v>
      </c>
      <c r="Q31" s="326">
        <v>0</v>
      </c>
      <c r="R31" s="327">
        <v>742969</v>
      </c>
      <c r="S31" s="327">
        <v>459937</v>
      </c>
      <c r="T31" s="327">
        <v>583340</v>
      </c>
      <c r="U31" s="327">
        <v>822265</v>
      </c>
      <c r="V31" s="327">
        <v>622893</v>
      </c>
      <c r="W31" s="328">
        <v>3231404</v>
      </c>
      <c r="X31" s="330">
        <v>3263570</v>
      </c>
      <c r="Y31" s="326">
        <v>0</v>
      </c>
      <c r="Z31" s="327">
        <v>0</v>
      </c>
      <c r="AA31" s="328">
        <v>0</v>
      </c>
      <c r="AB31" s="326">
        <v>0</v>
      </c>
      <c r="AC31" s="327">
        <v>448305</v>
      </c>
      <c r="AD31" s="327">
        <v>183278</v>
      </c>
      <c r="AE31" s="327">
        <v>390601</v>
      </c>
      <c r="AF31" s="327">
        <v>369184</v>
      </c>
      <c r="AG31" s="327">
        <v>349365</v>
      </c>
      <c r="AH31" s="328">
        <v>1740733</v>
      </c>
      <c r="AI31" s="330">
        <v>1740733</v>
      </c>
      <c r="AJ31" s="326">
        <v>0</v>
      </c>
      <c r="AK31" s="327">
        <v>0</v>
      </c>
      <c r="AL31" s="328">
        <v>0</v>
      </c>
      <c r="AM31" s="326">
        <v>0</v>
      </c>
      <c r="AN31" s="327">
        <v>0</v>
      </c>
      <c r="AO31" s="327">
        <v>0</v>
      </c>
      <c r="AP31" s="327">
        <v>0</v>
      </c>
      <c r="AQ31" s="327">
        <v>94844</v>
      </c>
      <c r="AR31" s="327">
        <v>46232</v>
      </c>
      <c r="AS31" s="328">
        <v>141076</v>
      </c>
      <c r="AT31" s="330">
        <v>141076</v>
      </c>
      <c r="AU31" s="326">
        <v>14254</v>
      </c>
      <c r="AV31" s="327">
        <v>0</v>
      </c>
      <c r="AW31" s="328">
        <v>14254</v>
      </c>
      <c r="AX31" s="326">
        <v>0</v>
      </c>
      <c r="AY31" s="327">
        <v>187752</v>
      </c>
      <c r="AZ31" s="327">
        <v>242635</v>
      </c>
      <c r="BA31" s="327">
        <v>118435</v>
      </c>
      <c r="BB31" s="327">
        <v>230397</v>
      </c>
      <c r="BC31" s="327">
        <v>188752</v>
      </c>
      <c r="BD31" s="328">
        <v>967971</v>
      </c>
      <c r="BE31" s="330">
        <v>982225</v>
      </c>
      <c r="BF31" s="326">
        <v>0</v>
      </c>
      <c r="BG31" s="327">
        <v>0</v>
      </c>
      <c r="BH31" s="331">
        <v>0</v>
      </c>
      <c r="BI31" s="332">
        <v>0</v>
      </c>
      <c r="BJ31" s="327">
        <v>0</v>
      </c>
      <c r="BK31" s="327">
        <v>0</v>
      </c>
      <c r="BL31" s="327">
        <v>0</v>
      </c>
      <c r="BM31" s="327">
        <v>0</v>
      </c>
      <c r="BN31" s="327">
        <v>0</v>
      </c>
      <c r="BO31" s="328">
        <v>0</v>
      </c>
      <c r="BP31" s="330">
        <v>0</v>
      </c>
      <c r="BQ31" s="326">
        <v>17912</v>
      </c>
      <c r="BR31" s="327">
        <v>0</v>
      </c>
      <c r="BS31" s="328">
        <v>17912</v>
      </c>
      <c r="BT31" s="326">
        <v>0</v>
      </c>
      <c r="BU31" s="327">
        <v>106912</v>
      </c>
      <c r="BV31" s="327">
        <v>34024</v>
      </c>
      <c r="BW31" s="327">
        <v>74304</v>
      </c>
      <c r="BX31" s="327">
        <v>127840</v>
      </c>
      <c r="BY31" s="327">
        <v>38544</v>
      </c>
      <c r="BZ31" s="328">
        <v>381624</v>
      </c>
      <c r="CA31" s="330">
        <v>399536</v>
      </c>
      <c r="CB31" s="326">
        <v>0</v>
      </c>
      <c r="CC31" s="327">
        <v>0</v>
      </c>
      <c r="CD31" s="328">
        <v>0</v>
      </c>
      <c r="CE31" s="326">
        <v>0</v>
      </c>
      <c r="CF31" s="327">
        <v>402958</v>
      </c>
      <c r="CG31" s="327">
        <v>432842</v>
      </c>
      <c r="CH31" s="327">
        <v>105959</v>
      </c>
      <c r="CI31" s="327">
        <v>323432</v>
      </c>
      <c r="CJ31" s="327">
        <v>0</v>
      </c>
      <c r="CK31" s="328">
        <v>1265191</v>
      </c>
      <c r="CL31" s="330">
        <v>1265191</v>
      </c>
      <c r="CM31" s="326">
        <v>0</v>
      </c>
      <c r="CN31" s="327">
        <v>0</v>
      </c>
      <c r="CO31" s="328">
        <v>0</v>
      </c>
      <c r="CP31" s="332">
        <v>0</v>
      </c>
      <c r="CQ31" s="327">
        <v>253903</v>
      </c>
      <c r="CR31" s="327">
        <v>265125</v>
      </c>
      <c r="CS31" s="327">
        <v>105959</v>
      </c>
      <c r="CT31" s="327">
        <v>253608</v>
      </c>
      <c r="CU31" s="327">
        <v>0</v>
      </c>
      <c r="CV31" s="328">
        <v>878595</v>
      </c>
      <c r="CW31" s="330">
        <v>878595</v>
      </c>
      <c r="CX31" s="326">
        <v>0</v>
      </c>
      <c r="CY31" s="327">
        <v>0</v>
      </c>
      <c r="CZ31" s="328">
        <v>0</v>
      </c>
      <c r="DA31" s="326">
        <v>0</v>
      </c>
      <c r="DB31" s="327">
        <v>149055</v>
      </c>
      <c r="DC31" s="327">
        <v>167717</v>
      </c>
      <c r="DD31" s="327">
        <v>0</v>
      </c>
      <c r="DE31" s="327">
        <v>69824</v>
      </c>
      <c r="DF31" s="327">
        <v>0</v>
      </c>
      <c r="DG31" s="328">
        <v>386596</v>
      </c>
      <c r="DH31" s="330">
        <v>386596</v>
      </c>
      <c r="DI31" s="326">
        <v>0</v>
      </c>
      <c r="DJ31" s="327">
        <v>0</v>
      </c>
      <c r="DK31" s="331">
        <v>0</v>
      </c>
      <c r="DL31" s="332">
        <v>0</v>
      </c>
      <c r="DM31" s="327">
        <v>129872</v>
      </c>
      <c r="DN31" s="327">
        <v>67047</v>
      </c>
      <c r="DO31" s="327">
        <v>196699</v>
      </c>
      <c r="DP31" s="327">
        <v>134474</v>
      </c>
      <c r="DQ31" s="327">
        <v>0</v>
      </c>
      <c r="DR31" s="328">
        <v>528092</v>
      </c>
      <c r="DS31" s="330">
        <v>528092</v>
      </c>
      <c r="DT31" s="326">
        <v>0</v>
      </c>
      <c r="DU31" s="327">
        <v>0</v>
      </c>
      <c r="DV31" s="328">
        <v>0</v>
      </c>
      <c r="DW31" s="326">
        <v>0</v>
      </c>
      <c r="DX31" s="327">
        <v>129872</v>
      </c>
      <c r="DY31" s="327">
        <v>67047</v>
      </c>
      <c r="DZ31" s="327">
        <v>196699</v>
      </c>
      <c r="EA31" s="327">
        <v>80972</v>
      </c>
      <c r="EB31" s="327">
        <v>0</v>
      </c>
      <c r="EC31" s="328">
        <v>474590</v>
      </c>
      <c r="ED31" s="330">
        <v>474590</v>
      </c>
      <c r="EE31" s="326">
        <v>0</v>
      </c>
      <c r="EF31" s="331">
        <v>0</v>
      </c>
      <c r="EG31" s="328">
        <v>0</v>
      </c>
      <c r="EH31" s="326">
        <v>0</v>
      </c>
      <c r="EI31" s="327">
        <v>0</v>
      </c>
      <c r="EJ31" s="327">
        <v>0</v>
      </c>
      <c r="EK31" s="327">
        <v>0</v>
      </c>
      <c r="EL31" s="327">
        <v>53502</v>
      </c>
      <c r="EM31" s="327">
        <v>0</v>
      </c>
      <c r="EN31" s="331">
        <v>53502</v>
      </c>
      <c r="EO31" s="330">
        <v>53502</v>
      </c>
      <c r="EP31" s="326">
        <v>0</v>
      </c>
      <c r="EQ31" s="327">
        <v>0</v>
      </c>
      <c r="ER31" s="331">
        <v>0</v>
      </c>
      <c r="ES31" s="332">
        <v>0</v>
      </c>
      <c r="ET31" s="327">
        <v>0</v>
      </c>
      <c r="EU31" s="327">
        <v>0</v>
      </c>
      <c r="EV31" s="327">
        <v>0</v>
      </c>
      <c r="EW31" s="327">
        <v>0</v>
      </c>
      <c r="EX31" s="327">
        <v>0</v>
      </c>
      <c r="EY31" s="328">
        <v>0</v>
      </c>
      <c r="EZ31" s="330">
        <v>0</v>
      </c>
      <c r="FA31" s="326">
        <v>0</v>
      </c>
      <c r="FB31" s="327">
        <v>0</v>
      </c>
      <c r="FC31" s="331">
        <v>0</v>
      </c>
      <c r="FD31" s="332">
        <v>0</v>
      </c>
      <c r="FE31" s="327">
        <v>0</v>
      </c>
      <c r="FF31" s="327">
        <v>0</v>
      </c>
      <c r="FG31" s="327">
        <v>0</v>
      </c>
      <c r="FH31" s="327">
        <v>0</v>
      </c>
      <c r="FI31" s="327">
        <v>0</v>
      </c>
      <c r="FJ31" s="328">
        <v>0</v>
      </c>
      <c r="FK31" s="330">
        <v>0</v>
      </c>
      <c r="FL31" s="326">
        <v>27600</v>
      </c>
      <c r="FM31" s="327">
        <v>113252</v>
      </c>
      <c r="FN31" s="328">
        <v>140852</v>
      </c>
      <c r="FO31" s="326">
        <v>0</v>
      </c>
      <c r="FP31" s="327">
        <v>137520</v>
      </c>
      <c r="FQ31" s="327">
        <v>159584</v>
      </c>
      <c r="FR31" s="327">
        <v>136376</v>
      </c>
      <c r="FS31" s="327">
        <v>165264</v>
      </c>
      <c r="FT31" s="327">
        <v>70568</v>
      </c>
      <c r="FU31" s="328">
        <v>669312</v>
      </c>
      <c r="FV31" s="330">
        <v>810164</v>
      </c>
      <c r="FW31" s="333">
        <v>27600</v>
      </c>
      <c r="FX31" s="327">
        <v>31008</v>
      </c>
      <c r="FY31" s="331">
        <v>58608</v>
      </c>
      <c r="FZ31" s="332">
        <v>0</v>
      </c>
      <c r="GA31" s="327">
        <v>137520</v>
      </c>
      <c r="GB31" s="327">
        <v>103704</v>
      </c>
      <c r="GC31" s="327">
        <v>136376</v>
      </c>
      <c r="GD31" s="327">
        <v>165264</v>
      </c>
      <c r="GE31" s="327">
        <v>70568</v>
      </c>
      <c r="GF31" s="328">
        <v>613432</v>
      </c>
      <c r="GG31" s="334">
        <v>672040</v>
      </c>
      <c r="GH31" s="333">
        <v>0</v>
      </c>
      <c r="GI31" s="327">
        <v>0</v>
      </c>
      <c r="GJ31" s="331">
        <v>0</v>
      </c>
      <c r="GK31" s="332">
        <v>0</v>
      </c>
      <c r="GL31" s="327">
        <v>0</v>
      </c>
      <c r="GM31" s="327">
        <v>0</v>
      </c>
      <c r="GN31" s="327">
        <v>0</v>
      </c>
      <c r="GO31" s="327">
        <v>0</v>
      </c>
      <c r="GP31" s="327">
        <v>0</v>
      </c>
      <c r="GQ31" s="328">
        <v>0</v>
      </c>
      <c r="GR31" s="330">
        <v>0</v>
      </c>
      <c r="GS31" s="326">
        <v>0</v>
      </c>
      <c r="GT31" s="327">
        <v>82244</v>
      </c>
      <c r="GU31" s="328">
        <v>82244</v>
      </c>
      <c r="GV31" s="326">
        <v>0</v>
      </c>
      <c r="GW31" s="327">
        <v>0</v>
      </c>
      <c r="GX31" s="327">
        <v>55880</v>
      </c>
      <c r="GY31" s="327">
        <v>0</v>
      </c>
      <c r="GZ31" s="327">
        <v>0</v>
      </c>
      <c r="HA31" s="327">
        <v>0</v>
      </c>
      <c r="HB31" s="331">
        <v>55880</v>
      </c>
      <c r="HC31" s="330">
        <v>138124</v>
      </c>
      <c r="HD31" s="326">
        <v>52617</v>
      </c>
      <c r="HE31" s="327">
        <v>0</v>
      </c>
      <c r="HF31" s="331">
        <v>52617</v>
      </c>
      <c r="HG31" s="332">
        <v>0</v>
      </c>
      <c r="HH31" s="327">
        <v>309072</v>
      </c>
      <c r="HI31" s="327">
        <v>347806</v>
      </c>
      <c r="HJ31" s="327">
        <v>389723</v>
      </c>
      <c r="HK31" s="327">
        <v>212920</v>
      </c>
      <c r="HL31" s="327">
        <v>0</v>
      </c>
      <c r="HM31" s="328">
        <v>1259521</v>
      </c>
      <c r="HN31" s="329">
        <v>1312138</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275831</v>
      </c>
      <c r="IE31" s="339">
        <v>51028</v>
      </c>
      <c r="IF31" s="337">
        <v>566547</v>
      </c>
      <c r="IG31" s="336">
        <v>259099</v>
      </c>
      <c r="IH31" s="337">
        <v>567273</v>
      </c>
      <c r="II31" s="340">
        <v>1719778</v>
      </c>
      <c r="IJ31" s="341">
        <v>1719778</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75831</v>
      </c>
      <c r="JL31" s="345">
        <v>51028</v>
      </c>
      <c r="JM31" s="345">
        <v>320865</v>
      </c>
      <c r="JN31" s="345">
        <v>0</v>
      </c>
      <c r="JO31" s="345">
        <v>0</v>
      </c>
      <c r="JP31" s="349">
        <v>647724</v>
      </c>
      <c r="JQ31" s="347">
        <v>647724</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309825</v>
      </c>
      <c r="KL31" s="349">
        <v>309825</v>
      </c>
      <c r="KM31" s="354">
        <v>309825</v>
      </c>
      <c r="KN31" s="342">
        <v>0</v>
      </c>
      <c r="KO31" s="343">
        <v>0</v>
      </c>
      <c r="KP31" s="344">
        <v>0</v>
      </c>
      <c r="KQ31" s="404">
        <v>0</v>
      </c>
      <c r="KR31" s="345">
        <v>0</v>
      </c>
      <c r="KS31" s="345">
        <v>0</v>
      </c>
      <c r="KT31" s="345">
        <v>245682</v>
      </c>
      <c r="KU31" s="345">
        <v>259099</v>
      </c>
      <c r="KV31" s="345">
        <v>257448</v>
      </c>
      <c r="KW31" s="349">
        <v>762229</v>
      </c>
      <c r="KX31" s="347">
        <v>762229</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0</v>
      </c>
      <c r="ML31" s="345">
        <v>1257489</v>
      </c>
      <c r="MM31" s="345">
        <v>675637</v>
      </c>
      <c r="MN31" s="345">
        <v>567077</v>
      </c>
      <c r="MO31" s="349">
        <v>2500203</v>
      </c>
      <c r="MP31" s="354">
        <v>2500203</v>
      </c>
      <c r="MQ31" s="348">
        <v>0</v>
      </c>
      <c r="MR31" s="345">
        <v>0</v>
      </c>
      <c r="MS31" s="349">
        <v>0</v>
      </c>
      <c r="MT31" s="404">
        <v>0</v>
      </c>
      <c r="MU31" s="345">
        <v>0</v>
      </c>
      <c r="MV31" s="345">
        <v>0</v>
      </c>
      <c r="MW31" s="345">
        <v>494472</v>
      </c>
      <c r="MX31" s="345">
        <v>280862</v>
      </c>
      <c r="MY31" s="345">
        <v>567077</v>
      </c>
      <c r="MZ31" s="349">
        <v>1342411</v>
      </c>
      <c r="NA31" s="354">
        <v>1342411</v>
      </c>
      <c r="NB31" s="348">
        <v>0</v>
      </c>
      <c r="NC31" s="345">
        <v>0</v>
      </c>
      <c r="ND31" s="349">
        <v>0</v>
      </c>
      <c r="NE31" s="404">
        <v>0</v>
      </c>
      <c r="NF31" s="345">
        <v>0</v>
      </c>
      <c r="NG31" s="345">
        <v>0</v>
      </c>
      <c r="NH31" s="345">
        <v>763017</v>
      </c>
      <c r="NI31" s="345">
        <v>394775</v>
      </c>
      <c r="NJ31" s="345">
        <v>0</v>
      </c>
      <c r="NK31" s="349">
        <v>1157792</v>
      </c>
      <c r="NL31" s="347">
        <v>1157792</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112383</v>
      </c>
      <c r="OJ31" s="345">
        <v>113252</v>
      </c>
      <c r="OK31" s="346">
        <v>225635</v>
      </c>
      <c r="OL31" s="351">
        <v>0</v>
      </c>
      <c r="OM31" s="345">
        <v>1998222</v>
      </c>
      <c r="ON31" s="345">
        <v>1518244</v>
      </c>
      <c r="OO31" s="345">
        <v>3236133</v>
      </c>
      <c r="OP31" s="345">
        <v>2593091</v>
      </c>
      <c r="OQ31" s="345">
        <v>1827811</v>
      </c>
      <c r="OR31" s="349">
        <v>11173501</v>
      </c>
      <c r="OS31" s="354">
        <v>11399136</v>
      </c>
    </row>
    <row r="32" spans="2:409" s="70" customFormat="1" ht="21" customHeight="1" x14ac:dyDescent="0.2">
      <c r="B32" s="410" t="s">
        <v>27</v>
      </c>
      <c r="C32" s="326">
        <v>320463</v>
      </c>
      <c r="D32" s="327">
        <v>334812</v>
      </c>
      <c r="E32" s="328">
        <v>655275</v>
      </c>
      <c r="F32" s="329">
        <v>0</v>
      </c>
      <c r="G32" s="327">
        <v>1235794</v>
      </c>
      <c r="H32" s="327">
        <v>1132818</v>
      </c>
      <c r="I32" s="327">
        <v>977000</v>
      </c>
      <c r="J32" s="327">
        <v>1524457</v>
      </c>
      <c r="K32" s="327">
        <v>1022782</v>
      </c>
      <c r="L32" s="367">
        <v>5892851</v>
      </c>
      <c r="M32" s="330">
        <v>6548126</v>
      </c>
      <c r="N32" s="326">
        <v>105922</v>
      </c>
      <c r="O32" s="327">
        <v>172154</v>
      </c>
      <c r="P32" s="328">
        <v>278076</v>
      </c>
      <c r="Q32" s="326">
        <v>0</v>
      </c>
      <c r="R32" s="327">
        <v>335367</v>
      </c>
      <c r="S32" s="327">
        <v>370454</v>
      </c>
      <c r="T32" s="327">
        <v>599842</v>
      </c>
      <c r="U32" s="327">
        <v>549663</v>
      </c>
      <c r="V32" s="327">
        <v>863932</v>
      </c>
      <c r="W32" s="328">
        <v>2719258</v>
      </c>
      <c r="X32" s="330">
        <v>2997334</v>
      </c>
      <c r="Y32" s="326">
        <v>0</v>
      </c>
      <c r="Z32" s="327">
        <v>0</v>
      </c>
      <c r="AA32" s="328">
        <v>0</v>
      </c>
      <c r="AB32" s="326">
        <v>0</v>
      </c>
      <c r="AC32" s="327">
        <v>65427</v>
      </c>
      <c r="AD32" s="327">
        <v>215297</v>
      </c>
      <c r="AE32" s="327">
        <v>379934</v>
      </c>
      <c r="AF32" s="327">
        <v>332412</v>
      </c>
      <c r="AG32" s="327">
        <v>691570</v>
      </c>
      <c r="AH32" s="328">
        <v>1684640</v>
      </c>
      <c r="AI32" s="330">
        <v>1684640</v>
      </c>
      <c r="AJ32" s="326">
        <v>0</v>
      </c>
      <c r="AK32" s="327">
        <v>0</v>
      </c>
      <c r="AL32" s="328">
        <v>0</v>
      </c>
      <c r="AM32" s="326">
        <v>0</v>
      </c>
      <c r="AN32" s="327">
        <v>0</v>
      </c>
      <c r="AO32" s="327">
        <v>33476</v>
      </c>
      <c r="AP32" s="327">
        <v>0</v>
      </c>
      <c r="AQ32" s="327">
        <v>71096</v>
      </c>
      <c r="AR32" s="327">
        <v>0</v>
      </c>
      <c r="AS32" s="328">
        <v>104572</v>
      </c>
      <c r="AT32" s="330">
        <v>104572</v>
      </c>
      <c r="AU32" s="326">
        <v>73986</v>
      </c>
      <c r="AV32" s="327">
        <v>162586</v>
      </c>
      <c r="AW32" s="328">
        <v>236572</v>
      </c>
      <c r="AX32" s="326">
        <v>0</v>
      </c>
      <c r="AY32" s="327">
        <v>153628</v>
      </c>
      <c r="AZ32" s="327">
        <v>69553</v>
      </c>
      <c r="BA32" s="327">
        <v>145132</v>
      </c>
      <c r="BB32" s="327">
        <v>85259</v>
      </c>
      <c r="BC32" s="327">
        <v>143722</v>
      </c>
      <c r="BD32" s="328">
        <v>597294</v>
      </c>
      <c r="BE32" s="330">
        <v>833866</v>
      </c>
      <c r="BF32" s="326">
        <v>0</v>
      </c>
      <c r="BG32" s="327">
        <v>0</v>
      </c>
      <c r="BH32" s="331">
        <v>0</v>
      </c>
      <c r="BI32" s="332">
        <v>0</v>
      </c>
      <c r="BJ32" s="327">
        <v>0</v>
      </c>
      <c r="BK32" s="327">
        <v>0</v>
      </c>
      <c r="BL32" s="327">
        <v>0</v>
      </c>
      <c r="BM32" s="327">
        <v>0</v>
      </c>
      <c r="BN32" s="327">
        <v>0</v>
      </c>
      <c r="BO32" s="328">
        <v>0</v>
      </c>
      <c r="BP32" s="330">
        <v>0</v>
      </c>
      <c r="BQ32" s="326">
        <v>31936</v>
      </c>
      <c r="BR32" s="327">
        <v>9568</v>
      </c>
      <c r="BS32" s="328">
        <v>41504</v>
      </c>
      <c r="BT32" s="326">
        <v>0</v>
      </c>
      <c r="BU32" s="327">
        <v>116312</v>
      </c>
      <c r="BV32" s="327">
        <v>52128</v>
      </c>
      <c r="BW32" s="327">
        <v>74776</v>
      </c>
      <c r="BX32" s="327">
        <v>60896</v>
      </c>
      <c r="BY32" s="327">
        <v>28640</v>
      </c>
      <c r="BZ32" s="328">
        <v>332752</v>
      </c>
      <c r="CA32" s="330">
        <v>374256</v>
      </c>
      <c r="CB32" s="326">
        <v>41211</v>
      </c>
      <c r="CC32" s="327">
        <v>74738</v>
      </c>
      <c r="CD32" s="328">
        <v>115949</v>
      </c>
      <c r="CE32" s="326">
        <v>0</v>
      </c>
      <c r="CF32" s="327">
        <v>342132</v>
      </c>
      <c r="CG32" s="327">
        <v>477016</v>
      </c>
      <c r="CH32" s="327">
        <v>241638</v>
      </c>
      <c r="CI32" s="327">
        <v>198955</v>
      </c>
      <c r="CJ32" s="327">
        <v>0</v>
      </c>
      <c r="CK32" s="328">
        <v>1259741</v>
      </c>
      <c r="CL32" s="330">
        <v>1375690</v>
      </c>
      <c r="CM32" s="326">
        <v>0</v>
      </c>
      <c r="CN32" s="327">
        <v>0</v>
      </c>
      <c r="CO32" s="328">
        <v>0</v>
      </c>
      <c r="CP32" s="332">
        <v>0</v>
      </c>
      <c r="CQ32" s="327">
        <v>283896</v>
      </c>
      <c r="CR32" s="327">
        <v>368826</v>
      </c>
      <c r="CS32" s="327">
        <v>241638</v>
      </c>
      <c r="CT32" s="327">
        <v>198955</v>
      </c>
      <c r="CU32" s="327">
        <v>0</v>
      </c>
      <c r="CV32" s="328">
        <v>1093315</v>
      </c>
      <c r="CW32" s="330">
        <v>1093315</v>
      </c>
      <c r="CX32" s="326">
        <v>41211</v>
      </c>
      <c r="CY32" s="327">
        <v>74738</v>
      </c>
      <c r="CZ32" s="328">
        <v>115949</v>
      </c>
      <c r="DA32" s="326">
        <v>0</v>
      </c>
      <c r="DB32" s="327">
        <v>58236</v>
      </c>
      <c r="DC32" s="327">
        <v>108190</v>
      </c>
      <c r="DD32" s="327">
        <v>0</v>
      </c>
      <c r="DE32" s="327">
        <v>0</v>
      </c>
      <c r="DF32" s="327">
        <v>0</v>
      </c>
      <c r="DG32" s="328">
        <v>166426</v>
      </c>
      <c r="DH32" s="330">
        <v>282375</v>
      </c>
      <c r="DI32" s="326">
        <v>0</v>
      </c>
      <c r="DJ32" s="327">
        <v>0</v>
      </c>
      <c r="DK32" s="331">
        <v>0</v>
      </c>
      <c r="DL32" s="332">
        <v>0</v>
      </c>
      <c r="DM32" s="327">
        <v>0</v>
      </c>
      <c r="DN32" s="327">
        <v>0</v>
      </c>
      <c r="DO32" s="327">
        <v>0</v>
      </c>
      <c r="DP32" s="327">
        <v>25006</v>
      </c>
      <c r="DQ32" s="327">
        <v>0</v>
      </c>
      <c r="DR32" s="328">
        <v>25006</v>
      </c>
      <c r="DS32" s="330">
        <v>25006</v>
      </c>
      <c r="DT32" s="326">
        <v>0</v>
      </c>
      <c r="DU32" s="327">
        <v>0</v>
      </c>
      <c r="DV32" s="328">
        <v>0</v>
      </c>
      <c r="DW32" s="326">
        <v>0</v>
      </c>
      <c r="DX32" s="327">
        <v>0</v>
      </c>
      <c r="DY32" s="327">
        <v>0</v>
      </c>
      <c r="DZ32" s="327">
        <v>0</v>
      </c>
      <c r="EA32" s="327">
        <v>25006</v>
      </c>
      <c r="EB32" s="327">
        <v>0</v>
      </c>
      <c r="EC32" s="328">
        <v>25006</v>
      </c>
      <c r="ED32" s="330">
        <v>25006</v>
      </c>
      <c r="EE32" s="326">
        <v>0</v>
      </c>
      <c r="EF32" s="331">
        <v>0</v>
      </c>
      <c r="EG32" s="328">
        <v>0</v>
      </c>
      <c r="EH32" s="326">
        <v>0</v>
      </c>
      <c r="EI32" s="327">
        <v>0</v>
      </c>
      <c r="EJ32" s="327">
        <v>0</v>
      </c>
      <c r="EK32" s="327">
        <v>0</v>
      </c>
      <c r="EL32" s="327">
        <v>0</v>
      </c>
      <c r="EM32" s="327">
        <v>0</v>
      </c>
      <c r="EN32" s="331">
        <v>0</v>
      </c>
      <c r="EO32" s="330">
        <v>0</v>
      </c>
      <c r="EP32" s="326">
        <v>0</v>
      </c>
      <c r="EQ32" s="327">
        <v>0</v>
      </c>
      <c r="ER32" s="331">
        <v>0</v>
      </c>
      <c r="ES32" s="332">
        <v>0</v>
      </c>
      <c r="ET32" s="327">
        <v>0</v>
      </c>
      <c r="EU32" s="327">
        <v>0</v>
      </c>
      <c r="EV32" s="327">
        <v>0</v>
      </c>
      <c r="EW32" s="327">
        <v>0</v>
      </c>
      <c r="EX32" s="327">
        <v>0</v>
      </c>
      <c r="EY32" s="328">
        <v>0</v>
      </c>
      <c r="EZ32" s="330">
        <v>0</v>
      </c>
      <c r="FA32" s="326">
        <v>0</v>
      </c>
      <c r="FB32" s="327">
        <v>0</v>
      </c>
      <c r="FC32" s="331">
        <v>0</v>
      </c>
      <c r="FD32" s="332">
        <v>0</v>
      </c>
      <c r="FE32" s="327">
        <v>0</v>
      </c>
      <c r="FF32" s="327">
        <v>0</v>
      </c>
      <c r="FG32" s="327">
        <v>0</v>
      </c>
      <c r="FH32" s="327">
        <v>0</v>
      </c>
      <c r="FI32" s="327">
        <v>0</v>
      </c>
      <c r="FJ32" s="328">
        <v>0</v>
      </c>
      <c r="FK32" s="330">
        <v>0</v>
      </c>
      <c r="FL32" s="326">
        <v>68240</v>
      </c>
      <c r="FM32" s="327">
        <v>87920</v>
      </c>
      <c r="FN32" s="328">
        <v>156160</v>
      </c>
      <c r="FO32" s="326">
        <v>0</v>
      </c>
      <c r="FP32" s="327">
        <v>4800</v>
      </c>
      <c r="FQ32" s="327">
        <v>111536</v>
      </c>
      <c r="FR32" s="327">
        <v>135520</v>
      </c>
      <c r="FS32" s="327">
        <v>93864</v>
      </c>
      <c r="FT32" s="327">
        <v>126000</v>
      </c>
      <c r="FU32" s="328">
        <v>471720</v>
      </c>
      <c r="FV32" s="330">
        <v>627880</v>
      </c>
      <c r="FW32" s="333">
        <v>68240</v>
      </c>
      <c r="FX32" s="327">
        <v>87920</v>
      </c>
      <c r="FY32" s="331">
        <v>156160</v>
      </c>
      <c r="FZ32" s="332">
        <v>0</v>
      </c>
      <c r="GA32" s="327">
        <v>4800</v>
      </c>
      <c r="GB32" s="327">
        <v>111536</v>
      </c>
      <c r="GC32" s="327">
        <v>135520</v>
      </c>
      <c r="GD32" s="327">
        <v>93864</v>
      </c>
      <c r="GE32" s="327">
        <v>38400</v>
      </c>
      <c r="GF32" s="328">
        <v>384120</v>
      </c>
      <c r="GG32" s="334">
        <v>540280</v>
      </c>
      <c r="GH32" s="333">
        <v>0</v>
      </c>
      <c r="GI32" s="327">
        <v>0</v>
      </c>
      <c r="GJ32" s="331">
        <v>0</v>
      </c>
      <c r="GK32" s="332">
        <v>0</v>
      </c>
      <c r="GL32" s="327">
        <v>0</v>
      </c>
      <c r="GM32" s="327">
        <v>0</v>
      </c>
      <c r="GN32" s="327">
        <v>0</v>
      </c>
      <c r="GO32" s="327">
        <v>0</v>
      </c>
      <c r="GP32" s="327">
        <v>0</v>
      </c>
      <c r="GQ32" s="328">
        <v>0</v>
      </c>
      <c r="GR32" s="330">
        <v>0</v>
      </c>
      <c r="GS32" s="326">
        <v>0</v>
      </c>
      <c r="GT32" s="327">
        <v>0</v>
      </c>
      <c r="GU32" s="328">
        <v>0</v>
      </c>
      <c r="GV32" s="326">
        <v>0</v>
      </c>
      <c r="GW32" s="327">
        <v>0</v>
      </c>
      <c r="GX32" s="327">
        <v>0</v>
      </c>
      <c r="GY32" s="327">
        <v>0</v>
      </c>
      <c r="GZ32" s="327">
        <v>0</v>
      </c>
      <c r="HA32" s="327">
        <v>87600</v>
      </c>
      <c r="HB32" s="331">
        <v>87600</v>
      </c>
      <c r="HC32" s="330">
        <v>87600</v>
      </c>
      <c r="HD32" s="326">
        <v>105090</v>
      </c>
      <c r="HE32" s="327">
        <v>0</v>
      </c>
      <c r="HF32" s="331">
        <v>105090</v>
      </c>
      <c r="HG32" s="332">
        <v>0</v>
      </c>
      <c r="HH32" s="327">
        <v>553495</v>
      </c>
      <c r="HI32" s="327">
        <v>173812</v>
      </c>
      <c r="HJ32" s="327">
        <v>0</v>
      </c>
      <c r="HK32" s="327">
        <v>656969</v>
      </c>
      <c r="HL32" s="327">
        <v>32850</v>
      </c>
      <c r="HM32" s="328">
        <v>1417126</v>
      </c>
      <c r="HN32" s="329">
        <v>1522216</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425789</v>
      </c>
      <c r="IE32" s="357">
        <v>302659</v>
      </c>
      <c r="IF32" s="358">
        <v>794806</v>
      </c>
      <c r="IG32" s="356">
        <v>490951</v>
      </c>
      <c r="IH32" s="358">
        <v>19176</v>
      </c>
      <c r="II32" s="359">
        <v>2033381</v>
      </c>
      <c r="IJ32" s="358">
        <v>2033381</v>
      </c>
      <c r="IK32" s="342">
        <v>0</v>
      </c>
      <c r="IL32" s="343">
        <v>0</v>
      </c>
      <c r="IM32" s="344">
        <v>0</v>
      </c>
      <c r="IN32" s="404">
        <v>0</v>
      </c>
      <c r="IO32" s="345">
        <v>0</v>
      </c>
      <c r="IP32" s="345">
        <v>0</v>
      </c>
      <c r="IQ32" s="345">
        <v>173104</v>
      </c>
      <c r="IR32" s="345">
        <v>0</v>
      </c>
      <c r="IS32" s="345">
        <v>0</v>
      </c>
      <c r="IT32" s="346">
        <v>173104</v>
      </c>
      <c r="IU32" s="347">
        <v>173104</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0</v>
      </c>
      <c r="JL32" s="345">
        <v>22511</v>
      </c>
      <c r="JM32" s="345">
        <v>29388</v>
      </c>
      <c r="JN32" s="345">
        <v>0</v>
      </c>
      <c r="JO32" s="345">
        <v>0</v>
      </c>
      <c r="JP32" s="349">
        <v>51899</v>
      </c>
      <c r="JQ32" s="347">
        <v>51899</v>
      </c>
      <c r="JR32" s="348">
        <v>0</v>
      </c>
      <c r="JS32" s="345">
        <v>0</v>
      </c>
      <c r="JT32" s="346">
        <v>0</v>
      </c>
      <c r="JU32" s="351">
        <v>0</v>
      </c>
      <c r="JV32" s="345">
        <v>0</v>
      </c>
      <c r="JW32" s="345">
        <v>0</v>
      </c>
      <c r="JX32" s="345">
        <v>111728</v>
      </c>
      <c r="JY32" s="345">
        <v>254464</v>
      </c>
      <c r="JZ32" s="345">
        <v>0</v>
      </c>
      <c r="KA32" s="349">
        <v>366192</v>
      </c>
      <c r="KB32" s="347">
        <v>366192</v>
      </c>
      <c r="KC32" s="352">
        <v>0</v>
      </c>
      <c r="KD32" s="353">
        <v>0</v>
      </c>
      <c r="KE32" s="349">
        <v>0</v>
      </c>
      <c r="KF32" s="351">
        <v>0</v>
      </c>
      <c r="KG32" s="345">
        <v>194665</v>
      </c>
      <c r="KH32" s="345">
        <v>280148</v>
      </c>
      <c r="KI32" s="345">
        <v>0</v>
      </c>
      <c r="KJ32" s="345">
        <v>0</v>
      </c>
      <c r="KK32" s="345">
        <v>0</v>
      </c>
      <c r="KL32" s="349">
        <v>474813</v>
      </c>
      <c r="KM32" s="354">
        <v>474813</v>
      </c>
      <c r="KN32" s="342">
        <v>0</v>
      </c>
      <c r="KO32" s="343">
        <v>0</v>
      </c>
      <c r="KP32" s="344">
        <v>0</v>
      </c>
      <c r="KQ32" s="404">
        <v>0</v>
      </c>
      <c r="KR32" s="345">
        <v>231124</v>
      </c>
      <c r="KS32" s="345">
        <v>0</v>
      </c>
      <c r="KT32" s="345">
        <v>248254</v>
      </c>
      <c r="KU32" s="345">
        <v>8938</v>
      </c>
      <c r="KV32" s="345">
        <v>0</v>
      </c>
      <c r="KW32" s="349">
        <v>488316</v>
      </c>
      <c r="KX32" s="347">
        <v>488316</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232332</v>
      </c>
      <c r="LQ32" s="345">
        <v>227549</v>
      </c>
      <c r="LR32" s="345">
        <v>19176</v>
      </c>
      <c r="LS32" s="349">
        <v>479057</v>
      </c>
      <c r="LT32" s="347">
        <v>479057</v>
      </c>
      <c r="LU32" s="348">
        <v>0</v>
      </c>
      <c r="LV32" s="345">
        <v>0</v>
      </c>
      <c r="LW32" s="349">
        <v>0</v>
      </c>
      <c r="LX32" s="404">
        <v>0</v>
      </c>
      <c r="LY32" s="345">
        <v>0</v>
      </c>
      <c r="LZ32" s="345">
        <v>0</v>
      </c>
      <c r="MA32" s="345">
        <v>0</v>
      </c>
      <c r="MB32" s="345">
        <v>0</v>
      </c>
      <c r="MC32" s="345">
        <v>0</v>
      </c>
      <c r="MD32" s="349">
        <v>0</v>
      </c>
      <c r="ME32" s="350">
        <v>0</v>
      </c>
      <c r="MF32" s="348">
        <v>0</v>
      </c>
      <c r="MG32" s="345">
        <v>0</v>
      </c>
      <c r="MH32" s="349">
        <v>0</v>
      </c>
      <c r="MI32" s="404">
        <v>0</v>
      </c>
      <c r="MJ32" s="345">
        <v>26101</v>
      </c>
      <c r="MK32" s="345">
        <v>733032</v>
      </c>
      <c r="ML32" s="345">
        <v>791652</v>
      </c>
      <c r="MM32" s="345">
        <v>1591275</v>
      </c>
      <c r="MN32" s="345">
        <v>600707</v>
      </c>
      <c r="MO32" s="349">
        <v>3742767</v>
      </c>
      <c r="MP32" s="354">
        <v>3742767</v>
      </c>
      <c r="MQ32" s="348">
        <v>0</v>
      </c>
      <c r="MR32" s="345">
        <v>0</v>
      </c>
      <c r="MS32" s="349">
        <v>0</v>
      </c>
      <c r="MT32" s="404">
        <v>0</v>
      </c>
      <c r="MU32" s="345">
        <v>0</v>
      </c>
      <c r="MV32" s="345">
        <v>235784</v>
      </c>
      <c r="MW32" s="345">
        <v>229489</v>
      </c>
      <c r="MX32" s="345">
        <v>479138</v>
      </c>
      <c r="MY32" s="345">
        <v>600707</v>
      </c>
      <c r="MZ32" s="349">
        <v>1545118</v>
      </c>
      <c r="NA32" s="354">
        <v>1545118</v>
      </c>
      <c r="NB32" s="348">
        <v>0</v>
      </c>
      <c r="NC32" s="345">
        <v>0</v>
      </c>
      <c r="ND32" s="349">
        <v>0</v>
      </c>
      <c r="NE32" s="404">
        <v>0</v>
      </c>
      <c r="NF32" s="345">
        <v>26101</v>
      </c>
      <c r="NG32" s="345">
        <v>497248</v>
      </c>
      <c r="NH32" s="345">
        <v>562163</v>
      </c>
      <c r="NI32" s="345">
        <v>1112137</v>
      </c>
      <c r="NJ32" s="345">
        <v>0</v>
      </c>
      <c r="NK32" s="349">
        <v>2197649</v>
      </c>
      <c r="NL32" s="347">
        <v>2197649</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0</v>
      </c>
      <c r="OG32" s="349">
        <v>0</v>
      </c>
      <c r="OH32" s="350">
        <v>0</v>
      </c>
      <c r="OI32" s="348">
        <v>320463</v>
      </c>
      <c r="OJ32" s="345">
        <v>334812</v>
      </c>
      <c r="OK32" s="346">
        <v>655275</v>
      </c>
      <c r="OL32" s="351">
        <v>0</v>
      </c>
      <c r="OM32" s="345">
        <v>1687684</v>
      </c>
      <c r="ON32" s="345">
        <v>2168509</v>
      </c>
      <c r="OO32" s="345">
        <v>2563458</v>
      </c>
      <c r="OP32" s="345">
        <v>3606683</v>
      </c>
      <c r="OQ32" s="345">
        <v>1642665</v>
      </c>
      <c r="OR32" s="349">
        <v>11668999</v>
      </c>
      <c r="OS32" s="354">
        <v>12324274</v>
      </c>
    </row>
    <row r="33" spans="2:409" s="70" customFormat="1" ht="21" customHeight="1" x14ac:dyDescent="0.2">
      <c r="B33" s="410" t="s">
        <v>28</v>
      </c>
      <c r="C33" s="326">
        <v>0</v>
      </c>
      <c r="D33" s="327">
        <v>800</v>
      </c>
      <c r="E33" s="328">
        <v>800</v>
      </c>
      <c r="F33" s="329">
        <v>0</v>
      </c>
      <c r="G33" s="327">
        <v>638116</v>
      </c>
      <c r="H33" s="327">
        <v>325091</v>
      </c>
      <c r="I33" s="327">
        <v>663440</v>
      </c>
      <c r="J33" s="327">
        <v>28645</v>
      </c>
      <c r="K33" s="327">
        <v>9632</v>
      </c>
      <c r="L33" s="367">
        <v>1664924</v>
      </c>
      <c r="M33" s="330">
        <v>1665724</v>
      </c>
      <c r="N33" s="326">
        <v>0</v>
      </c>
      <c r="O33" s="327">
        <v>0</v>
      </c>
      <c r="P33" s="328">
        <v>0</v>
      </c>
      <c r="Q33" s="326">
        <v>0</v>
      </c>
      <c r="R33" s="327">
        <v>86359</v>
      </c>
      <c r="S33" s="327">
        <v>13072</v>
      </c>
      <c r="T33" s="327">
        <v>293017</v>
      </c>
      <c r="U33" s="327">
        <v>19605</v>
      </c>
      <c r="V33" s="327">
        <v>9632</v>
      </c>
      <c r="W33" s="328">
        <v>421685</v>
      </c>
      <c r="X33" s="330">
        <v>421685</v>
      </c>
      <c r="Y33" s="326">
        <v>0</v>
      </c>
      <c r="Z33" s="327">
        <v>0</v>
      </c>
      <c r="AA33" s="328">
        <v>0</v>
      </c>
      <c r="AB33" s="326">
        <v>0</v>
      </c>
      <c r="AC33" s="327">
        <v>0</v>
      </c>
      <c r="AD33" s="327">
        <v>0</v>
      </c>
      <c r="AE33" s="327">
        <v>111759</v>
      </c>
      <c r="AF33" s="327">
        <v>0</v>
      </c>
      <c r="AG33" s="327">
        <v>0</v>
      </c>
      <c r="AH33" s="328">
        <v>111759</v>
      </c>
      <c r="AI33" s="330">
        <v>111759</v>
      </c>
      <c r="AJ33" s="326">
        <v>0</v>
      </c>
      <c r="AK33" s="327">
        <v>0</v>
      </c>
      <c r="AL33" s="328">
        <v>0</v>
      </c>
      <c r="AM33" s="326">
        <v>0</v>
      </c>
      <c r="AN33" s="327">
        <v>0</v>
      </c>
      <c r="AO33" s="327">
        <v>0</v>
      </c>
      <c r="AP33" s="327">
        <v>46180</v>
      </c>
      <c r="AQ33" s="327">
        <v>0</v>
      </c>
      <c r="AR33" s="327">
        <v>0</v>
      </c>
      <c r="AS33" s="328">
        <v>46180</v>
      </c>
      <c r="AT33" s="330">
        <v>46180</v>
      </c>
      <c r="AU33" s="326">
        <v>0</v>
      </c>
      <c r="AV33" s="327">
        <v>0</v>
      </c>
      <c r="AW33" s="328">
        <v>0</v>
      </c>
      <c r="AX33" s="326">
        <v>0</v>
      </c>
      <c r="AY33" s="327">
        <v>51991</v>
      </c>
      <c r="AZ33" s="327">
        <v>0</v>
      </c>
      <c r="BA33" s="327">
        <v>120662</v>
      </c>
      <c r="BB33" s="327">
        <v>19605</v>
      </c>
      <c r="BC33" s="327">
        <v>0</v>
      </c>
      <c r="BD33" s="328">
        <v>192258</v>
      </c>
      <c r="BE33" s="330">
        <v>192258</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34368</v>
      </c>
      <c r="BV33" s="327">
        <v>13072</v>
      </c>
      <c r="BW33" s="327">
        <v>14416</v>
      </c>
      <c r="BX33" s="327">
        <v>0</v>
      </c>
      <c r="BY33" s="327">
        <v>9632</v>
      </c>
      <c r="BZ33" s="328">
        <v>71488</v>
      </c>
      <c r="CA33" s="330">
        <v>71488</v>
      </c>
      <c r="CB33" s="326">
        <v>0</v>
      </c>
      <c r="CC33" s="327">
        <v>0</v>
      </c>
      <c r="CD33" s="328">
        <v>0</v>
      </c>
      <c r="CE33" s="326">
        <v>0</v>
      </c>
      <c r="CF33" s="327">
        <v>53269</v>
      </c>
      <c r="CG33" s="327">
        <v>205123</v>
      </c>
      <c r="CH33" s="327">
        <v>75430</v>
      </c>
      <c r="CI33" s="327">
        <v>0</v>
      </c>
      <c r="CJ33" s="327">
        <v>0</v>
      </c>
      <c r="CK33" s="328">
        <v>333822</v>
      </c>
      <c r="CL33" s="330">
        <v>333822</v>
      </c>
      <c r="CM33" s="326">
        <v>0</v>
      </c>
      <c r="CN33" s="327">
        <v>0</v>
      </c>
      <c r="CO33" s="328">
        <v>0</v>
      </c>
      <c r="CP33" s="332">
        <v>0</v>
      </c>
      <c r="CQ33" s="327">
        <v>0</v>
      </c>
      <c r="CR33" s="327">
        <v>205123</v>
      </c>
      <c r="CS33" s="327">
        <v>75430</v>
      </c>
      <c r="CT33" s="327">
        <v>0</v>
      </c>
      <c r="CU33" s="327">
        <v>0</v>
      </c>
      <c r="CV33" s="328">
        <v>280553</v>
      </c>
      <c r="CW33" s="330">
        <v>280553</v>
      </c>
      <c r="CX33" s="326">
        <v>0</v>
      </c>
      <c r="CY33" s="327">
        <v>0</v>
      </c>
      <c r="CZ33" s="328">
        <v>0</v>
      </c>
      <c r="DA33" s="326">
        <v>0</v>
      </c>
      <c r="DB33" s="327">
        <v>53269</v>
      </c>
      <c r="DC33" s="327">
        <v>0</v>
      </c>
      <c r="DD33" s="327">
        <v>0</v>
      </c>
      <c r="DE33" s="327">
        <v>0</v>
      </c>
      <c r="DF33" s="327">
        <v>0</v>
      </c>
      <c r="DG33" s="328">
        <v>53269</v>
      </c>
      <c r="DH33" s="330">
        <v>53269</v>
      </c>
      <c r="DI33" s="326">
        <v>0</v>
      </c>
      <c r="DJ33" s="327">
        <v>0</v>
      </c>
      <c r="DK33" s="331">
        <v>0</v>
      </c>
      <c r="DL33" s="332">
        <v>0</v>
      </c>
      <c r="DM33" s="327">
        <v>0</v>
      </c>
      <c r="DN33" s="327">
        <v>24576</v>
      </c>
      <c r="DO33" s="327">
        <v>57872</v>
      </c>
      <c r="DP33" s="327">
        <v>0</v>
      </c>
      <c r="DQ33" s="327">
        <v>0</v>
      </c>
      <c r="DR33" s="328">
        <v>82448</v>
      </c>
      <c r="DS33" s="330">
        <v>82448</v>
      </c>
      <c r="DT33" s="326">
        <v>0</v>
      </c>
      <c r="DU33" s="327">
        <v>0</v>
      </c>
      <c r="DV33" s="328">
        <v>0</v>
      </c>
      <c r="DW33" s="326">
        <v>0</v>
      </c>
      <c r="DX33" s="327">
        <v>0</v>
      </c>
      <c r="DY33" s="327">
        <v>24576</v>
      </c>
      <c r="DZ33" s="327">
        <v>0</v>
      </c>
      <c r="EA33" s="327">
        <v>0</v>
      </c>
      <c r="EB33" s="327">
        <v>0</v>
      </c>
      <c r="EC33" s="328">
        <v>24576</v>
      </c>
      <c r="ED33" s="330">
        <v>24576</v>
      </c>
      <c r="EE33" s="326">
        <v>0</v>
      </c>
      <c r="EF33" s="331">
        <v>0</v>
      </c>
      <c r="EG33" s="328">
        <v>0</v>
      </c>
      <c r="EH33" s="326">
        <v>0</v>
      </c>
      <c r="EI33" s="327">
        <v>0</v>
      </c>
      <c r="EJ33" s="327">
        <v>0</v>
      </c>
      <c r="EK33" s="327">
        <v>57872</v>
      </c>
      <c r="EL33" s="327">
        <v>0</v>
      </c>
      <c r="EM33" s="327">
        <v>0</v>
      </c>
      <c r="EN33" s="331">
        <v>57872</v>
      </c>
      <c r="EO33" s="330">
        <v>57872</v>
      </c>
      <c r="EP33" s="326">
        <v>0</v>
      </c>
      <c r="EQ33" s="327">
        <v>0</v>
      </c>
      <c r="ER33" s="331">
        <v>0</v>
      </c>
      <c r="ES33" s="332">
        <v>0</v>
      </c>
      <c r="ET33" s="327">
        <v>0</v>
      </c>
      <c r="EU33" s="327">
        <v>0</v>
      </c>
      <c r="EV33" s="327">
        <v>0</v>
      </c>
      <c r="EW33" s="327">
        <v>0</v>
      </c>
      <c r="EX33" s="327">
        <v>0</v>
      </c>
      <c r="EY33" s="328">
        <v>0</v>
      </c>
      <c r="EZ33" s="330">
        <v>0</v>
      </c>
      <c r="FA33" s="326">
        <v>0</v>
      </c>
      <c r="FB33" s="327">
        <v>0</v>
      </c>
      <c r="FC33" s="331">
        <v>0</v>
      </c>
      <c r="FD33" s="332">
        <v>0</v>
      </c>
      <c r="FE33" s="327">
        <v>0</v>
      </c>
      <c r="FF33" s="327">
        <v>0</v>
      </c>
      <c r="FG33" s="327">
        <v>0</v>
      </c>
      <c r="FH33" s="327">
        <v>0</v>
      </c>
      <c r="FI33" s="327">
        <v>0</v>
      </c>
      <c r="FJ33" s="328">
        <v>0</v>
      </c>
      <c r="FK33" s="330">
        <v>0</v>
      </c>
      <c r="FL33" s="326">
        <v>0</v>
      </c>
      <c r="FM33" s="327">
        <v>800</v>
      </c>
      <c r="FN33" s="328">
        <v>800</v>
      </c>
      <c r="FO33" s="326">
        <v>0</v>
      </c>
      <c r="FP33" s="327">
        <v>18592</v>
      </c>
      <c r="FQ33" s="327">
        <v>82320</v>
      </c>
      <c r="FR33" s="327">
        <v>35920</v>
      </c>
      <c r="FS33" s="327">
        <v>9040</v>
      </c>
      <c r="FT33" s="327">
        <v>0</v>
      </c>
      <c r="FU33" s="328">
        <v>145872</v>
      </c>
      <c r="FV33" s="330">
        <v>146672</v>
      </c>
      <c r="FW33" s="333">
        <v>0</v>
      </c>
      <c r="FX33" s="327">
        <v>800</v>
      </c>
      <c r="FY33" s="331">
        <v>800</v>
      </c>
      <c r="FZ33" s="332">
        <v>0</v>
      </c>
      <c r="GA33" s="327">
        <v>18592</v>
      </c>
      <c r="GB33" s="327">
        <v>82320</v>
      </c>
      <c r="GC33" s="327">
        <v>35920</v>
      </c>
      <c r="GD33" s="327">
        <v>9040</v>
      </c>
      <c r="GE33" s="327">
        <v>0</v>
      </c>
      <c r="GF33" s="328">
        <v>145872</v>
      </c>
      <c r="GG33" s="334">
        <v>146672</v>
      </c>
      <c r="GH33" s="333">
        <v>0</v>
      </c>
      <c r="GI33" s="327">
        <v>0</v>
      </c>
      <c r="GJ33" s="331">
        <v>0</v>
      </c>
      <c r="GK33" s="332">
        <v>0</v>
      </c>
      <c r="GL33" s="327">
        <v>0</v>
      </c>
      <c r="GM33" s="327">
        <v>0</v>
      </c>
      <c r="GN33" s="327">
        <v>0</v>
      </c>
      <c r="GO33" s="327">
        <v>0</v>
      </c>
      <c r="GP33" s="327">
        <v>0</v>
      </c>
      <c r="GQ33" s="328">
        <v>0</v>
      </c>
      <c r="GR33" s="330">
        <v>0</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479896</v>
      </c>
      <c r="HI33" s="327">
        <v>0</v>
      </c>
      <c r="HJ33" s="327">
        <v>201201</v>
      </c>
      <c r="HK33" s="327">
        <v>0</v>
      </c>
      <c r="HL33" s="327">
        <v>0</v>
      </c>
      <c r="HM33" s="328">
        <v>681097</v>
      </c>
      <c r="HN33" s="329">
        <v>681097</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12696</v>
      </c>
      <c r="IE33" s="339">
        <v>124603</v>
      </c>
      <c r="IF33" s="337">
        <v>0</v>
      </c>
      <c r="IG33" s="336">
        <v>0</v>
      </c>
      <c r="IH33" s="337">
        <v>264259</v>
      </c>
      <c r="II33" s="340">
        <v>501558</v>
      </c>
      <c r="IJ33" s="341">
        <v>501558</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12696</v>
      </c>
      <c r="JL33" s="345">
        <v>39247</v>
      </c>
      <c r="JM33" s="345">
        <v>0</v>
      </c>
      <c r="JN33" s="345">
        <v>0</v>
      </c>
      <c r="JO33" s="345">
        <v>0</v>
      </c>
      <c r="JP33" s="349">
        <v>151943</v>
      </c>
      <c r="JQ33" s="347">
        <v>151943</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85356</v>
      </c>
      <c r="KT33" s="345">
        <v>0</v>
      </c>
      <c r="KU33" s="345">
        <v>0</v>
      </c>
      <c r="KV33" s="345">
        <v>264259</v>
      </c>
      <c r="KW33" s="349">
        <v>349615</v>
      </c>
      <c r="KX33" s="347">
        <v>349615</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0</v>
      </c>
      <c r="MM33" s="345">
        <v>273738</v>
      </c>
      <c r="MN33" s="345">
        <v>257973</v>
      </c>
      <c r="MO33" s="349">
        <v>531711</v>
      </c>
      <c r="MP33" s="354">
        <v>531711</v>
      </c>
      <c r="MQ33" s="348">
        <v>0</v>
      </c>
      <c r="MR33" s="345">
        <v>0</v>
      </c>
      <c r="MS33" s="349">
        <v>0</v>
      </c>
      <c r="MT33" s="404">
        <v>0</v>
      </c>
      <c r="MU33" s="345">
        <v>0</v>
      </c>
      <c r="MV33" s="345">
        <v>0</v>
      </c>
      <c r="MW33" s="345">
        <v>0</v>
      </c>
      <c r="MX33" s="345">
        <v>238657</v>
      </c>
      <c r="MY33" s="345">
        <v>257973</v>
      </c>
      <c r="MZ33" s="349">
        <v>496630</v>
      </c>
      <c r="NA33" s="354">
        <v>496630</v>
      </c>
      <c r="NB33" s="348">
        <v>0</v>
      </c>
      <c r="NC33" s="345">
        <v>0</v>
      </c>
      <c r="ND33" s="349">
        <v>0</v>
      </c>
      <c r="NE33" s="404">
        <v>0</v>
      </c>
      <c r="NF33" s="345">
        <v>0</v>
      </c>
      <c r="NG33" s="345">
        <v>0</v>
      </c>
      <c r="NH33" s="345">
        <v>0</v>
      </c>
      <c r="NI33" s="345">
        <v>35081</v>
      </c>
      <c r="NJ33" s="345">
        <v>0</v>
      </c>
      <c r="NK33" s="349">
        <v>35081</v>
      </c>
      <c r="NL33" s="347">
        <v>35081</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800</v>
      </c>
      <c r="OK33" s="346">
        <v>800</v>
      </c>
      <c r="OL33" s="351">
        <v>0</v>
      </c>
      <c r="OM33" s="345">
        <v>750812</v>
      </c>
      <c r="ON33" s="345">
        <v>449694</v>
      </c>
      <c r="OO33" s="345">
        <v>663440</v>
      </c>
      <c r="OP33" s="345">
        <v>302383</v>
      </c>
      <c r="OQ33" s="345">
        <v>531864</v>
      </c>
      <c r="OR33" s="349">
        <v>2698193</v>
      </c>
      <c r="OS33" s="354">
        <v>2698993</v>
      </c>
    </row>
    <row r="34" spans="2:409" s="70" customFormat="1" ht="21" customHeight="1" x14ac:dyDescent="0.2">
      <c r="B34" s="410" t="s">
        <v>29</v>
      </c>
      <c r="C34" s="326">
        <v>111524</v>
      </c>
      <c r="D34" s="327">
        <v>0</v>
      </c>
      <c r="E34" s="328">
        <v>111524</v>
      </c>
      <c r="F34" s="329">
        <v>0</v>
      </c>
      <c r="G34" s="327">
        <v>331997</v>
      </c>
      <c r="H34" s="327">
        <v>319946</v>
      </c>
      <c r="I34" s="327">
        <v>166208</v>
      </c>
      <c r="J34" s="327">
        <v>861075</v>
      </c>
      <c r="K34" s="327">
        <v>120610</v>
      </c>
      <c r="L34" s="367">
        <v>1799836</v>
      </c>
      <c r="M34" s="330">
        <v>1911360</v>
      </c>
      <c r="N34" s="326">
        <v>27368</v>
      </c>
      <c r="O34" s="327">
        <v>0</v>
      </c>
      <c r="P34" s="328">
        <v>27368</v>
      </c>
      <c r="Q34" s="326">
        <v>0</v>
      </c>
      <c r="R34" s="327">
        <v>18256</v>
      </c>
      <c r="S34" s="327">
        <v>293849</v>
      </c>
      <c r="T34" s="327">
        <v>76032</v>
      </c>
      <c r="U34" s="327">
        <v>496337</v>
      </c>
      <c r="V34" s="327">
        <v>68370</v>
      </c>
      <c r="W34" s="328">
        <v>952844</v>
      </c>
      <c r="X34" s="330">
        <v>980212</v>
      </c>
      <c r="Y34" s="326">
        <v>0</v>
      </c>
      <c r="Z34" s="327">
        <v>0</v>
      </c>
      <c r="AA34" s="328">
        <v>0</v>
      </c>
      <c r="AB34" s="326">
        <v>0</v>
      </c>
      <c r="AC34" s="327">
        <v>0</v>
      </c>
      <c r="AD34" s="327">
        <v>149704</v>
      </c>
      <c r="AE34" s="327">
        <v>0</v>
      </c>
      <c r="AF34" s="327">
        <v>412192</v>
      </c>
      <c r="AG34" s="327">
        <v>0</v>
      </c>
      <c r="AH34" s="328">
        <v>561896</v>
      </c>
      <c r="AI34" s="330">
        <v>561896</v>
      </c>
      <c r="AJ34" s="326">
        <v>0</v>
      </c>
      <c r="AK34" s="327">
        <v>0</v>
      </c>
      <c r="AL34" s="328">
        <v>0</v>
      </c>
      <c r="AM34" s="326">
        <v>0</v>
      </c>
      <c r="AN34" s="327">
        <v>0</v>
      </c>
      <c r="AO34" s="327">
        <v>0</v>
      </c>
      <c r="AP34" s="327">
        <v>0</v>
      </c>
      <c r="AQ34" s="327">
        <v>11769</v>
      </c>
      <c r="AR34" s="327">
        <v>58850</v>
      </c>
      <c r="AS34" s="328">
        <v>70619</v>
      </c>
      <c r="AT34" s="330">
        <v>70619</v>
      </c>
      <c r="AU34" s="326">
        <v>17736</v>
      </c>
      <c r="AV34" s="327">
        <v>0</v>
      </c>
      <c r="AW34" s="328">
        <v>17736</v>
      </c>
      <c r="AX34" s="326">
        <v>0</v>
      </c>
      <c r="AY34" s="327">
        <v>0</v>
      </c>
      <c r="AZ34" s="327">
        <v>112936</v>
      </c>
      <c r="BA34" s="327">
        <v>66400</v>
      </c>
      <c r="BB34" s="327">
        <v>29576</v>
      </c>
      <c r="BC34" s="327">
        <v>0</v>
      </c>
      <c r="BD34" s="328">
        <v>208912</v>
      </c>
      <c r="BE34" s="330">
        <v>226648</v>
      </c>
      <c r="BF34" s="326">
        <v>0</v>
      </c>
      <c r="BG34" s="327">
        <v>0</v>
      </c>
      <c r="BH34" s="331">
        <v>0</v>
      </c>
      <c r="BI34" s="332">
        <v>0</v>
      </c>
      <c r="BJ34" s="327">
        <v>0</v>
      </c>
      <c r="BK34" s="327">
        <v>31209</v>
      </c>
      <c r="BL34" s="327">
        <v>0</v>
      </c>
      <c r="BM34" s="327">
        <v>0</v>
      </c>
      <c r="BN34" s="327">
        <v>0</v>
      </c>
      <c r="BO34" s="328">
        <v>31209</v>
      </c>
      <c r="BP34" s="330">
        <v>31209</v>
      </c>
      <c r="BQ34" s="326">
        <v>9632</v>
      </c>
      <c r="BR34" s="327">
        <v>0</v>
      </c>
      <c r="BS34" s="328">
        <v>9632</v>
      </c>
      <c r="BT34" s="326">
        <v>0</v>
      </c>
      <c r="BU34" s="327">
        <v>18256</v>
      </c>
      <c r="BV34" s="327">
        <v>0</v>
      </c>
      <c r="BW34" s="327">
        <v>9632</v>
      </c>
      <c r="BX34" s="327">
        <v>42800</v>
      </c>
      <c r="BY34" s="327">
        <v>9520</v>
      </c>
      <c r="BZ34" s="328">
        <v>80208</v>
      </c>
      <c r="CA34" s="330">
        <v>89840</v>
      </c>
      <c r="CB34" s="326">
        <v>20816</v>
      </c>
      <c r="CC34" s="327">
        <v>0</v>
      </c>
      <c r="CD34" s="328">
        <v>20816</v>
      </c>
      <c r="CE34" s="326">
        <v>0</v>
      </c>
      <c r="CF34" s="327">
        <v>0</v>
      </c>
      <c r="CG34" s="327">
        <v>116384</v>
      </c>
      <c r="CH34" s="327">
        <v>53712</v>
      </c>
      <c r="CI34" s="327">
        <v>86450</v>
      </c>
      <c r="CJ34" s="327">
        <v>0</v>
      </c>
      <c r="CK34" s="328">
        <v>256546</v>
      </c>
      <c r="CL34" s="330">
        <v>277362</v>
      </c>
      <c r="CM34" s="326">
        <v>0</v>
      </c>
      <c r="CN34" s="327">
        <v>0</v>
      </c>
      <c r="CO34" s="328">
        <v>0</v>
      </c>
      <c r="CP34" s="332">
        <v>0</v>
      </c>
      <c r="CQ34" s="327">
        <v>0</v>
      </c>
      <c r="CR34" s="327">
        <v>116384</v>
      </c>
      <c r="CS34" s="327">
        <v>53712</v>
      </c>
      <c r="CT34" s="327">
        <v>0</v>
      </c>
      <c r="CU34" s="327">
        <v>0</v>
      </c>
      <c r="CV34" s="328">
        <v>170096</v>
      </c>
      <c r="CW34" s="330">
        <v>170096</v>
      </c>
      <c r="CX34" s="326">
        <v>20816</v>
      </c>
      <c r="CY34" s="327">
        <v>0</v>
      </c>
      <c r="CZ34" s="328">
        <v>20816</v>
      </c>
      <c r="DA34" s="326">
        <v>0</v>
      </c>
      <c r="DB34" s="327">
        <v>0</v>
      </c>
      <c r="DC34" s="327">
        <v>0</v>
      </c>
      <c r="DD34" s="327">
        <v>0</v>
      </c>
      <c r="DE34" s="327">
        <v>86450</v>
      </c>
      <c r="DF34" s="327">
        <v>0</v>
      </c>
      <c r="DG34" s="328">
        <v>86450</v>
      </c>
      <c r="DH34" s="330">
        <v>107266</v>
      </c>
      <c r="DI34" s="326">
        <v>0</v>
      </c>
      <c r="DJ34" s="327">
        <v>0</v>
      </c>
      <c r="DK34" s="331">
        <v>0</v>
      </c>
      <c r="DL34" s="332">
        <v>0</v>
      </c>
      <c r="DM34" s="327">
        <v>0</v>
      </c>
      <c r="DN34" s="327">
        <v>16176</v>
      </c>
      <c r="DO34" s="327">
        <v>0</v>
      </c>
      <c r="DP34" s="327">
        <v>0</v>
      </c>
      <c r="DQ34" s="327">
        <v>0</v>
      </c>
      <c r="DR34" s="328">
        <v>16176</v>
      </c>
      <c r="DS34" s="330">
        <v>16176</v>
      </c>
      <c r="DT34" s="326">
        <v>0</v>
      </c>
      <c r="DU34" s="327">
        <v>0</v>
      </c>
      <c r="DV34" s="328">
        <v>0</v>
      </c>
      <c r="DW34" s="326">
        <v>0</v>
      </c>
      <c r="DX34" s="327">
        <v>0</v>
      </c>
      <c r="DY34" s="327">
        <v>16176</v>
      </c>
      <c r="DZ34" s="327">
        <v>0</v>
      </c>
      <c r="EA34" s="327">
        <v>0</v>
      </c>
      <c r="EB34" s="327">
        <v>0</v>
      </c>
      <c r="EC34" s="328">
        <v>16176</v>
      </c>
      <c r="ED34" s="330">
        <v>16176</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332">
        <v>0</v>
      </c>
      <c r="FE34" s="327">
        <v>0</v>
      </c>
      <c r="FF34" s="327">
        <v>0</v>
      </c>
      <c r="FG34" s="327">
        <v>0</v>
      </c>
      <c r="FH34" s="327">
        <v>0</v>
      </c>
      <c r="FI34" s="327">
        <v>0</v>
      </c>
      <c r="FJ34" s="328">
        <v>0</v>
      </c>
      <c r="FK34" s="330">
        <v>0</v>
      </c>
      <c r="FL34" s="326">
        <v>11440</v>
      </c>
      <c r="FM34" s="327">
        <v>0</v>
      </c>
      <c r="FN34" s="328">
        <v>11440</v>
      </c>
      <c r="FO34" s="326">
        <v>0</v>
      </c>
      <c r="FP34" s="327">
        <v>4800</v>
      </c>
      <c r="FQ34" s="327">
        <v>70304</v>
      </c>
      <c r="FR34" s="327">
        <v>36464</v>
      </c>
      <c r="FS34" s="327">
        <v>57344</v>
      </c>
      <c r="FT34" s="327">
        <v>52240</v>
      </c>
      <c r="FU34" s="328">
        <v>221152</v>
      </c>
      <c r="FV34" s="330">
        <v>232592</v>
      </c>
      <c r="FW34" s="333">
        <v>11440</v>
      </c>
      <c r="FX34" s="327">
        <v>0</v>
      </c>
      <c r="FY34" s="331">
        <v>11440</v>
      </c>
      <c r="FZ34" s="332">
        <v>0</v>
      </c>
      <c r="GA34" s="327">
        <v>4800</v>
      </c>
      <c r="GB34" s="327">
        <v>70304</v>
      </c>
      <c r="GC34" s="327">
        <v>36464</v>
      </c>
      <c r="GD34" s="327">
        <v>57344</v>
      </c>
      <c r="GE34" s="327">
        <v>52240</v>
      </c>
      <c r="GF34" s="328">
        <v>221152</v>
      </c>
      <c r="GG34" s="334">
        <v>232592</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51900</v>
      </c>
      <c r="HE34" s="327">
        <v>0</v>
      </c>
      <c r="HF34" s="331">
        <v>51900</v>
      </c>
      <c r="HG34" s="332">
        <v>0</v>
      </c>
      <c r="HH34" s="327">
        <v>308941</v>
      </c>
      <c r="HI34" s="327">
        <v>-176767</v>
      </c>
      <c r="HJ34" s="327">
        <v>0</v>
      </c>
      <c r="HK34" s="327">
        <v>220944</v>
      </c>
      <c r="HL34" s="327">
        <v>0</v>
      </c>
      <c r="HM34" s="328">
        <v>353118</v>
      </c>
      <c r="HN34" s="329">
        <v>405018</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0</v>
      </c>
      <c r="IE34" s="357">
        <v>125184</v>
      </c>
      <c r="IF34" s="358">
        <v>408352</v>
      </c>
      <c r="IG34" s="356">
        <v>143016</v>
      </c>
      <c r="IH34" s="358">
        <v>0</v>
      </c>
      <c r="II34" s="359">
        <v>676552</v>
      </c>
      <c r="IJ34" s="358">
        <v>676552</v>
      </c>
      <c r="IK34" s="342">
        <v>0</v>
      </c>
      <c r="IL34" s="343">
        <v>0</v>
      </c>
      <c r="IM34" s="344">
        <v>0</v>
      </c>
      <c r="IN34" s="404">
        <v>0</v>
      </c>
      <c r="IO34" s="345">
        <v>0</v>
      </c>
      <c r="IP34" s="345">
        <v>0</v>
      </c>
      <c r="IQ34" s="345">
        <v>143784</v>
      </c>
      <c r="IR34" s="345">
        <v>0</v>
      </c>
      <c r="IS34" s="345">
        <v>0</v>
      </c>
      <c r="IT34" s="346">
        <v>143784</v>
      </c>
      <c r="IU34" s="347">
        <v>143784</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125184</v>
      </c>
      <c r="JM34" s="345">
        <v>16776</v>
      </c>
      <c r="JN34" s="345">
        <v>0</v>
      </c>
      <c r="JO34" s="345">
        <v>0</v>
      </c>
      <c r="JP34" s="349">
        <v>141960</v>
      </c>
      <c r="JQ34" s="347">
        <v>141960</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0</v>
      </c>
      <c r="KH34" s="345">
        <v>0</v>
      </c>
      <c r="KI34" s="345">
        <v>0</v>
      </c>
      <c r="KJ34" s="345">
        <v>0</v>
      </c>
      <c r="KK34" s="345">
        <v>0</v>
      </c>
      <c r="KL34" s="349">
        <v>0</v>
      </c>
      <c r="KM34" s="354">
        <v>0</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247792</v>
      </c>
      <c r="LQ34" s="345">
        <v>143016</v>
      </c>
      <c r="LR34" s="345">
        <v>0</v>
      </c>
      <c r="LS34" s="349">
        <v>390808</v>
      </c>
      <c r="LT34" s="347">
        <v>390808</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0</v>
      </c>
      <c r="MN34" s="345">
        <v>915801</v>
      </c>
      <c r="MO34" s="349">
        <v>915801</v>
      </c>
      <c r="MP34" s="354">
        <v>915801</v>
      </c>
      <c r="MQ34" s="348">
        <v>0</v>
      </c>
      <c r="MR34" s="345">
        <v>0</v>
      </c>
      <c r="MS34" s="349">
        <v>0</v>
      </c>
      <c r="MT34" s="404">
        <v>0</v>
      </c>
      <c r="MU34" s="345">
        <v>0</v>
      </c>
      <c r="MV34" s="345">
        <v>0</v>
      </c>
      <c r="MW34" s="345">
        <v>0</v>
      </c>
      <c r="MX34" s="345">
        <v>0</v>
      </c>
      <c r="MY34" s="345">
        <v>265002</v>
      </c>
      <c r="MZ34" s="349">
        <v>265002</v>
      </c>
      <c r="NA34" s="354">
        <v>265002</v>
      </c>
      <c r="NB34" s="348">
        <v>0</v>
      </c>
      <c r="NC34" s="345">
        <v>0</v>
      </c>
      <c r="ND34" s="349">
        <v>0</v>
      </c>
      <c r="NE34" s="404">
        <v>0</v>
      </c>
      <c r="NF34" s="345">
        <v>0</v>
      </c>
      <c r="NG34" s="345">
        <v>0</v>
      </c>
      <c r="NH34" s="345">
        <v>0</v>
      </c>
      <c r="NI34" s="345">
        <v>0</v>
      </c>
      <c r="NJ34" s="345">
        <v>650799</v>
      </c>
      <c r="NK34" s="349">
        <v>650799</v>
      </c>
      <c r="NL34" s="347">
        <v>650799</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111524</v>
      </c>
      <c r="OJ34" s="345">
        <v>0</v>
      </c>
      <c r="OK34" s="346">
        <v>111524</v>
      </c>
      <c r="OL34" s="351">
        <v>0</v>
      </c>
      <c r="OM34" s="345">
        <v>331997</v>
      </c>
      <c r="ON34" s="345">
        <v>445130</v>
      </c>
      <c r="OO34" s="345">
        <v>574560</v>
      </c>
      <c r="OP34" s="345">
        <v>1004091</v>
      </c>
      <c r="OQ34" s="345">
        <v>1036411</v>
      </c>
      <c r="OR34" s="349">
        <v>3392189</v>
      </c>
      <c r="OS34" s="354">
        <v>3503713</v>
      </c>
    </row>
    <row r="35" spans="2:409" s="70" customFormat="1" ht="21" customHeight="1" x14ac:dyDescent="0.2">
      <c r="B35" s="410" t="s">
        <v>30</v>
      </c>
      <c r="C35" s="326">
        <v>48824</v>
      </c>
      <c r="D35" s="327">
        <v>95694</v>
      </c>
      <c r="E35" s="368">
        <v>144518</v>
      </c>
      <c r="F35" s="370">
        <v>0</v>
      </c>
      <c r="G35" s="369">
        <v>217070</v>
      </c>
      <c r="H35" s="369">
        <v>484980</v>
      </c>
      <c r="I35" s="369">
        <v>274261</v>
      </c>
      <c r="J35" s="369">
        <v>585498</v>
      </c>
      <c r="K35" s="369">
        <v>323984</v>
      </c>
      <c r="L35" s="370">
        <v>1885793</v>
      </c>
      <c r="M35" s="330">
        <v>2030311</v>
      </c>
      <c r="N35" s="326">
        <v>28760</v>
      </c>
      <c r="O35" s="327">
        <v>56168</v>
      </c>
      <c r="P35" s="328">
        <v>84928</v>
      </c>
      <c r="Q35" s="326">
        <v>0</v>
      </c>
      <c r="R35" s="327">
        <v>29197</v>
      </c>
      <c r="S35" s="327">
        <v>17952</v>
      </c>
      <c r="T35" s="327">
        <v>60993</v>
      </c>
      <c r="U35" s="327">
        <v>141666</v>
      </c>
      <c r="V35" s="327">
        <v>275352</v>
      </c>
      <c r="W35" s="328">
        <v>525160</v>
      </c>
      <c r="X35" s="330">
        <v>610088</v>
      </c>
      <c r="Y35" s="326">
        <v>0</v>
      </c>
      <c r="Z35" s="327">
        <v>0</v>
      </c>
      <c r="AA35" s="328">
        <v>0</v>
      </c>
      <c r="AB35" s="326">
        <v>0</v>
      </c>
      <c r="AC35" s="327">
        <v>29197</v>
      </c>
      <c r="AD35" s="327">
        <v>0</v>
      </c>
      <c r="AE35" s="327">
        <v>17593</v>
      </c>
      <c r="AF35" s="327">
        <v>25848</v>
      </c>
      <c r="AG35" s="327">
        <v>197976</v>
      </c>
      <c r="AH35" s="328">
        <v>270614</v>
      </c>
      <c r="AI35" s="330">
        <v>270614</v>
      </c>
      <c r="AJ35" s="326">
        <v>0</v>
      </c>
      <c r="AK35" s="327">
        <v>0</v>
      </c>
      <c r="AL35" s="328">
        <v>0</v>
      </c>
      <c r="AM35" s="326">
        <v>0</v>
      </c>
      <c r="AN35" s="327">
        <v>0</v>
      </c>
      <c r="AO35" s="327">
        <v>0</v>
      </c>
      <c r="AP35" s="327">
        <v>0</v>
      </c>
      <c r="AQ35" s="327">
        <v>13370</v>
      </c>
      <c r="AR35" s="327">
        <v>0</v>
      </c>
      <c r="AS35" s="328">
        <v>13370</v>
      </c>
      <c r="AT35" s="330">
        <v>13370</v>
      </c>
      <c r="AU35" s="326">
        <v>13920</v>
      </c>
      <c r="AV35" s="327">
        <v>56168</v>
      </c>
      <c r="AW35" s="328">
        <v>70088</v>
      </c>
      <c r="AX35" s="326">
        <v>0</v>
      </c>
      <c r="AY35" s="327">
        <v>0</v>
      </c>
      <c r="AZ35" s="327">
        <v>0</v>
      </c>
      <c r="BA35" s="327">
        <v>19648</v>
      </c>
      <c r="BB35" s="327">
        <v>89376</v>
      </c>
      <c r="BC35" s="327">
        <v>77376</v>
      </c>
      <c r="BD35" s="328">
        <v>186400</v>
      </c>
      <c r="BE35" s="330">
        <v>256488</v>
      </c>
      <c r="BF35" s="326">
        <v>14840</v>
      </c>
      <c r="BG35" s="327">
        <v>0</v>
      </c>
      <c r="BH35" s="331">
        <v>14840</v>
      </c>
      <c r="BI35" s="332">
        <v>0</v>
      </c>
      <c r="BJ35" s="327">
        <v>0</v>
      </c>
      <c r="BK35" s="327">
        <v>0</v>
      </c>
      <c r="BL35" s="327">
        <v>0</v>
      </c>
      <c r="BM35" s="327">
        <v>0</v>
      </c>
      <c r="BN35" s="327">
        <v>0</v>
      </c>
      <c r="BO35" s="328">
        <v>0</v>
      </c>
      <c r="BP35" s="330">
        <v>14840</v>
      </c>
      <c r="BQ35" s="326">
        <v>0</v>
      </c>
      <c r="BR35" s="327">
        <v>0</v>
      </c>
      <c r="BS35" s="328">
        <v>0</v>
      </c>
      <c r="BT35" s="326">
        <v>0</v>
      </c>
      <c r="BU35" s="327">
        <v>0</v>
      </c>
      <c r="BV35" s="327">
        <v>17952</v>
      </c>
      <c r="BW35" s="327">
        <v>23752</v>
      </c>
      <c r="BX35" s="327">
        <v>13072</v>
      </c>
      <c r="BY35" s="327">
        <v>0</v>
      </c>
      <c r="BZ35" s="328">
        <v>54776</v>
      </c>
      <c r="CA35" s="330">
        <v>54776</v>
      </c>
      <c r="CB35" s="326">
        <v>20064</v>
      </c>
      <c r="CC35" s="327">
        <v>39526</v>
      </c>
      <c r="CD35" s="328">
        <v>59590</v>
      </c>
      <c r="CE35" s="326">
        <v>0</v>
      </c>
      <c r="CF35" s="327">
        <v>174849</v>
      </c>
      <c r="CG35" s="327">
        <v>0</v>
      </c>
      <c r="CH35" s="327">
        <v>0</v>
      </c>
      <c r="CI35" s="327">
        <v>113560</v>
      </c>
      <c r="CJ35" s="327">
        <v>36552</v>
      </c>
      <c r="CK35" s="328">
        <v>324961</v>
      </c>
      <c r="CL35" s="330">
        <v>384551</v>
      </c>
      <c r="CM35" s="326">
        <v>0</v>
      </c>
      <c r="CN35" s="327">
        <v>0</v>
      </c>
      <c r="CO35" s="328">
        <v>0</v>
      </c>
      <c r="CP35" s="332">
        <v>0</v>
      </c>
      <c r="CQ35" s="327">
        <v>110151</v>
      </c>
      <c r="CR35" s="327">
        <v>0</v>
      </c>
      <c r="CS35" s="327">
        <v>0</v>
      </c>
      <c r="CT35" s="327">
        <v>113560</v>
      </c>
      <c r="CU35" s="327">
        <v>36552</v>
      </c>
      <c r="CV35" s="328">
        <v>260263</v>
      </c>
      <c r="CW35" s="330">
        <v>260263</v>
      </c>
      <c r="CX35" s="326">
        <v>20064</v>
      </c>
      <c r="CY35" s="327">
        <v>39526</v>
      </c>
      <c r="CZ35" s="328">
        <v>59590</v>
      </c>
      <c r="DA35" s="326">
        <v>0</v>
      </c>
      <c r="DB35" s="327">
        <v>64698</v>
      </c>
      <c r="DC35" s="327">
        <v>0</v>
      </c>
      <c r="DD35" s="327">
        <v>0</v>
      </c>
      <c r="DE35" s="327">
        <v>0</v>
      </c>
      <c r="DF35" s="327">
        <v>0</v>
      </c>
      <c r="DG35" s="328">
        <v>64698</v>
      </c>
      <c r="DH35" s="330">
        <v>124288</v>
      </c>
      <c r="DI35" s="326">
        <v>0</v>
      </c>
      <c r="DJ35" s="327">
        <v>0</v>
      </c>
      <c r="DK35" s="331">
        <v>0</v>
      </c>
      <c r="DL35" s="332">
        <v>0</v>
      </c>
      <c r="DM35" s="327">
        <v>0</v>
      </c>
      <c r="DN35" s="327">
        <v>0</v>
      </c>
      <c r="DO35" s="327">
        <v>0</v>
      </c>
      <c r="DP35" s="327">
        <v>71672</v>
      </c>
      <c r="DQ35" s="327">
        <v>0</v>
      </c>
      <c r="DR35" s="328">
        <v>71672</v>
      </c>
      <c r="DS35" s="330">
        <v>71672</v>
      </c>
      <c r="DT35" s="326">
        <v>0</v>
      </c>
      <c r="DU35" s="327">
        <v>0</v>
      </c>
      <c r="DV35" s="328">
        <v>0</v>
      </c>
      <c r="DW35" s="326">
        <v>0</v>
      </c>
      <c r="DX35" s="327">
        <v>0</v>
      </c>
      <c r="DY35" s="327">
        <v>0</v>
      </c>
      <c r="DZ35" s="327">
        <v>0</v>
      </c>
      <c r="EA35" s="327">
        <v>71672</v>
      </c>
      <c r="EB35" s="327">
        <v>0</v>
      </c>
      <c r="EC35" s="328">
        <v>71672</v>
      </c>
      <c r="ED35" s="330">
        <v>71672</v>
      </c>
      <c r="EE35" s="326">
        <v>0</v>
      </c>
      <c r="EF35" s="331">
        <v>0</v>
      </c>
      <c r="EG35" s="328">
        <v>0</v>
      </c>
      <c r="EH35" s="326">
        <v>0</v>
      </c>
      <c r="EI35" s="327">
        <v>0</v>
      </c>
      <c r="EJ35" s="327">
        <v>0</v>
      </c>
      <c r="EK35" s="327">
        <v>0</v>
      </c>
      <c r="EL35" s="327">
        <v>0</v>
      </c>
      <c r="EM35" s="327">
        <v>0</v>
      </c>
      <c r="EN35" s="331">
        <v>0</v>
      </c>
      <c r="EO35" s="330">
        <v>0</v>
      </c>
      <c r="EP35" s="326">
        <v>0</v>
      </c>
      <c r="EQ35" s="327">
        <v>0</v>
      </c>
      <c r="ER35" s="331">
        <v>0</v>
      </c>
      <c r="ES35" s="332">
        <v>0</v>
      </c>
      <c r="ET35" s="327">
        <v>0</v>
      </c>
      <c r="EU35" s="327">
        <v>0</v>
      </c>
      <c r="EV35" s="327">
        <v>0</v>
      </c>
      <c r="EW35" s="327">
        <v>0</v>
      </c>
      <c r="EX35" s="327">
        <v>0</v>
      </c>
      <c r="EY35" s="328">
        <v>0</v>
      </c>
      <c r="EZ35" s="330">
        <v>0</v>
      </c>
      <c r="FA35" s="326">
        <v>0</v>
      </c>
      <c r="FB35" s="327">
        <v>0</v>
      </c>
      <c r="FC35" s="331">
        <v>0</v>
      </c>
      <c r="FD35" s="332">
        <v>0</v>
      </c>
      <c r="FE35" s="327">
        <v>0</v>
      </c>
      <c r="FF35" s="327">
        <v>0</v>
      </c>
      <c r="FG35" s="327">
        <v>0</v>
      </c>
      <c r="FH35" s="327">
        <v>0</v>
      </c>
      <c r="FI35" s="327">
        <v>0</v>
      </c>
      <c r="FJ35" s="328">
        <v>0</v>
      </c>
      <c r="FK35" s="330">
        <v>0</v>
      </c>
      <c r="FL35" s="326">
        <v>0</v>
      </c>
      <c r="FM35" s="327">
        <v>0</v>
      </c>
      <c r="FN35" s="328">
        <v>0</v>
      </c>
      <c r="FO35" s="326">
        <v>0</v>
      </c>
      <c r="FP35" s="327">
        <v>13024</v>
      </c>
      <c r="FQ35" s="327">
        <v>8192</v>
      </c>
      <c r="FR35" s="327">
        <v>10400</v>
      </c>
      <c r="FS35" s="327">
        <v>52960</v>
      </c>
      <c r="FT35" s="327">
        <v>12080</v>
      </c>
      <c r="FU35" s="328">
        <v>96656</v>
      </c>
      <c r="FV35" s="330">
        <v>96656</v>
      </c>
      <c r="FW35" s="333">
        <v>0</v>
      </c>
      <c r="FX35" s="327">
        <v>0</v>
      </c>
      <c r="FY35" s="331">
        <v>0</v>
      </c>
      <c r="FZ35" s="332">
        <v>0</v>
      </c>
      <c r="GA35" s="327">
        <v>13024</v>
      </c>
      <c r="GB35" s="327">
        <v>8192</v>
      </c>
      <c r="GC35" s="327">
        <v>10400</v>
      </c>
      <c r="GD35" s="327">
        <v>52960</v>
      </c>
      <c r="GE35" s="327">
        <v>12080</v>
      </c>
      <c r="GF35" s="328">
        <v>96656</v>
      </c>
      <c r="GG35" s="334">
        <v>96656</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0</v>
      </c>
      <c r="HI35" s="327">
        <v>458836</v>
      </c>
      <c r="HJ35" s="327">
        <v>202868</v>
      </c>
      <c r="HK35" s="327">
        <v>205640</v>
      </c>
      <c r="HL35" s="327">
        <v>0</v>
      </c>
      <c r="HM35" s="328">
        <v>867344</v>
      </c>
      <c r="HN35" s="329">
        <v>867344</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0</v>
      </c>
      <c r="IE35" s="339">
        <v>0</v>
      </c>
      <c r="IF35" s="337">
        <v>0</v>
      </c>
      <c r="IG35" s="336">
        <v>0</v>
      </c>
      <c r="IH35" s="337">
        <v>0</v>
      </c>
      <c r="II35" s="340">
        <v>0</v>
      </c>
      <c r="IJ35" s="341">
        <v>0</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0</v>
      </c>
      <c r="JL35" s="345">
        <v>0</v>
      </c>
      <c r="JM35" s="345">
        <v>0</v>
      </c>
      <c r="JN35" s="345">
        <v>0</v>
      </c>
      <c r="JO35" s="345">
        <v>0</v>
      </c>
      <c r="JP35" s="349">
        <v>0</v>
      </c>
      <c r="JQ35" s="347">
        <v>0</v>
      </c>
      <c r="JR35" s="348">
        <v>0</v>
      </c>
      <c r="JS35" s="345">
        <v>0</v>
      </c>
      <c r="JT35" s="346">
        <v>0</v>
      </c>
      <c r="JU35" s="351">
        <v>0</v>
      </c>
      <c r="JV35" s="345">
        <v>0</v>
      </c>
      <c r="JW35" s="345">
        <v>0</v>
      </c>
      <c r="JX35" s="345">
        <v>0</v>
      </c>
      <c r="JY35" s="345">
        <v>0</v>
      </c>
      <c r="JZ35" s="345">
        <v>0</v>
      </c>
      <c r="KA35" s="349">
        <v>0</v>
      </c>
      <c r="KB35" s="347">
        <v>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0</v>
      </c>
      <c r="KS35" s="345">
        <v>0</v>
      </c>
      <c r="KT35" s="345">
        <v>0</v>
      </c>
      <c r="KU35" s="345">
        <v>0</v>
      </c>
      <c r="KV35" s="345">
        <v>0</v>
      </c>
      <c r="KW35" s="349">
        <v>0</v>
      </c>
      <c r="KX35" s="347">
        <v>0</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0</v>
      </c>
      <c r="MK35" s="345">
        <v>96727</v>
      </c>
      <c r="ML35" s="345">
        <v>583146</v>
      </c>
      <c r="MM35" s="345">
        <v>1535138</v>
      </c>
      <c r="MN35" s="345">
        <v>273328</v>
      </c>
      <c r="MO35" s="349">
        <v>2488339</v>
      </c>
      <c r="MP35" s="354">
        <v>2488339</v>
      </c>
      <c r="MQ35" s="348">
        <v>0</v>
      </c>
      <c r="MR35" s="345">
        <v>0</v>
      </c>
      <c r="MS35" s="349">
        <v>0</v>
      </c>
      <c r="MT35" s="404">
        <v>0</v>
      </c>
      <c r="MU35" s="345">
        <v>0</v>
      </c>
      <c r="MV35" s="345">
        <v>0</v>
      </c>
      <c r="MW35" s="345">
        <v>245144</v>
      </c>
      <c r="MX35" s="345">
        <v>705128</v>
      </c>
      <c r="MY35" s="345">
        <v>273328</v>
      </c>
      <c r="MZ35" s="349">
        <v>1223600</v>
      </c>
      <c r="NA35" s="354">
        <v>1223600</v>
      </c>
      <c r="NB35" s="348">
        <v>0</v>
      </c>
      <c r="NC35" s="345">
        <v>0</v>
      </c>
      <c r="ND35" s="349">
        <v>0</v>
      </c>
      <c r="NE35" s="404">
        <v>0</v>
      </c>
      <c r="NF35" s="345">
        <v>0</v>
      </c>
      <c r="NG35" s="345">
        <v>96727</v>
      </c>
      <c r="NH35" s="345">
        <v>338002</v>
      </c>
      <c r="NI35" s="345">
        <v>830010</v>
      </c>
      <c r="NJ35" s="345">
        <v>0</v>
      </c>
      <c r="NK35" s="349">
        <v>1264739</v>
      </c>
      <c r="NL35" s="347">
        <v>1264739</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48824</v>
      </c>
      <c r="OJ35" s="345">
        <v>95694</v>
      </c>
      <c r="OK35" s="346">
        <v>144518</v>
      </c>
      <c r="OL35" s="351">
        <v>0</v>
      </c>
      <c r="OM35" s="345">
        <v>217070</v>
      </c>
      <c r="ON35" s="345">
        <v>581707</v>
      </c>
      <c r="OO35" s="345">
        <v>857407</v>
      </c>
      <c r="OP35" s="345">
        <v>2120636</v>
      </c>
      <c r="OQ35" s="345">
        <v>597312</v>
      </c>
      <c r="OR35" s="349">
        <v>4374132</v>
      </c>
      <c r="OS35" s="354">
        <v>4518650</v>
      </c>
    </row>
    <row r="36" spans="2:409" s="70" customFormat="1" ht="21" customHeight="1" x14ac:dyDescent="0.2">
      <c r="B36" s="410" t="s">
        <v>31</v>
      </c>
      <c r="C36" s="326">
        <v>4800</v>
      </c>
      <c r="D36" s="327">
        <v>18800</v>
      </c>
      <c r="E36" s="328">
        <v>23600</v>
      </c>
      <c r="F36" s="329">
        <v>0</v>
      </c>
      <c r="G36" s="327">
        <v>218283</v>
      </c>
      <c r="H36" s="327">
        <v>271140</v>
      </c>
      <c r="I36" s="327">
        <v>363938</v>
      </c>
      <c r="J36" s="327">
        <v>123203</v>
      </c>
      <c r="K36" s="327">
        <v>16720</v>
      </c>
      <c r="L36" s="367">
        <v>993284</v>
      </c>
      <c r="M36" s="330">
        <v>1016884</v>
      </c>
      <c r="N36" s="326">
        <v>0</v>
      </c>
      <c r="O36" s="327">
        <v>0</v>
      </c>
      <c r="P36" s="328">
        <v>0</v>
      </c>
      <c r="Q36" s="326">
        <v>0</v>
      </c>
      <c r="R36" s="327">
        <v>0</v>
      </c>
      <c r="S36" s="327">
        <v>122296</v>
      </c>
      <c r="T36" s="327">
        <v>246690</v>
      </c>
      <c r="U36" s="327">
        <v>30192</v>
      </c>
      <c r="V36" s="327">
        <v>16720</v>
      </c>
      <c r="W36" s="328">
        <v>415898</v>
      </c>
      <c r="X36" s="330">
        <v>415898</v>
      </c>
      <c r="Y36" s="326">
        <v>0</v>
      </c>
      <c r="Z36" s="327">
        <v>0</v>
      </c>
      <c r="AA36" s="328">
        <v>0</v>
      </c>
      <c r="AB36" s="326">
        <v>0</v>
      </c>
      <c r="AC36" s="327">
        <v>0</v>
      </c>
      <c r="AD36" s="327">
        <v>11368</v>
      </c>
      <c r="AE36" s="327">
        <v>184498</v>
      </c>
      <c r="AF36" s="327">
        <v>0</v>
      </c>
      <c r="AG36" s="327">
        <v>0</v>
      </c>
      <c r="AH36" s="328">
        <v>195866</v>
      </c>
      <c r="AI36" s="330">
        <v>195866</v>
      </c>
      <c r="AJ36" s="326">
        <v>0</v>
      </c>
      <c r="AK36" s="327">
        <v>0</v>
      </c>
      <c r="AL36" s="328">
        <v>0</v>
      </c>
      <c r="AM36" s="326">
        <v>0</v>
      </c>
      <c r="AN36" s="327">
        <v>0</v>
      </c>
      <c r="AO36" s="327">
        <v>47080</v>
      </c>
      <c r="AP36" s="327">
        <v>0</v>
      </c>
      <c r="AQ36" s="327">
        <v>0</v>
      </c>
      <c r="AR36" s="327">
        <v>0</v>
      </c>
      <c r="AS36" s="328">
        <v>47080</v>
      </c>
      <c r="AT36" s="330">
        <v>47080</v>
      </c>
      <c r="AU36" s="326">
        <v>0</v>
      </c>
      <c r="AV36" s="327">
        <v>0</v>
      </c>
      <c r="AW36" s="328">
        <v>0</v>
      </c>
      <c r="AX36" s="326">
        <v>0</v>
      </c>
      <c r="AY36" s="327">
        <v>0</v>
      </c>
      <c r="AZ36" s="327">
        <v>63848</v>
      </c>
      <c r="BA36" s="327">
        <v>62192</v>
      </c>
      <c r="BB36" s="327">
        <v>0</v>
      </c>
      <c r="BC36" s="327">
        <v>0</v>
      </c>
      <c r="BD36" s="328">
        <v>126040</v>
      </c>
      <c r="BE36" s="330">
        <v>126040</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0</v>
      </c>
      <c r="BX36" s="327">
        <v>30192</v>
      </c>
      <c r="BY36" s="327">
        <v>16720</v>
      </c>
      <c r="BZ36" s="328">
        <v>46912</v>
      </c>
      <c r="CA36" s="330">
        <v>46912</v>
      </c>
      <c r="CB36" s="326">
        <v>0</v>
      </c>
      <c r="CC36" s="327">
        <v>0</v>
      </c>
      <c r="CD36" s="328">
        <v>0</v>
      </c>
      <c r="CE36" s="326">
        <v>0</v>
      </c>
      <c r="CF36" s="327">
        <v>199483</v>
      </c>
      <c r="CG36" s="327">
        <v>93284</v>
      </c>
      <c r="CH36" s="327">
        <v>82336</v>
      </c>
      <c r="CI36" s="327">
        <v>39472</v>
      </c>
      <c r="CJ36" s="327">
        <v>0</v>
      </c>
      <c r="CK36" s="328">
        <v>414575</v>
      </c>
      <c r="CL36" s="330">
        <v>414575</v>
      </c>
      <c r="CM36" s="326">
        <v>0</v>
      </c>
      <c r="CN36" s="327">
        <v>0</v>
      </c>
      <c r="CO36" s="328">
        <v>0</v>
      </c>
      <c r="CP36" s="332">
        <v>0</v>
      </c>
      <c r="CQ36" s="327">
        <v>164808</v>
      </c>
      <c r="CR36" s="327">
        <v>-3712</v>
      </c>
      <c r="CS36" s="327">
        <v>0</v>
      </c>
      <c r="CT36" s="327">
        <v>39472</v>
      </c>
      <c r="CU36" s="327">
        <v>0</v>
      </c>
      <c r="CV36" s="328">
        <v>200568</v>
      </c>
      <c r="CW36" s="330">
        <v>200568</v>
      </c>
      <c r="CX36" s="326">
        <v>0</v>
      </c>
      <c r="CY36" s="327">
        <v>0</v>
      </c>
      <c r="CZ36" s="328">
        <v>0</v>
      </c>
      <c r="DA36" s="326">
        <v>0</v>
      </c>
      <c r="DB36" s="327">
        <v>34675</v>
      </c>
      <c r="DC36" s="327">
        <v>96996</v>
      </c>
      <c r="DD36" s="327">
        <v>82336</v>
      </c>
      <c r="DE36" s="327">
        <v>0</v>
      </c>
      <c r="DF36" s="327">
        <v>0</v>
      </c>
      <c r="DG36" s="328">
        <v>214007</v>
      </c>
      <c r="DH36" s="330">
        <v>214007</v>
      </c>
      <c r="DI36" s="326">
        <v>0</v>
      </c>
      <c r="DJ36" s="327">
        <v>0</v>
      </c>
      <c r="DK36" s="331">
        <v>0</v>
      </c>
      <c r="DL36" s="332">
        <v>0</v>
      </c>
      <c r="DM36" s="327">
        <v>0</v>
      </c>
      <c r="DN36" s="327">
        <v>0</v>
      </c>
      <c r="DO36" s="327">
        <v>0</v>
      </c>
      <c r="DP36" s="327">
        <v>27539</v>
      </c>
      <c r="DQ36" s="327">
        <v>0</v>
      </c>
      <c r="DR36" s="328">
        <v>27539</v>
      </c>
      <c r="DS36" s="330">
        <v>27539</v>
      </c>
      <c r="DT36" s="326">
        <v>0</v>
      </c>
      <c r="DU36" s="327">
        <v>0</v>
      </c>
      <c r="DV36" s="328">
        <v>0</v>
      </c>
      <c r="DW36" s="326">
        <v>0</v>
      </c>
      <c r="DX36" s="327">
        <v>0</v>
      </c>
      <c r="DY36" s="327">
        <v>0</v>
      </c>
      <c r="DZ36" s="327">
        <v>0</v>
      </c>
      <c r="EA36" s="327">
        <v>27539</v>
      </c>
      <c r="EB36" s="327">
        <v>0</v>
      </c>
      <c r="EC36" s="328">
        <v>27539</v>
      </c>
      <c r="ED36" s="330">
        <v>27539</v>
      </c>
      <c r="EE36" s="326">
        <v>0</v>
      </c>
      <c r="EF36" s="331">
        <v>0</v>
      </c>
      <c r="EG36" s="328">
        <v>0</v>
      </c>
      <c r="EH36" s="326">
        <v>0</v>
      </c>
      <c r="EI36" s="327">
        <v>0</v>
      </c>
      <c r="EJ36" s="327">
        <v>0</v>
      </c>
      <c r="EK36" s="327">
        <v>0</v>
      </c>
      <c r="EL36" s="327">
        <v>0</v>
      </c>
      <c r="EM36" s="327">
        <v>0</v>
      </c>
      <c r="EN36" s="331">
        <v>0</v>
      </c>
      <c r="EO36" s="330">
        <v>0</v>
      </c>
      <c r="EP36" s="326">
        <v>0</v>
      </c>
      <c r="EQ36" s="327">
        <v>0</v>
      </c>
      <c r="ER36" s="331">
        <v>0</v>
      </c>
      <c r="ES36" s="332">
        <v>0</v>
      </c>
      <c r="ET36" s="327">
        <v>0</v>
      </c>
      <c r="EU36" s="327">
        <v>0</v>
      </c>
      <c r="EV36" s="327">
        <v>0</v>
      </c>
      <c r="EW36" s="327">
        <v>0</v>
      </c>
      <c r="EX36" s="327">
        <v>0</v>
      </c>
      <c r="EY36" s="328">
        <v>0</v>
      </c>
      <c r="EZ36" s="330">
        <v>0</v>
      </c>
      <c r="FA36" s="326">
        <v>0</v>
      </c>
      <c r="FB36" s="327">
        <v>0</v>
      </c>
      <c r="FC36" s="331">
        <v>0</v>
      </c>
      <c r="FD36" s="332">
        <v>0</v>
      </c>
      <c r="FE36" s="327">
        <v>0</v>
      </c>
      <c r="FF36" s="327">
        <v>0</v>
      </c>
      <c r="FG36" s="327">
        <v>0</v>
      </c>
      <c r="FH36" s="327">
        <v>0</v>
      </c>
      <c r="FI36" s="327">
        <v>0</v>
      </c>
      <c r="FJ36" s="328">
        <v>0</v>
      </c>
      <c r="FK36" s="330">
        <v>0</v>
      </c>
      <c r="FL36" s="326">
        <v>4800</v>
      </c>
      <c r="FM36" s="327">
        <v>18800</v>
      </c>
      <c r="FN36" s="328">
        <v>23600</v>
      </c>
      <c r="FO36" s="326">
        <v>0</v>
      </c>
      <c r="FP36" s="327">
        <v>18800</v>
      </c>
      <c r="FQ36" s="327">
        <v>55560</v>
      </c>
      <c r="FR36" s="327">
        <v>34912</v>
      </c>
      <c r="FS36" s="327">
        <v>26000</v>
      </c>
      <c r="FT36" s="327">
        <v>0</v>
      </c>
      <c r="FU36" s="328">
        <v>135272</v>
      </c>
      <c r="FV36" s="330">
        <v>158872</v>
      </c>
      <c r="FW36" s="333">
        <v>4800</v>
      </c>
      <c r="FX36" s="327">
        <v>18800</v>
      </c>
      <c r="FY36" s="331">
        <v>23600</v>
      </c>
      <c r="FZ36" s="332">
        <v>0</v>
      </c>
      <c r="GA36" s="327">
        <v>18800</v>
      </c>
      <c r="GB36" s="327">
        <v>55560</v>
      </c>
      <c r="GC36" s="327">
        <v>34912</v>
      </c>
      <c r="GD36" s="327">
        <v>26000</v>
      </c>
      <c r="GE36" s="327">
        <v>0</v>
      </c>
      <c r="GF36" s="328">
        <v>135272</v>
      </c>
      <c r="GG36" s="334">
        <v>158872</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0</v>
      </c>
      <c r="GZ36" s="327">
        <v>0</v>
      </c>
      <c r="HA36" s="327">
        <v>0</v>
      </c>
      <c r="HB36" s="331">
        <v>0</v>
      </c>
      <c r="HC36" s="330">
        <v>0</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136277</v>
      </c>
      <c r="IE36" s="357">
        <v>520495</v>
      </c>
      <c r="IF36" s="358">
        <v>0</v>
      </c>
      <c r="IG36" s="356">
        <v>558693</v>
      </c>
      <c r="IH36" s="358">
        <v>250680</v>
      </c>
      <c r="II36" s="359">
        <v>1466145</v>
      </c>
      <c r="IJ36" s="358">
        <v>1466145</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0</v>
      </c>
      <c r="JL36" s="345">
        <v>18713</v>
      </c>
      <c r="JM36" s="345">
        <v>0</v>
      </c>
      <c r="JN36" s="345">
        <v>0</v>
      </c>
      <c r="JO36" s="345">
        <v>0</v>
      </c>
      <c r="JP36" s="349">
        <v>18713</v>
      </c>
      <c r="JQ36" s="347">
        <v>18713</v>
      </c>
      <c r="JR36" s="348">
        <v>0</v>
      </c>
      <c r="JS36" s="345">
        <v>0</v>
      </c>
      <c r="JT36" s="346">
        <v>0</v>
      </c>
      <c r="JU36" s="351">
        <v>0</v>
      </c>
      <c r="JV36" s="345">
        <v>0</v>
      </c>
      <c r="JW36" s="345">
        <v>0</v>
      </c>
      <c r="JX36" s="345">
        <v>0</v>
      </c>
      <c r="JY36" s="345">
        <v>187629</v>
      </c>
      <c r="JZ36" s="345">
        <v>0</v>
      </c>
      <c r="KA36" s="349">
        <v>187629</v>
      </c>
      <c r="KB36" s="347">
        <v>187629</v>
      </c>
      <c r="KC36" s="352">
        <v>0</v>
      </c>
      <c r="KD36" s="353">
        <v>0</v>
      </c>
      <c r="KE36" s="349">
        <v>0</v>
      </c>
      <c r="KF36" s="351">
        <v>0</v>
      </c>
      <c r="KG36" s="345">
        <v>136277</v>
      </c>
      <c r="KH36" s="345">
        <v>0</v>
      </c>
      <c r="KI36" s="345">
        <v>0</v>
      </c>
      <c r="KJ36" s="345">
        <v>0</v>
      </c>
      <c r="KK36" s="345">
        <v>0</v>
      </c>
      <c r="KL36" s="349">
        <v>136277</v>
      </c>
      <c r="KM36" s="354">
        <v>136277</v>
      </c>
      <c r="KN36" s="342">
        <v>0</v>
      </c>
      <c r="KO36" s="343">
        <v>0</v>
      </c>
      <c r="KP36" s="344">
        <v>0</v>
      </c>
      <c r="KQ36" s="404">
        <v>0</v>
      </c>
      <c r="KR36" s="345">
        <v>0</v>
      </c>
      <c r="KS36" s="345">
        <v>501782</v>
      </c>
      <c r="KT36" s="345">
        <v>0</v>
      </c>
      <c r="KU36" s="345">
        <v>234472</v>
      </c>
      <c r="KV36" s="345">
        <v>250680</v>
      </c>
      <c r="KW36" s="349">
        <v>986934</v>
      </c>
      <c r="KX36" s="347">
        <v>986934</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136592</v>
      </c>
      <c r="LR36" s="345">
        <v>0</v>
      </c>
      <c r="LS36" s="349">
        <v>136592</v>
      </c>
      <c r="LT36" s="347">
        <v>136592</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458423</v>
      </c>
      <c r="MM36" s="345">
        <v>729766</v>
      </c>
      <c r="MN36" s="345">
        <v>0</v>
      </c>
      <c r="MO36" s="349">
        <v>1188189</v>
      </c>
      <c r="MP36" s="354">
        <v>1188189</v>
      </c>
      <c r="MQ36" s="348">
        <v>0</v>
      </c>
      <c r="MR36" s="345">
        <v>0</v>
      </c>
      <c r="MS36" s="349">
        <v>0</v>
      </c>
      <c r="MT36" s="404">
        <v>0</v>
      </c>
      <c r="MU36" s="345">
        <v>0</v>
      </c>
      <c r="MV36" s="345">
        <v>0</v>
      </c>
      <c r="MW36" s="345">
        <v>458423</v>
      </c>
      <c r="MX36" s="345">
        <v>276304</v>
      </c>
      <c r="MY36" s="345">
        <v>0</v>
      </c>
      <c r="MZ36" s="349">
        <v>734727</v>
      </c>
      <c r="NA36" s="354">
        <v>734727</v>
      </c>
      <c r="NB36" s="348">
        <v>0</v>
      </c>
      <c r="NC36" s="345">
        <v>0</v>
      </c>
      <c r="ND36" s="349">
        <v>0</v>
      </c>
      <c r="NE36" s="404">
        <v>0</v>
      </c>
      <c r="NF36" s="345">
        <v>0</v>
      </c>
      <c r="NG36" s="345">
        <v>0</v>
      </c>
      <c r="NH36" s="345">
        <v>0</v>
      </c>
      <c r="NI36" s="345">
        <v>453462</v>
      </c>
      <c r="NJ36" s="345">
        <v>0</v>
      </c>
      <c r="NK36" s="349">
        <v>453462</v>
      </c>
      <c r="NL36" s="347">
        <v>453462</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800</v>
      </c>
      <c r="OJ36" s="345">
        <v>18800</v>
      </c>
      <c r="OK36" s="346">
        <v>23600</v>
      </c>
      <c r="OL36" s="351">
        <v>0</v>
      </c>
      <c r="OM36" s="345">
        <v>354560</v>
      </c>
      <c r="ON36" s="345">
        <v>791635</v>
      </c>
      <c r="OO36" s="345">
        <v>822361</v>
      </c>
      <c r="OP36" s="345">
        <v>1411662</v>
      </c>
      <c r="OQ36" s="345">
        <v>267400</v>
      </c>
      <c r="OR36" s="349">
        <v>3647618</v>
      </c>
      <c r="OS36" s="354">
        <v>3671218</v>
      </c>
    </row>
    <row r="37" spans="2:409" s="70" customFormat="1" ht="21" customHeight="1" x14ac:dyDescent="0.2">
      <c r="B37" s="410" t="s">
        <v>32</v>
      </c>
      <c r="C37" s="326">
        <v>46240</v>
      </c>
      <c r="D37" s="327">
        <v>24800</v>
      </c>
      <c r="E37" s="368">
        <v>71040</v>
      </c>
      <c r="F37" s="370">
        <v>0</v>
      </c>
      <c r="G37" s="369">
        <v>654108</v>
      </c>
      <c r="H37" s="369">
        <v>1150436</v>
      </c>
      <c r="I37" s="369">
        <v>335472</v>
      </c>
      <c r="J37" s="369">
        <v>535251</v>
      </c>
      <c r="K37" s="369">
        <v>264901</v>
      </c>
      <c r="L37" s="370">
        <v>2940168</v>
      </c>
      <c r="M37" s="330">
        <v>3011208</v>
      </c>
      <c r="N37" s="326">
        <v>21424</v>
      </c>
      <c r="O37" s="327">
        <v>0</v>
      </c>
      <c r="P37" s="328">
        <v>21424</v>
      </c>
      <c r="Q37" s="326">
        <v>0</v>
      </c>
      <c r="R37" s="327">
        <v>258132</v>
      </c>
      <c r="S37" s="327">
        <v>410751</v>
      </c>
      <c r="T37" s="327">
        <v>117896</v>
      </c>
      <c r="U37" s="327">
        <v>90280</v>
      </c>
      <c r="V37" s="327">
        <v>242181</v>
      </c>
      <c r="W37" s="328">
        <v>1119240</v>
      </c>
      <c r="X37" s="330">
        <v>1140664</v>
      </c>
      <c r="Y37" s="326">
        <v>0</v>
      </c>
      <c r="Z37" s="327">
        <v>0</v>
      </c>
      <c r="AA37" s="328">
        <v>0</v>
      </c>
      <c r="AB37" s="326">
        <v>0</v>
      </c>
      <c r="AC37" s="327">
        <v>76268</v>
      </c>
      <c r="AD37" s="327">
        <v>248699</v>
      </c>
      <c r="AE37" s="327">
        <v>86744</v>
      </c>
      <c r="AF37" s="327">
        <v>0</v>
      </c>
      <c r="AG37" s="327">
        <v>158440</v>
      </c>
      <c r="AH37" s="328">
        <v>570151</v>
      </c>
      <c r="AI37" s="330">
        <v>570151</v>
      </c>
      <c r="AJ37" s="326">
        <v>0</v>
      </c>
      <c r="AK37" s="327">
        <v>0</v>
      </c>
      <c r="AL37" s="328">
        <v>0</v>
      </c>
      <c r="AM37" s="326">
        <v>0</v>
      </c>
      <c r="AN37" s="327">
        <v>0</v>
      </c>
      <c r="AO37" s="327">
        <v>0</v>
      </c>
      <c r="AP37" s="327">
        <v>0</v>
      </c>
      <c r="AQ37" s="327">
        <v>0</v>
      </c>
      <c r="AR37" s="327">
        <v>59277</v>
      </c>
      <c r="AS37" s="328">
        <v>59277</v>
      </c>
      <c r="AT37" s="330">
        <v>59277</v>
      </c>
      <c r="AU37" s="326">
        <v>21424</v>
      </c>
      <c r="AV37" s="327">
        <v>0</v>
      </c>
      <c r="AW37" s="328">
        <v>21424</v>
      </c>
      <c r="AX37" s="326">
        <v>0</v>
      </c>
      <c r="AY37" s="327">
        <v>115549</v>
      </c>
      <c r="AZ37" s="327">
        <v>142788</v>
      </c>
      <c r="BA37" s="327">
        <v>0</v>
      </c>
      <c r="BB37" s="327">
        <v>6984</v>
      </c>
      <c r="BC37" s="327">
        <v>24464</v>
      </c>
      <c r="BD37" s="328">
        <v>289785</v>
      </c>
      <c r="BE37" s="330">
        <v>311209</v>
      </c>
      <c r="BF37" s="326">
        <v>0</v>
      </c>
      <c r="BG37" s="327">
        <v>0</v>
      </c>
      <c r="BH37" s="331">
        <v>0</v>
      </c>
      <c r="BI37" s="332">
        <v>0</v>
      </c>
      <c r="BJ37" s="327">
        <v>62419</v>
      </c>
      <c r="BK37" s="327">
        <v>0</v>
      </c>
      <c r="BL37" s="327">
        <v>0</v>
      </c>
      <c r="BM37" s="327">
        <v>0</v>
      </c>
      <c r="BN37" s="327">
        <v>0</v>
      </c>
      <c r="BO37" s="328">
        <v>62419</v>
      </c>
      <c r="BP37" s="330">
        <v>62419</v>
      </c>
      <c r="BQ37" s="326">
        <v>0</v>
      </c>
      <c r="BR37" s="327">
        <v>0</v>
      </c>
      <c r="BS37" s="328">
        <v>0</v>
      </c>
      <c r="BT37" s="326">
        <v>0</v>
      </c>
      <c r="BU37" s="327">
        <v>3896</v>
      </c>
      <c r="BV37" s="327">
        <v>19264</v>
      </c>
      <c r="BW37" s="327">
        <v>31152</v>
      </c>
      <c r="BX37" s="327">
        <v>83296</v>
      </c>
      <c r="BY37" s="327">
        <v>0</v>
      </c>
      <c r="BZ37" s="328">
        <v>137608</v>
      </c>
      <c r="CA37" s="330">
        <v>137608</v>
      </c>
      <c r="CB37" s="326">
        <v>20816</v>
      </c>
      <c r="CC37" s="327">
        <v>0</v>
      </c>
      <c r="CD37" s="328">
        <v>20816</v>
      </c>
      <c r="CE37" s="326">
        <v>0</v>
      </c>
      <c r="CF37" s="327">
        <v>171176</v>
      </c>
      <c r="CG37" s="327">
        <v>444867</v>
      </c>
      <c r="CH37" s="327">
        <v>155936</v>
      </c>
      <c r="CI37" s="327">
        <v>3832</v>
      </c>
      <c r="CJ37" s="327">
        <v>0</v>
      </c>
      <c r="CK37" s="328">
        <v>775811</v>
      </c>
      <c r="CL37" s="330">
        <v>796627</v>
      </c>
      <c r="CM37" s="326">
        <v>0</v>
      </c>
      <c r="CN37" s="327">
        <v>0</v>
      </c>
      <c r="CO37" s="328">
        <v>0</v>
      </c>
      <c r="CP37" s="332">
        <v>0</v>
      </c>
      <c r="CQ37" s="327">
        <v>171176</v>
      </c>
      <c r="CR37" s="327">
        <v>330328</v>
      </c>
      <c r="CS37" s="327">
        <v>155936</v>
      </c>
      <c r="CT37" s="327">
        <v>3832</v>
      </c>
      <c r="CU37" s="327">
        <v>0</v>
      </c>
      <c r="CV37" s="328">
        <v>661272</v>
      </c>
      <c r="CW37" s="330">
        <v>661272</v>
      </c>
      <c r="CX37" s="326">
        <v>20816</v>
      </c>
      <c r="CY37" s="327">
        <v>0</v>
      </c>
      <c r="CZ37" s="328">
        <v>20816</v>
      </c>
      <c r="DA37" s="326">
        <v>0</v>
      </c>
      <c r="DB37" s="327">
        <v>0</v>
      </c>
      <c r="DC37" s="327">
        <v>114539</v>
      </c>
      <c r="DD37" s="327">
        <v>0</v>
      </c>
      <c r="DE37" s="327">
        <v>0</v>
      </c>
      <c r="DF37" s="327">
        <v>0</v>
      </c>
      <c r="DG37" s="328">
        <v>114539</v>
      </c>
      <c r="DH37" s="330">
        <v>135355</v>
      </c>
      <c r="DI37" s="326">
        <v>0</v>
      </c>
      <c r="DJ37" s="327">
        <v>0</v>
      </c>
      <c r="DK37" s="331">
        <v>0</v>
      </c>
      <c r="DL37" s="332">
        <v>0</v>
      </c>
      <c r="DM37" s="327">
        <v>0</v>
      </c>
      <c r="DN37" s="327">
        <v>15706</v>
      </c>
      <c r="DO37" s="327">
        <v>14912</v>
      </c>
      <c r="DP37" s="327">
        <v>0</v>
      </c>
      <c r="DQ37" s="327">
        <v>0</v>
      </c>
      <c r="DR37" s="328">
        <v>30618</v>
      </c>
      <c r="DS37" s="330">
        <v>30618</v>
      </c>
      <c r="DT37" s="326">
        <v>0</v>
      </c>
      <c r="DU37" s="327">
        <v>0</v>
      </c>
      <c r="DV37" s="328">
        <v>0</v>
      </c>
      <c r="DW37" s="326">
        <v>0</v>
      </c>
      <c r="DX37" s="327">
        <v>0</v>
      </c>
      <c r="DY37" s="327">
        <v>15706</v>
      </c>
      <c r="DZ37" s="327">
        <v>14912</v>
      </c>
      <c r="EA37" s="327">
        <v>0</v>
      </c>
      <c r="EB37" s="327">
        <v>0</v>
      </c>
      <c r="EC37" s="328">
        <v>30618</v>
      </c>
      <c r="ED37" s="330">
        <v>30618</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332">
        <v>0</v>
      </c>
      <c r="FE37" s="327">
        <v>0</v>
      </c>
      <c r="FF37" s="327">
        <v>0</v>
      </c>
      <c r="FG37" s="327">
        <v>0</v>
      </c>
      <c r="FH37" s="327">
        <v>0</v>
      </c>
      <c r="FI37" s="327">
        <v>0</v>
      </c>
      <c r="FJ37" s="328">
        <v>0</v>
      </c>
      <c r="FK37" s="330">
        <v>0</v>
      </c>
      <c r="FL37" s="326">
        <v>4000</v>
      </c>
      <c r="FM37" s="327">
        <v>24800</v>
      </c>
      <c r="FN37" s="328">
        <v>28800</v>
      </c>
      <c r="FO37" s="326">
        <v>0</v>
      </c>
      <c r="FP37" s="327">
        <v>73552</v>
      </c>
      <c r="FQ37" s="327">
        <v>110184</v>
      </c>
      <c r="FR37" s="327">
        <v>46728</v>
      </c>
      <c r="FS37" s="327">
        <v>9856</v>
      </c>
      <c r="FT37" s="327">
        <v>22720</v>
      </c>
      <c r="FU37" s="328">
        <v>263040</v>
      </c>
      <c r="FV37" s="330">
        <v>291840</v>
      </c>
      <c r="FW37" s="333">
        <v>4000</v>
      </c>
      <c r="FX37" s="327">
        <v>24800</v>
      </c>
      <c r="FY37" s="331">
        <v>28800</v>
      </c>
      <c r="FZ37" s="332">
        <v>0</v>
      </c>
      <c r="GA37" s="327">
        <v>73552</v>
      </c>
      <c r="GB37" s="327">
        <v>110184</v>
      </c>
      <c r="GC37" s="327">
        <v>46728</v>
      </c>
      <c r="GD37" s="327">
        <v>9856</v>
      </c>
      <c r="GE37" s="327">
        <v>22720</v>
      </c>
      <c r="GF37" s="328">
        <v>263040</v>
      </c>
      <c r="GG37" s="334">
        <v>291840</v>
      </c>
      <c r="GH37" s="333">
        <v>0</v>
      </c>
      <c r="GI37" s="327">
        <v>0</v>
      </c>
      <c r="GJ37" s="331">
        <v>0</v>
      </c>
      <c r="GK37" s="332">
        <v>0</v>
      </c>
      <c r="GL37" s="327">
        <v>0</v>
      </c>
      <c r="GM37" s="327">
        <v>0</v>
      </c>
      <c r="GN37" s="327">
        <v>0</v>
      </c>
      <c r="GO37" s="327">
        <v>0</v>
      </c>
      <c r="GP37" s="327">
        <v>0</v>
      </c>
      <c r="GQ37" s="328">
        <v>0</v>
      </c>
      <c r="GR37" s="330">
        <v>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151248</v>
      </c>
      <c r="HI37" s="327">
        <v>168928</v>
      </c>
      <c r="HJ37" s="327">
        <v>0</v>
      </c>
      <c r="HK37" s="327">
        <v>431283</v>
      </c>
      <c r="HL37" s="327">
        <v>0</v>
      </c>
      <c r="HM37" s="328">
        <v>751459</v>
      </c>
      <c r="HN37" s="329">
        <v>751459</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115744</v>
      </c>
      <c r="IE37" s="339">
        <v>145776</v>
      </c>
      <c r="IF37" s="337">
        <v>656080</v>
      </c>
      <c r="IG37" s="336">
        <v>816256</v>
      </c>
      <c r="IH37" s="337">
        <v>42677</v>
      </c>
      <c r="II37" s="340">
        <v>1776533</v>
      </c>
      <c r="IJ37" s="341">
        <v>1776533</v>
      </c>
      <c r="IK37" s="342">
        <v>0</v>
      </c>
      <c r="IL37" s="343">
        <v>0</v>
      </c>
      <c r="IM37" s="344">
        <v>0</v>
      </c>
      <c r="IN37" s="404">
        <v>0</v>
      </c>
      <c r="IO37" s="345">
        <v>0</v>
      </c>
      <c r="IP37" s="345">
        <v>0</v>
      </c>
      <c r="IQ37" s="345">
        <v>0</v>
      </c>
      <c r="IR37" s="345">
        <v>74448</v>
      </c>
      <c r="IS37" s="345">
        <v>0</v>
      </c>
      <c r="IT37" s="346">
        <v>74448</v>
      </c>
      <c r="IU37" s="347">
        <v>74448</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115744</v>
      </c>
      <c r="JL37" s="345">
        <v>145776</v>
      </c>
      <c r="JM37" s="345">
        <v>0</v>
      </c>
      <c r="JN37" s="345">
        <v>0</v>
      </c>
      <c r="JO37" s="345">
        <v>42677</v>
      </c>
      <c r="JP37" s="349">
        <v>304197</v>
      </c>
      <c r="JQ37" s="347">
        <v>304197</v>
      </c>
      <c r="JR37" s="348">
        <v>0</v>
      </c>
      <c r="JS37" s="345">
        <v>0</v>
      </c>
      <c r="JT37" s="346">
        <v>0</v>
      </c>
      <c r="JU37" s="351">
        <v>0</v>
      </c>
      <c r="JV37" s="345">
        <v>0</v>
      </c>
      <c r="JW37" s="345">
        <v>0</v>
      </c>
      <c r="JX37" s="345">
        <v>0</v>
      </c>
      <c r="JY37" s="345">
        <v>0</v>
      </c>
      <c r="JZ37" s="345">
        <v>0</v>
      </c>
      <c r="KA37" s="349">
        <v>0</v>
      </c>
      <c r="KB37" s="347">
        <v>0</v>
      </c>
      <c r="KC37" s="352">
        <v>0</v>
      </c>
      <c r="KD37" s="353">
        <v>0</v>
      </c>
      <c r="KE37" s="349">
        <v>0</v>
      </c>
      <c r="KF37" s="351">
        <v>0</v>
      </c>
      <c r="KG37" s="345">
        <v>0</v>
      </c>
      <c r="KH37" s="345">
        <v>0</v>
      </c>
      <c r="KI37" s="345">
        <v>0</v>
      </c>
      <c r="KJ37" s="345">
        <v>0</v>
      </c>
      <c r="KK37" s="345">
        <v>0</v>
      </c>
      <c r="KL37" s="349">
        <v>0</v>
      </c>
      <c r="KM37" s="354">
        <v>0</v>
      </c>
      <c r="KN37" s="342">
        <v>0</v>
      </c>
      <c r="KO37" s="343">
        <v>0</v>
      </c>
      <c r="KP37" s="344">
        <v>0</v>
      </c>
      <c r="KQ37" s="404">
        <v>0</v>
      </c>
      <c r="KR37" s="345">
        <v>0</v>
      </c>
      <c r="KS37" s="345">
        <v>0</v>
      </c>
      <c r="KT37" s="345">
        <v>240032</v>
      </c>
      <c r="KU37" s="345">
        <v>741808</v>
      </c>
      <c r="KV37" s="345">
        <v>0</v>
      </c>
      <c r="KW37" s="349">
        <v>981840</v>
      </c>
      <c r="KX37" s="347">
        <v>981840</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416048</v>
      </c>
      <c r="LQ37" s="345">
        <v>0</v>
      </c>
      <c r="LR37" s="345">
        <v>0</v>
      </c>
      <c r="LS37" s="349">
        <v>416048</v>
      </c>
      <c r="LT37" s="347">
        <v>416048</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256083</v>
      </c>
      <c r="MN37" s="345">
        <v>0</v>
      </c>
      <c r="MO37" s="349">
        <v>256083</v>
      </c>
      <c r="MP37" s="354">
        <v>256083</v>
      </c>
      <c r="MQ37" s="348">
        <v>0</v>
      </c>
      <c r="MR37" s="345">
        <v>0</v>
      </c>
      <c r="MS37" s="349">
        <v>0</v>
      </c>
      <c r="MT37" s="404">
        <v>0</v>
      </c>
      <c r="MU37" s="345">
        <v>0</v>
      </c>
      <c r="MV37" s="345">
        <v>0</v>
      </c>
      <c r="MW37" s="345">
        <v>0</v>
      </c>
      <c r="MX37" s="345">
        <v>256083</v>
      </c>
      <c r="MY37" s="345">
        <v>0</v>
      </c>
      <c r="MZ37" s="349">
        <v>256083</v>
      </c>
      <c r="NA37" s="354">
        <v>256083</v>
      </c>
      <c r="NB37" s="348">
        <v>0</v>
      </c>
      <c r="NC37" s="345">
        <v>0</v>
      </c>
      <c r="ND37" s="349">
        <v>0</v>
      </c>
      <c r="NE37" s="404">
        <v>0</v>
      </c>
      <c r="NF37" s="345">
        <v>0</v>
      </c>
      <c r="NG37" s="345">
        <v>0</v>
      </c>
      <c r="NH37" s="345">
        <v>0</v>
      </c>
      <c r="NI37" s="345">
        <v>0</v>
      </c>
      <c r="NJ37" s="345">
        <v>0</v>
      </c>
      <c r="NK37" s="349">
        <v>0</v>
      </c>
      <c r="NL37" s="347">
        <v>0</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46240</v>
      </c>
      <c r="OJ37" s="345">
        <v>24800</v>
      </c>
      <c r="OK37" s="346">
        <v>71040</v>
      </c>
      <c r="OL37" s="351">
        <v>0</v>
      </c>
      <c r="OM37" s="345">
        <v>769852</v>
      </c>
      <c r="ON37" s="345">
        <v>1296212</v>
      </c>
      <c r="OO37" s="345">
        <v>991552</v>
      </c>
      <c r="OP37" s="345">
        <v>1607590</v>
      </c>
      <c r="OQ37" s="345">
        <v>307578</v>
      </c>
      <c r="OR37" s="349">
        <v>4972784</v>
      </c>
      <c r="OS37" s="354">
        <v>5043824</v>
      </c>
    </row>
    <row r="38" spans="2:409" s="70" customFormat="1" ht="21" customHeight="1" x14ac:dyDescent="0.2">
      <c r="B38" s="410" t="s">
        <v>33</v>
      </c>
      <c r="C38" s="326">
        <v>64064</v>
      </c>
      <c r="D38" s="327">
        <v>37100</v>
      </c>
      <c r="E38" s="328">
        <v>101164</v>
      </c>
      <c r="F38" s="329">
        <v>0</v>
      </c>
      <c r="G38" s="327">
        <v>225948</v>
      </c>
      <c r="H38" s="327">
        <v>0</v>
      </c>
      <c r="I38" s="327">
        <v>261397</v>
      </c>
      <c r="J38" s="327">
        <v>0</v>
      </c>
      <c r="K38" s="327">
        <v>257760</v>
      </c>
      <c r="L38" s="367">
        <v>745105</v>
      </c>
      <c r="M38" s="330">
        <v>846269</v>
      </c>
      <c r="N38" s="326">
        <v>59360</v>
      </c>
      <c r="O38" s="327">
        <v>37100</v>
      </c>
      <c r="P38" s="328">
        <v>96460</v>
      </c>
      <c r="Q38" s="326">
        <v>0</v>
      </c>
      <c r="R38" s="327">
        <v>151955</v>
      </c>
      <c r="S38" s="327">
        <v>0</v>
      </c>
      <c r="T38" s="327">
        <v>175249</v>
      </c>
      <c r="U38" s="327">
        <v>0</v>
      </c>
      <c r="V38" s="327">
        <v>0</v>
      </c>
      <c r="W38" s="328">
        <v>327204</v>
      </c>
      <c r="X38" s="330">
        <v>423664</v>
      </c>
      <c r="Y38" s="326">
        <v>0</v>
      </c>
      <c r="Z38" s="327">
        <v>0</v>
      </c>
      <c r="AA38" s="328">
        <v>0</v>
      </c>
      <c r="AB38" s="326">
        <v>0</v>
      </c>
      <c r="AC38" s="327">
        <v>41484</v>
      </c>
      <c r="AD38" s="327">
        <v>0</v>
      </c>
      <c r="AE38" s="327">
        <v>41223</v>
      </c>
      <c r="AF38" s="327">
        <v>0</v>
      </c>
      <c r="AG38" s="327">
        <v>0</v>
      </c>
      <c r="AH38" s="328">
        <v>82707</v>
      </c>
      <c r="AI38" s="330">
        <v>82707</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27263</v>
      </c>
      <c r="AZ38" s="327">
        <v>0</v>
      </c>
      <c r="BA38" s="327">
        <v>45512</v>
      </c>
      <c r="BB38" s="327">
        <v>0</v>
      </c>
      <c r="BC38" s="327">
        <v>0</v>
      </c>
      <c r="BD38" s="328">
        <v>72775</v>
      </c>
      <c r="BE38" s="330">
        <v>72775</v>
      </c>
      <c r="BF38" s="326">
        <v>59360</v>
      </c>
      <c r="BG38" s="327">
        <v>37100</v>
      </c>
      <c r="BH38" s="331">
        <v>96460</v>
      </c>
      <c r="BI38" s="332">
        <v>0</v>
      </c>
      <c r="BJ38" s="327">
        <v>74280</v>
      </c>
      <c r="BK38" s="327">
        <v>0</v>
      </c>
      <c r="BL38" s="327">
        <v>69170</v>
      </c>
      <c r="BM38" s="327">
        <v>0</v>
      </c>
      <c r="BN38" s="327">
        <v>0</v>
      </c>
      <c r="BO38" s="328">
        <v>143450</v>
      </c>
      <c r="BP38" s="330">
        <v>239910</v>
      </c>
      <c r="BQ38" s="326">
        <v>0</v>
      </c>
      <c r="BR38" s="327">
        <v>0</v>
      </c>
      <c r="BS38" s="328">
        <v>0</v>
      </c>
      <c r="BT38" s="326">
        <v>0</v>
      </c>
      <c r="BU38" s="327">
        <v>8928</v>
      </c>
      <c r="BV38" s="327">
        <v>0</v>
      </c>
      <c r="BW38" s="327">
        <v>19344</v>
      </c>
      <c r="BX38" s="327">
        <v>0</v>
      </c>
      <c r="BY38" s="327">
        <v>0</v>
      </c>
      <c r="BZ38" s="328">
        <v>28272</v>
      </c>
      <c r="CA38" s="330">
        <v>28272</v>
      </c>
      <c r="CB38" s="326">
        <v>0</v>
      </c>
      <c r="CC38" s="327">
        <v>0</v>
      </c>
      <c r="CD38" s="328">
        <v>0</v>
      </c>
      <c r="CE38" s="326">
        <v>0</v>
      </c>
      <c r="CF38" s="327">
        <v>48353</v>
      </c>
      <c r="CG38" s="327">
        <v>0</v>
      </c>
      <c r="CH38" s="327">
        <v>0</v>
      </c>
      <c r="CI38" s="327">
        <v>0</v>
      </c>
      <c r="CJ38" s="327">
        <v>0</v>
      </c>
      <c r="CK38" s="328">
        <v>48353</v>
      </c>
      <c r="CL38" s="330">
        <v>48353</v>
      </c>
      <c r="CM38" s="326">
        <v>0</v>
      </c>
      <c r="CN38" s="327">
        <v>0</v>
      </c>
      <c r="CO38" s="328">
        <v>0</v>
      </c>
      <c r="CP38" s="332">
        <v>0</v>
      </c>
      <c r="CQ38" s="327">
        <v>48353</v>
      </c>
      <c r="CR38" s="327">
        <v>0</v>
      </c>
      <c r="CS38" s="327">
        <v>0</v>
      </c>
      <c r="CT38" s="327">
        <v>0</v>
      </c>
      <c r="CU38" s="327">
        <v>0</v>
      </c>
      <c r="CV38" s="328">
        <v>48353</v>
      </c>
      <c r="CW38" s="330">
        <v>48353</v>
      </c>
      <c r="CX38" s="326">
        <v>0</v>
      </c>
      <c r="CY38" s="327">
        <v>0</v>
      </c>
      <c r="CZ38" s="328">
        <v>0</v>
      </c>
      <c r="DA38" s="326">
        <v>0</v>
      </c>
      <c r="DB38" s="327">
        <v>0</v>
      </c>
      <c r="DC38" s="327">
        <v>0</v>
      </c>
      <c r="DD38" s="327">
        <v>0</v>
      </c>
      <c r="DE38" s="327">
        <v>0</v>
      </c>
      <c r="DF38" s="327">
        <v>0</v>
      </c>
      <c r="DG38" s="328">
        <v>0</v>
      </c>
      <c r="DH38" s="330">
        <v>0</v>
      </c>
      <c r="DI38" s="326">
        <v>0</v>
      </c>
      <c r="DJ38" s="327">
        <v>0</v>
      </c>
      <c r="DK38" s="331">
        <v>0</v>
      </c>
      <c r="DL38" s="332">
        <v>0</v>
      </c>
      <c r="DM38" s="327">
        <v>0</v>
      </c>
      <c r="DN38" s="327">
        <v>0</v>
      </c>
      <c r="DO38" s="327">
        <v>0</v>
      </c>
      <c r="DP38" s="327">
        <v>0</v>
      </c>
      <c r="DQ38" s="327">
        <v>257760</v>
      </c>
      <c r="DR38" s="328">
        <v>257760</v>
      </c>
      <c r="DS38" s="330">
        <v>257760</v>
      </c>
      <c r="DT38" s="326">
        <v>0</v>
      </c>
      <c r="DU38" s="327">
        <v>0</v>
      </c>
      <c r="DV38" s="328">
        <v>0</v>
      </c>
      <c r="DW38" s="326">
        <v>0</v>
      </c>
      <c r="DX38" s="327">
        <v>0</v>
      </c>
      <c r="DY38" s="327">
        <v>0</v>
      </c>
      <c r="DZ38" s="327">
        <v>0</v>
      </c>
      <c r="EA38" s="327">
        <v>0</v>
      </c>
      <c r="EB38" s="327">
        <v>257760</v>
      </c>
      <c r="EC38" s="328">
        <v>257760</v>
      </c>
      <c r="ED38" s="330">
        <v>257760</v>
      </c>
      <c r="EE38" s="326">
        <v>0</v>
      </c>
      <c r="EF38" s="331">
        <v>0</v>
      </c>
      <c r="EG38" s="328">
        <v>0</v>
      </c>
      <c r="EH38" s="326">
        <v>0</v>
      </c>
      <c r="EI38" s="327">
        <v>0</v>
      </c>
      <c r="EJ38" s="327">
        <v>0</v>
      </c>
      <c r="EK38" s="327">
        <v>0</v>
      </c>
      <c r="EL38" s="327">
        <v>0</v>
      </c>
      <c r="EM38" s="327">
        <v>0</v>
      </c>
      <c r="EN38" s="331">
        <v>0</v>
      </c>
      <c r="EO38" s="330">
        <v>0</v>
      </c>
      <c r="EP38" s="326">
        <v>0</v>
      </c>
      <c r="EQ38" s="327">
        <v>0</v>
      </c>
      <c r="ER38" s="331">
        <v>0</v>
      </c>
      <c r="ES38" s="332">
        <v>0</v>
      </c>
      <c r="ET38" s="327">
        <v>0</v>
      </c>
      <c r="EU38" s="327">
        <v>0</v>
      </c>
      <c r="EV38" s="327">
        <v>0</v>
      </c>
      <c r="EW38" s="327">
        <v>0</v>
      </c>
      <c r="EX38" s="327">
        <v>0</v>
      </c>
      <c r="EY38" s="328">
        <v>0</v>
      </c>
      <c r="EZ38" s="330">
        <v>0</v>
      </c>
      <c r="FA38" s="326">
        <v>0</v>
      </c>
      <c r="FB38" s="327">
        <v>0</v>
      </c>
      <c r="FC38" s="331">
        <v>0</v>
      </c>
      <c r="FD38" s="332">
        <v>0</v>
      </c>
      <c r="FE38" s="327">
        <v>0</v>
      </c>
      <c r="FF38" s="327">
        <v>0</v>
      </c>
      <c r="FG38" s="327">
        <v>0</v>
      </c>
      <c r="FH38" s="327">
        <v>0</v>
      </c>
      <c r="FI38" s="327">
        <v>0</v>
      </c>
      <c r="FJ38" s="328">
        <v>0</v>
      </c>
      <c r="FK38" s="330">
        <v>0</v>
      </c>
      <c r="FL38" s="326">
        <v>4704</v>
      </c>
      <c r="FM38" s="327">
        <v>0</v>
      </c>
      <c r="FN38" s="328">
        <v>4704</v>
      </c>
      <c r="FO38" s="326">
        <v>0</v>
      </c>
      <c r="FP38" s="327">
        <v>25640</v>
      </c>
      <c r="FQ38" s="327">
        <v>0</v>
      </c>
      <c r="FR38" s="327">
        <v>0</v>
      </c>
      <c r="FS38" s="327">
        <v>0</v>
      </c>
      <c r="FT38" s="327">
        <v>0</v>
      </c>
      <c r="FU38" s="328">
        <v>25640</v>
      </c>
      <c r="FV38" s="330">
        <v>30344</v>
      </c>
      <c r="FW38" s="333">
        <v>4704</v>
      </c>
      <c r="FX38" s="327">
        <v>0</v>
      </c>
      <c r="FY38" s="331">
        <v>4704</v>
      </c>
      <c r="FZ38" s="332">
        <v>0</v>
      </c>
      <c r="GA38" s="327">
        <v>25640</v>
      </c>
      <c r="GB38" s="327">
        <v>0</v>
      </c>
      <c r="GC38" s="327">
        <v>0</v>
      </c>
      <c r="GD38" s="327">
        <v>0</v>
      </c>
      <c r="GE38" s="327">
        <v>0</v>
      </c>
      <c r="GF38" s="328">
        <v>25640</v>
      </c>
      <c r="GG38" s="334">
        <v>30344</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0</v>
      </c>
      <c r="HI38" s="327">
        <v>0</v>
      </c>
      <c r="HJ38" s="327">
        <v>86148</v>
      </c>
      <c r="HK38" s="327">
        <v>0</v>
      </c>
      <c r="HL38" s="327">
        <v>0</v>
      </c>
      <c r="HM38" s="328">
        <v>86148</v>
      </c>
      <c r="HN38" s="329">
        <v>86148</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121621</v>
      </c>
      <c r="IE38" s="339">
        <v>0</v>
      </c>
      <c r="IF38" s="337">
        <v>0</v>
      </c>
      <c r="IG38" s="336">
        <v>0</v>
      </c>
      <c r="IH38" s="337">
        <v>0</v>
      </c>
      <c r="II38" s="340">
        <v>121621</v>
      </c>
      <c r="IJ38" s="358">
        <v>121621</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121621</v>
      </c>
      <c r="JL38" s="345">
        <v>0</v>
      </c>
      <c r="JM38" s="345">
        <v>0</v>
      </c>
      <c r="JN38" s="345">
        <v>0</v>
      </c>
      <c r="JO38" s="345">
        <v>0</v>
      </c>
      <c r="JP38" s="349">
        <v>121621</v>
      </c>
      <c r="JQ38" s="347">
        <v>121621</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0</v>
      </c>
      <c r="KU38" s="345">
        <v>0</v>
      </c>
      <c r="KV38" s="345">
        <v>0</v>
      </c>
      <c r="KW38" s="349">
        <v>0</v>
      </c>
      <c r="KX38" s="347">
        <v>0</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0</v>
      </c>
      <c r="ML38" s="345">
        <v>599116</v>
      </c>
      <c r="MM38" s="345">
        <v>228263</v>
      </c>
      <c r="MN38" s="345">
        <v>0</v>
      </c>
      <c r="MO38" s="349">
        <v>827379</v>
      </c>
      <c r="MP38" s="354">
        <v>827379</v>
      </c>
      <c r="MQ38" s="348">
        <v>0</v>
      </c>
      <c r="MR38" s="345">
        <v>0</v>
      </c>
      <c r="MS38" s="349">
        <v>0</v>
      </c>
      <c r="MT38" s="404">
        <v>0</v>
      </c>
      <c r="MU38" s="345">
        <v>0</v>
      </c>
      <c r="MV38" s="345">
        <v>0</v>
      </c>
      <c r="MW38" s="345">
        <v>0</v>
      </c>
      <c r="MX38" s="345">
        <v>228263</v>
      </c>
      <c r="MY38" s="345">
        <v>0</v>
      </c>
      <c r="MZ38" s="349">
        <v>228263</v>
      </c>
      <c r="NA38" s="354">
        <v>228263</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0</v>
      </c>
      <c r="OD38" s="345">
        <v>599116</v>
      </c>
      <c r="OE38" s="345">
        <v>0</v>
      </c>
      <c r="OF38" s="345">
        <v>0</v>
      </c>
      <c r="OG38" s="349">
        <v>599116</v>
      </c>
      <c r="OH38" s="350">
        <v>599116</v>
      </c>
      <c r="OI38" s="348">
        <v>64064</v>
      </c>
      <c r="OJ38" s="345">
        <v>37100</v>
      </c>
      <c r="OK38" s="346">
        <v>101164</v>
      </c>
      <c r="OL38" s="351">
        <v>0</v>
      </c>
      <c r="OM38" s="345">
        <v>347569</v>
      </c>
      <c r="ON38" s="345">
        <v>0</v>
      </c>
      <c r="OO38" s="345">
        <v>860513</v>
      </c>
      <c r="OP38" s="345">
        <v>228263</v>
      </c>
      <c r="OQ38" s="345">
        <v>257760</v>
      </c>
      <c r="OR38" s="349">
        <v>1694105</v>
      </c>
      <c r="OS38" s="354">
        <v>1795269</v>
      </c>
    </row>
    <row r="39" spans="2:409" s="70" customFormat="1" ht="21" customHeight="1" x14ac:dyDescent="0.2">
      <c r="B39" s="410" t="s">
        <v>34</v>
      </c>
      <c r="C39" s="326">
        <v>0</v>
      </c>
      <c r="D39" s="327">
        <v>0</v>
      </c>
      <c r="E39" s="368">
        <v>0</v>
      </c>
      <c r="F39" s="370">
        <v>0</v>
      </c>
      <c r="G39" s="369">
        <v>103608</v>
      </c>
      <c r="H39" s="369">
        <v>447500</v>
      </c>
      <c r="I39" s="369">
        <v>53515</v>
      </c>
      <c r="J39" s="369">
        <v>0</v>
      </c>
      <c r="K39" s="369">
        <v>416724</v>
      </c>
      <c r="L39" s="370">
        <v>1021347</v>
      </c>
      <c r="M39" s="330">
        <v>1021347</v>
      </c>
      <c r="N39" s="326">
        <v>0</v>
      </c>
      <c r="O39" s="327">
        <v>0</v>
      </c>
      <c r="P39" s="328">
        <v>0</v>
      </c>
      <c r="Q39" s="326">
        <v>0</v>
      </c>
      <c r="R39" s="327">
        <v>19760</v>
      </c>
      <c r="S39" s="327">
        <v>134428</v>
      </c>
      <c r="T39" s="327">
        <v>0</v>
      </c>
      <c r="U39" s="327">
        <v>0</v>
      </c>
      <c r="V39" s="327">
        <v>171304</v>
      </c>
      <c r="W39" s="328">
        <v>325492</v>
      </c>
      <c r="X39" s="330">
        <v>325492</v>
      </c>
      <c r="Y39" s="326">
        <v>0</v>
      </c>
      <c r="Z39" s="327">
        <v>0</v>
      </c>
      <c r="AA39" s="328">
        <v>0</v>
      </c>
      <c r="AB39" s="326">
        <v>0</v>
      </c>
      <c r="AC39" s="327">
        <v>0</v>
      </c>
      <c r="AD39" s="327">
        <v>0</v>
      </c>
      <c r="AE39" s="327">
        <v>0</v>
      </c>
      <c r="AF39" s="327">
        <v>0</v>
      </c>
      <c r="AG39" s="327">
        <v>0</v>
      </c>
      <c r="AH39" s="328">
        <v>0</v>
      </c>
      <c r="AI39" s="330">
        <v>0</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19760</v>
      </c>
      <c r="AZ39" s="327">
        <v>104012</v>
      </c>
      <c r="BA39" s="327">
        <v>0</v>
      </c>
      <c r="BB39" s="327">
        <v>0</v>
      </c>
      <c r="BC39" s="327">
        <v>107416</v>
      </c>
      <c r="BD39" s="328">
        <v>231188</v>
      </c>
      <c r="BE39" s="330">
        <v>231188</v>
      </c>
      <c r="BF39" s="326">
        <v>0</v>
      </c>
      <c r="BG39" s="327">
        <v>0</v>
      </c>
      <c r="BH39" s="331">
        <v>0</v>
      </c>
      <c r="BI39" s="332">
        <v>0</v>
      </c>
      <c r="BJ39" s="327">
        <v>0</v>
      </c>
      <c r="BK39" s="327">
        <v>0</v>
      </c>
      <c r="BL39" s="327">
        <v>0</v>
      </c>
      <c r="BM39" s="327">
        <v>0</v>
      </c>
      <c r="BN39" s="327">
        <v>40192</v>
      </c>
      <c r="BO39" s="328">
        <v>40192</v>
      </c>
      <c r="BP39" s="330">
        <v>40192</v>
      </c>
      <c r="BQ39" s="326">
        <v>0</v>
      </c>
      <c r="BR39" s="327">
        <v>0</v>
      </c>
      <c r="BS39" s="328">
        <v>0</v>
      </c>
      <c r="BT39" s="326">
        <v>0</v>
      </c>
      <c r="BU39" s="327">
        <v>0</v>
      </c>
      <c r="BV39" s="327">
        <v>30416</v>
      </c>
      <c r="BW39" s="327">
        <v>0</v>
      </c>
      <c r="BX39" s="327">
        <v>0</v>
      </c>
      <c r="BY39" s="327">
        <v>23696</v>
      </c>
      <c r="BZ39" s="328">
        <v>54112</v>
      </c>
      <c r="CA39" s="330">
        <v>54112</v>
      </c>
      <c r="CB39" s="326">
        <v>0</v>
      </c>
      <c r="CC39" s="327">
        <v>0</v>
      </c>
      <c r="CD39" s="328">
        <v>0</v>
      </c>
      <c r="CE39" s="326">
        <v>0</v>
      </c>
      <c r="CF39" s="327">
        <v>74648</v>
      </c>
      <c r="CG39" s="327">
        <v>71768</v>
      </c>
      <c r="CH39" s="327">
        <v>33400</v>
      </c>
      <c r="CI39" s="327">
        <v>0</v>
      </c>
      <c r="CJ39" s="327">
        <v>0</v>
      </c>
      <c r="CK39" s="328">
        <v>179816</v>
      </c>
      <c r="CL39" s="330">
        <v>179816</v>
      </c>
      <c r="CM39" s="326">
        <v>0</v>
      </c>
      <c r="CN39" s="327">
        <v>0</v>
      </c>
      <c r="CO39" s="328">
        <v>0</v>
      </c>
      <c r="CP39" s="332">
        <v>0</v>
      </c>
      <c r="CQ39" s="327">
        <v>74648</v>
      </c>
      <c r="CR39" s="327">
        <v>71768</v>
      </c>
      <c r="CS39" s="327">
        <v>33400</v>
      </c>
      <c r="CT39" s="327">
        <v>0</v>
      </c>
      <c r="CU39" s="327">
        <v>0</v>
      </c>
      <c r="CV39" s="328">
        <v>179816</v>
      </c>
      <c r="CW39" s="330">
        <v>179816</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0</v>
      </c>
      <c r="DP39" s="327">
        <v>0</v>
      </c>
      <c r="DQ39" s="327">
        <v>0</v>
      </c>
      <c r="DR39" s="328">
        <v>0</v>
      </c>
      <c r="DS39" s="330">
        <v>0</v>
      </c>
      <c r="DT39" s="326">
        <v>0</v>
      </c>
      <c r="DU39" s="327">
        <v>0</v>
      </c>
      <c r="DV39" s="328">
        <v>0</v>
      </c>
      <c r="DW39" s="326">
        <v>0</v>
      </c>
      <c r="DX39" s="327">
        <v>0</v>
      </c>
      <c r="DY39" s="327">
        <v>0</v>
      </c>
      <c r="DZ39" s="327">
        <v>0</v>
      </c>
      <c r="EA39" s="327">
        <v>0</v>
      </c>
      <c r="EB39" s="327">
        <v>0</v>
      </c>
      <c r="EC39" s="328">
        <v>0</v>
      </c>
      <c r="ED39" s="330">
        <v>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332">
        <v>0</v>
      </c>
      <c r="FE39" s="327">
        <v>0</v>
      </c>
      <c r="FF39" s="327">
        <v>0</v>
      </c>
      <c r="FG39" s="327">
        <v>0</v>
      </c>
      <c r="FH39" s="327">
        <v>0</v>
      </c>
      <c r="FI39" s="327">
        <v>0</v>
      </c>
      <c r="FJ39" s="328">
        <v>0</v>
      </c>
      <c r="FK39" s="330">
        <v>0</v>
      </c>
      <c r="FL39" s="326">
        <v>0</v>
      </c>
      <c r="FM39" s="327">
        <v>0</v>
      </c>
      <c r="FN39" s="328">
        <v>0</v>
      </c>
      <c r="FO39" s="326">
        <v>0</v>
      </c>
      <c r="FP39" s="327">
        <v>9200</v>
      </c>
      <c r="FQ39" s="327">
        <v>75968</v>
      </c>
      <c r="FR39" s="327">
        <v>20115</v>
      </c>
      <c r="FS39" s="327">
        <v>0</v>
      </c>
      <c r="FT39" s="327">
        <v>14208</v>
      </c>
      <c r="FU39" s="328">
        <v>119491</v>
      </c>
      <c r="FV39" s="330">
        <v>119491</v>
      </c>
      <c r="FW39" s="333">
        <v>0</v>
      </c>
      <c r="FX39" s="327">
        <v>0</v>
      </c>
      <c r="FY39" s="331">
        <v>0</v>
      </c>
      <c r="FZ39" s="332">
        <v>0</v>
      </c>
      <c r="GA39" s="327">
        <v>9200</v>
      </c>
      <c r="GB39" s="327">
        <v>75968</v>
      </c>
      <c r="GC39" s="327">
        <v>12160</v>
      </c>
      <c r="GD39" s="327">
        <v>0</v>
      </c>
      <c r="GE39" s="327">
        <v>14208</v>
      </c>
      <c r="GF39" s="328">
        <v>111536</v>
      </c>
      <c r="GG39" s="334">
        <v>111536</v>
      </c>
      <c r="GH39" s="333">
        <v>0</v>
      </c>
      <c r="GI39" s="327">
        <v>0</v>
      </c>
      <c r="GJ39" s="331">
        <v>0</v>
      </c>
      <c r="GK39" s="332">
        <v>0</v>
      </c>
      <c r="GL39" s="327">
        <v>0</v>
      </c>
      <c r="GM39" s="327">
        <v>0</v>
      </c>
      <c r="GN39" s="327">
        <v>7955</v>
      </c>
      <c r="GO39" s="327">
        <v>0</v>
      </c>
      <c r="GP39" s="327">
        <v>0</v>
      </c>
      <c r="GQ39" s="328">
        <v>7955</v>
      </c>
      <c r="GR39" s="330">
        <v>7955</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165336</v>
      </c>
      <c r="HJ39" s="327">
        <v>0</v>
      </c>
      <c r="HK39" s="327">
        <v>0</v>
      </c>
      <c r="HL39" s="327">
        <v>231212</v>
      </c>
      <c r="HM39" s="328">
        <v>396548</v>
      </c>
      <c r="HN39" s="329">
        <v>396548</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57704</v>
      </c>
      <c r="IE39" s="339">
        <v>246768</v>
      </c>
      <c r="IF39" s="337">
        <v>464256</v>
      </c>
      <c r="IG39" s="336">
        <v>0</v>
      </c>
      <c r="IH39" s="337">
        <v>0</v>
      </c>
      <c r="II39" s="340">
        <v>768728</v>
      </c>
      <c r="IJ39" s="341">
        <v>768728</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57704</v>
      </c>
      <c r="JL39" s="345">
        <v>-89328</v>
      </c>
      <c r="JM39" s="345">
        <v>0</v>
      </c>
      <c r="JN39" s="345">
        <v>0</v>
      </c>
      <c r="JO39" s="345">
        <v>0</v>
      </c>
      <c r="JP39" s="349">
        <v>-31624</v>
      </c>
      <c r="JQ39" s="347">
        <v>-31624</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0</v>
      </c>
      <c r="KH39" s="345">
        <v>336096</v>
      </c>
      <c r="KI39" s="345">
        <v>464256</v>
      </c>
      <c r="KJ39" s="345">
        <v>0</v>
      </c>
      <c r="KK39" s="345">
        <v>0</v>
      </c>
      <c r="KL39" s="349">
        <v>800352</v>
      </c>
      <c r="KM39" s="354">
        <v>800352</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247016</v>
      </c>
      <c r="MM39" s="345">
        <v>238944</v>
      </c>
      <c r="MN39" s="345">
        <v>0</v>
      </c>
      <c r="MO39" s="349">
        <v>485960</v>
      </c>
      <c r="MP39" s="354">
        <v>485960</v>
      </c>
      <c r="MQ39" s="348">
        <v>0</v>
      </c>
      <c r="MR39" s="345">
        <v>0</v>
      </c>
      <c r="MS39" s="349">
        <v>0</v>
      </c>
      <c r="MT39" s="404">
        <v>0</v>
      </c>
      <c r="MU39" s="345">
        <v>0</v>
      </c>
      <c r="MV39" s="345">
        <v>0</v>
      </c>
      <c r="MW39" s="345">
        <v>0</v>
      </c>
      <c r="MX39" s="345">
        <v>238944</v>
      </c>
      <c r="MY39" s="345">
        <v>0</v>
      </c>
      <c r="MZ39" s="349">
        <v>238944</v>
      </c>
      <c r="NA39" s="354">
        <v>238944</v>
      </c>
      <c r="NB39" s="348">
        <v>0</v>
      </c>
      <c r="NC39" s="345">
        <v>0</v>
      </c>
      <c r="ND39" s="349">
        <v>0</v>
      </c>
      <c r="NE39" s="404">
        <v>0</v>
      </c>
      <c r="NF39" s="345">
        <v>0</v>
      </c>
      <c r="NG39" s="345">
        <v>0</v>
      </c>
      <c r="NH39" s="345">
        <v>247016</v>
      </c>
      <c r="NI39" s="345">
        <v>0</v>
      </c>
      <c r="NJ39" s="345">
        <v>0</v>
      </c>
      <c r="NK39" s="349">
        <v>247016</v>
      </c>
      <c r="NL39" s="347">
        <v>247016</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0</v>
      </c>
      <c r="OJ39" s="345">
        <v>0</v>
      </c>
      <c r="OK39" s="346">
        <v>0</v>
      </c>
      <c r="OL39" s="351">
        <v>0</v>
      </c>
      <c r="OM39" s="345">
        <v>161312</v>
      </c>
      <c r="ON39" s="345">
        <v>694268</v>
      </c>
      <c r="OO39" s="345">
        <v>764787</v>
      </c>
      <c r="OP39" s="345">
        <v>238944</v>
      </c>
      <c r="OQ39" s="345">
        <v>416724</v>
      </c>
      <c r="OR39" s="349">
        <v>2276035</v>
      </c>
      <c r="OS39" s="354">
        <v>2276035</v>
      </c>
    </row>
    <row r="40" spans="2:409" s="70" customFormat="1" ht="21" customHeight="1" x14ac:dyDescent="0.2">
      <c r="B40" s="410" t="s">
        <v>35</v>
      </c>
      <c r="C40" s="326">
        <v>128160</v>
      </c>
      <c r="D40" s="327">
        <v>74840</v>
      </c>
      <c r="E40" s="328">
        <v>203000</v>
      </c>
      <c r="F40" s="329">
        <v>0</v>
      </c>
      <c r="G40" s="327">
        <v>1235804</v>
      </c>
      <c r="H40" s="327">
        <v>906931</v>
      </c>
      <c r="I40" s="327">
        <v>738656</v>
      </c>
      <c r="J40" s="327">
        <v>1041741</v>
      </c>
      <c r="K40" s="327">
        <v>624595</v>
      </c>
      <c r="L40" s="367">
        <v>4547727</v>
      </c>
      <c r="M40" s="330">
        <v>4750727</v>
      </c>
      <c r="N40" s="326">
        <v>26288</v>
      </c>
      <c r="O40" s="327">
        <v>74840</v>
      </c>
      <c r="P40" s="328">
        <v>101128</v>
      </c>
      <c r="Q40" s="326">
        <v>0</v>
      </c>
      <c r="R40" s="327">
        <v>242751</v>
      </c>
      <c r="S40" s="327">
        <v>435480</v>
      </c>
      <c r="T40" s="327">
        <v>359624</v>
      </c>
      <c r="U40" s="327">
        <v>68544</v>
      </c>
      <c r="V40" s="327">
        <v>453272</v>
      </c>
      <c r="W40" s="328">
        <v>1559671</v>
      </c>
      <c r="X40" s="330">
        <v>1660799</v>
      </c>
      <c r="Y40" s="326">
        <v>0</v>
      </c>
      <c r="Z40" s="327">
        <v>0</v>
      </c>
      <c r="AA40" s="328">
        <v>0</v>
      </c>
      <c r="AB40" s="326">
        <v>0</v>
      </c>
      <c r="AC40" s="327">
        <v>51506</v>
      </c>
      <c r="AD40" s="327">
        <v>320776</v>
      </c>
      <c r="AE40" s="327">
        <v>121240</v>
      </c>
      <c r="AF40" s="327">
        <v>0</v>
      </c>
      <c r="AG40" s="327">
        <v>0</v>
      </c>
      <c r="AH40" s="328">
        <v>493522</v>
      </c>
      <c r="AI40" s="330">
        <v>493522</v>
      </c>
      <c r="AJ40" s="326">
        <v>0</v>
      </c>
      <c r="AK40" s="327">
        <v>0</v>
      </c>
      <c r="AL40" s="328">
        <v>0</v>
      </c>
      <c r="AM40" s="326">
        <v>0</v>
      </c>
      <c r="AN40" s="327">
        <v>0</v>
      </c>
      <c r="AO40" s="327">
        <v>0</v>
      </c>
      <c r="AP40" s="327">
        <v>46112</v>
      </c>
      <c r="AQ40" s="327">
        <v>0</v>
      </c>
      <c r="AR40" s="327">
        <v>46112</v>
      </c>
      <c r="AS40" s="328">
        <v>92224</v>
      </c>
      <c r="AT40" s="330">
        <v>92224</v>
      </c>
      <c r="AU40" s="326">
        <v>0</v>
      </c>
      <c r="AV40" s="327">
        <v>45656</v>
      </c>
      <c r="AW40" s="328">
        <v>45656</v>
      </c>
      <c r="AX40" s="326">
        <v>0</v>
      </c>
      <c r="AY40" s="327">
        <v>62997</v>
      </c>
      <c r="AZ40" s="327">
        <v>60040</v>
      </c>
      <c r="BA40" s="327">
        <v>158264</v>
      </c>
      <c r="BB40" s="327">
        <v>0</v>
      </c>
      <c r="BC40" s="327">
        <v>366856</v>
      </c>
      <c r="BD40" s="328">
        <v>648157</v>
      </c>
      <c r="BE40" s="330">
        <v>693813</v>
      </c>
      <c r="BF40" s="326">
        <v>15344</v>
      </c>
      <c r="BG40" s="327">
        <v>29184</v>
      </c>
      <c r="BH40" s="331">
        <v>44528</v>
      </c>
      <c r="BI40" s="332">
        <v>0</v>
      </c>
      <c r="BJ40" s="327">
        <v>89360</v>
      </c>
      <c r="BK40" s="327">
        <v>0</v>
      </c>
      <c r="BL40" s="327">
        <v>0</v>
      </c>
      <c r="BM40" s="327">
        <v>0</v>
      </c>
      <c r="BN40" s="327">
        <v>10048</v>
      </c>
      <c r="BO40" s="328">
        <v>99408</v>
      </c>
      <c r="BP40" s="330">
        <v>143936</v>
      </c>
      <c r="BQ40" s="326">
        <v>10944</v>
      </c>
      <c r="BR40" s="327">
        <v>0</v>
      </c>
      <c r="BS40" s="328">
        <v>10944</v>
      </c>
      <c r="BT40" s="326">
        <v>0</v>
      </c>
      <c r="BU40" s="327">
        <v>38888</v>
      </c>
      <c r="BV40" s="327">
        <v>54664</v>
      </c>
      <c r="BW40" s="327">
        <v>34008</v>
      </c>
      <c r="BX40" s="327">
        <v>68544</v>
      </c>
      <c r="BY40" s="327">
        <v>30256</v>
      </c>
      <c r="BZ40" s="328">
        <v>226360</v>
      </c>
      <c r="CA40" s="330">
        <v>237304</v>
      </c>
      <c r="CB40" s="326">
        <v>41024</v>
      </c>
      <c r="CC40" s="327">
        <v>0</v>
      </c>
      <c r="CD40" s="328">
        <v>41024</v>
      </c>
      <c r="CE40" s="326">
        <v>0</v>
      </c>
      <c r="CF40" s="327">
        <v>504405</v>
      </c>
      <c r="CG40" s="327">
        <v>177140</v>
      </c>
      <c r="CH40" s="327">
        <v>117128</v>
      </c>
      <c r="CI40" s="327">
        <v>125192</v>
      </c>
      <c r="CJ40" s="327">
        <v>0</v>
      </c>
      <c r="CK40" s="328">
        <v>923865</v>
      </c>
      <c r="CL40" s="330">
        <v>964889</v>
      </c>
      <c r="CM40" s="326">
        <v>0</v>
      </c>
      <c r="CN40" s="327">
        <v>0</v>
      </c>
      <c r="CO40" s="328">
        <v>0</v>
      </c>
      <c r="CP40" s="332">
        <v>0</v>
      </c>
      <c r="CQ40" s="327">
        <v>284632</v>
      </c>
      <c r="CR40" s="327">
        <v>105284</v>
      </c>
      <c r="CS40" s="327">
        <v>26896</v>
      </c>
      <c r="CT40" s="327">
        <v>0</v>
      </c>
      <c r="CU40" s="327">
        <v>0</v>
      </c>
      <c r="CV40" s="328">
        <v>416812</v>
      </c>
      <c r="CW40" s="330">
        <v>416812</v>
      </c>
      <c r="CX40" s="326">
        <v>41024</v>
      </c>
      <c r="CY40" s="327">
        <v>0</v>
      </c>
      <c r="CZ40" s="328">
        <v>41024</v>
      </c>
      <c r="DA40" s="326">
        <v>0</v>
      </c>
      <c r="DB40" s="327">
        <v>219773</v>
      </c>
      <c r="DC40" s="327">
        <v>71856</v>
      </c>
      <c r="DD40" s="327">
        <v>90232</v>
      </c>
      <c r="DE40" s="327">
        <v>125192</v>
      </c>
      <c r="DF40" s="327">
        <v>0</v>
      </c>
      <c r="DG40" s="328">
        <v>507053</v>
      </c>
      <c r="DH40" s="330">
        <v>548077</v>
      </c>
      <c r="DI40" s="326">
        <v>0</v>
      </c>
      <c r="DJ40" s="327">
        <v>0</v>
      </c>
      <c r="DK40" s="331">
        <v>0</v>
      </c>
      <c r="DL40" s="332">
        <v>0</v>
      </c>
      <c r="DM40" s="327">
        <v>0</v>
      </c>
      <c r="DN40" s="327">
        <v>0</v>
      </c>
      <c r="DO40" s="327">
        <v>0</v>
      </c>
      <c r="DP40" s="327">
        <v>0</v>
      </c>
      <c r="DQ40" s="327">
        <v>0</v>
      </c>
      <c r="DR40" s="328">
        <v>0</v>
      </c>
      <c r="DS40" s="330">
        <v>0</v>
      </c>
      <c r="DT40" s="326">
        <v>0</v>
      </c>
      <c r="DU40" s="327">
        <v>0</v>
      </c>
      <c r="DV40" s="328">
        <v>0</v>
      </c>
      <c r="DW40" s="326">
        <v>0</v>
      </c>
      <c r="DX40" s="327">
        <v>0</v>
      </c>
      <c r="DY40" s="327">
        <v>0</v>
      </c>
      <c r="DZ40" s="327">
        <v>0</v>
      </c>
      <c r="EA40" s="327">
        <v>0</v>
      </c>
      <c r="EB40" s="327">
        <v>0</v>
      </c>
      <c r="EC40" s="328">
        <v>0</v>
      </c>
      <c r="ED40" s="330">
        <v>0</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332">
        <v>0</v>
      </c>
      <c r="FE40" s="327">
        <v>0</v>
      </c>
      <c r="FF40" s="327">
        <v>0</v>
      </c>
      <c r="FG40" s="327">
        <v>0</v>
      </c>
      <c r="FH40" s="327">
        <v>0</v>
      </c>
      <c r="FI40" s="327">
        <v>0</v>
      </c>
      <c r="FJ40" s="328">
        <v>0</v>
      </c>
      <c r="FK40" s="330">
        <v>0</v>
      </c>
      <c r="FL40" s="326">
        <v>4000</v>
      </c>
      <c r="FM40" s="327">
        <v>0</v>
      </c>
      <c r="FN40" s="328">
        <v>4000</v>
      </c>
      <c r="FO40" s="326">
        <v>0</v>
      </c>
      <c r="FP40" s="327">
        <v>36520</v>
      </c>
      <c r="FQ40" s="327">
        <v>106832</v>
      </c>
      <c r="FR40" s="327">
        <v>67552</v>
      </c>
      <c r="FS40" s="327">
        <v>18000</v>
      </c>
      <c r="FT40" s="327">
        <v>56680</v>
      </c>
      <c r="FU40" s="328">
        <v>285584</v>
      </c>
      <c r="FV40" s="330">
        <v>289584</v>
      </c>
      <c r="FW40" s="333">
        <v>4000</v>
      </c>
      <c r="FX40" s="327">
        <v>0</v>
      </c>
      <c r="FY40" s="331">
        <v>4000</v>
      </c>
      <c r="FZ40" s="332">
        <v>0</v>
      </c>
      <c r="GA40" s="327">
        <v>36520</v>
      </c>
      <c r="GB40" s="327">
        <v>106832</v>
      </c>
      <c r="GC40" s="327">
        <v>67552</v>
      </c>
      <c r="GD40" s="327">
        <v>18000</v>
      </c>
      <c r="GE40" s="327">
        <v>56680</v>
      </c>
      <c r="GF40" s="328">
        <v>285584</v>
      </c>
      <c r="GG40" s="334">
        <v>289584</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0</v>
      </c>
      <c r="GY40" s="327">
        <v>0</v>
      </c>
      <c r="GZ40" s="327">
        <v>0</v>
      </c>
      <c r="HA40" s="327">
        <v>0</v>
      </c>
      <c r="HB40" s="331">
        <v>0</v>
      </c>
      <c r="HC40" s="330">
        <v>0</v>
      </c>
      <c r="HD40" s="326">
        <v>56848</v>
      </c>
      <c r="HE40" s="327">
        <v>0</v>
      </c>
      <c r="HF40" s="331">
        <v>56848</v>
      </c>
      <c r="HG40" s="332">
        <v>0</v>
      </c>
      <c r="HH40" s="327">
        <v>452128</v>
      </c>
      <c r="HI40" s="327">
        <v>187479</v>
      </c>
      <c r="HJ40" s="327">
        <v>194352</v>
      </c>
      <c r="HK40" s="327">
        <v>830005</v>
      </c>
      <c r="HL40" s="327">
        <v>114643</v>
      </c>
      <c r="HM40" s="328">
        <v>1778607</v>
      </c>
      <c r="HN40" s="329">
        <v>1835455</v>
      </c>
      <c r="HO40" s="333">
        <v>0</v>
      </c>
      <c r="HP40" s="327">
        <v>0</v>
      </c>
      <c r="HQ40" s="328">
        <v>0</v>
      </c>
      <c r="HR40" s="326">
        <v>0</v>
      </c>
      <c r="HS40" s="327">
        <v>0</v>
      </c>
      <c r="HT40" s="327">
        <v>0</v>
      </c>
      <c r="HU40" s="327">
        <v>0</v>
      </c>
      <c r="HV40" s="327">
        <v>0</v>
      </c>
      <c r="HW40" s="327">
        <v>0</v>
      </c>
      <c r="HX40" s="331">
        <v>0</v>
      </c>
      <c r="HY40" s="330">
        <v>0</v>
      </c>
      <c r="HZ40" s="358">
        <v>0</v>
      </c>
      <c r="IA40" s="356">
        <v>0</v>
      </c>
      <c r="IB40" s="358">
        <v>0</v>
      </c>
      <c r="IC40" s="338">
        <v>0</v>
      </c>
      <c r="ID40" s="336">
        <v>0</v>
      </c>
      <c r="IE40" s="339">
        <v>410144</v>
      </c>
      <c r="IF40" s="337">
        <v>151112</v>
      </c>
      <c r="IG40" s="336">
        <v>0</v>
      </c>
      <c r="IH40" s="337">
        <v>0</v>
      </c>
      <c r="II40" s="340">
        <v>561256</v>
      </c>
      <c r="IJ40" s="358">
        <v>561256</v>
      </c>
      <c r="IK40" s="342">
        <v>0</v>
      </c>
      <c r="IL40" s="343">
        <v>0</v>
      </c>
      <c r="IM40" s="344">
        <v>0</v>
      </c>
      <c r="IN40" s="404">
        <v>0</v>
      </c>
      <c r="IO40" s="345">
        <v>0</v>
      </c>
      <c r="IP40" s="345">
        <v>0</v>
      </c>
      <c r="IQ40" s="345">
        <v>151112</v>
      </c>
      <c r="IR40" s="345">
        <v>0</v>
      </c>
      <c r="IS40" s="345">
        <v>0</v>
      </c>
      <c r="IT40" s="346">
        <v>151112</v>
      </c>
      <c r="IU40" s="347">
        <v>151112</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0</v>
      </c>
      <c r="JL40" s="345">
        <v>0</v>
      </c>
      <c r="JM40" s="345">
        <v>0</v>
      </c>
      <c r="JN40" s="345">
        <v>0</v>
      </c>
      <c r="JO40" s="345">
        <v>0</v>
      </c>
      <c r="JP40" s="349">
        <v>0</v>
      </c>
      <c r="JQ40" s="347">
        <v>0</v>
      </c>
      <c r="JR40" s="348">
        <v>0</v>
      </c>
      <c r="JS40" s="345">
        <v>0</v>
      </c>
      <c r="JT40" s="346">
        <v>0</v>
      </c>
      <c r="JU40" s="351">
        <v>0</v>
      </c>
      <c r="JV40" s="345">
        <v>0</v>
      </c>
      <c r="JW40" s="345">
        <v>0</v>
      </c>
      <c r="JX40" s="345">
        <v>0</v>
      </c>
      <c r="JY40" s="345">
        <v>0</v>
      </c>
      <c r="JZ40" s="345">
        <v>0</v>
      </c>
      <c r="KA40" s="349">
        <v>0</v>
      </c>
      <c r="KB40" s="347">
        <v>0</v>
      </c>
      <c r="KC40" s="352">
        <v>0</v>
      </c>
      <c r="KD40" s="353">
        <v>0</v>
      </c>
      <c r="KE40" s="349">
        <v>0</v>
      </c>
      <c r="KF40" s="351">
        <v>0</v>
      </c>
      <c r="KG40" s="345">
        <v>0</v>
      </c>
      <c r="KH40" s="345">
        <v>0</v>
      </c>
      <c r="KI40" s="345">
        <v>0</v>
      </c>
      <c r="KJ40" s="345">
        <v>0</v>
      </c>
      <c r="KK40" s="345">
        <v>0</v>
      </c>
      <c r="KL40" s="349">
        <v>0</v>
      </c>
      <c r="KM40" s="354">
        <v>0</v>
      </c>
      <c r="KN40" s="342">
        <v>0</v>
      </c>
      <c r="KO40" s="343">
        <v>0</v>
      </c>
      <c r="KP40" s="344">
        <v>0</v>
      </c>
      <c r="KQ40" s="404">
        <v>0</v>
      </c>
      <c r="KR40" s="345">
        <v>0</v>
      </c>
      <c r="KS40" s="345">
        <v>410144</v>
      </c>
      <c r="KT40" s="345">
        <v>0</v>
      </c>
      <c r="KU40" s="345">
        <v>0</v>
      </c>
      <c r="KV40" s="345">
        <v>0</v>
      </c>
      <c r="KW40" s="349">
        <v>410144</v>
      </c>
      <c r="KX40" s="347">
        <v>410144</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242304</v>
      </c>
      <c r="MK40" s="345">
        <v>0</v>
      </c>
      <c r="ML40" s="345">
        <v>522416</v>
      </c>
      <c r="MM40" s="345">
        <v>274896</v>
      </c>
      <c r="MN40" s="345">
        <v>1220650</v>
      </c>
      <c r="MO40" s="349">
        <v>2260266</v>
      </c>
      <c r="MP40" s="354">
        <v>2260266</v>
      </c>
      <c r="MQ40" s="348">
        <v>0</v>
      </c>
      <c r="MR40" s="345">
        <v>0</v>
      </c>
      <c r="MS40" s="349">
        <v>0</v>
      </c>
      <c r="MT40" s="404">
        <v>0</v>
      </c>
      <c r="MU40" s="345">
        <v>0</v>
      </c>
      <c r="MV40" s="345">
        <v>0</v>
      </c>
      <c r="MW40" s="345">
        <v>0</v>
      </c>
      <c r="MX40" s="345">
        <v>274896</v>
      </c>
      <c r="MY40" s="345">
        <v>553942</v>
      </c>
      <c r="MZ40" s="349">
        <v>828838</v>
      </c>
      <c r="NA40" s="354">
        <v>828838</v>
      </c>
      <c r="NB40" s="348">
        <v>0</v>
      </c>
      <c r="NC40" s="345">
        <v>0</v>
      </c>
      <c r="ND40" s="349">
        <v>0</v>
      </c>
      <c r="NE40" s="404">
        <v>0</v>
      </c>
      <c r="NF40" s="345">
        <v>242304</v>
      </c>
      <c r="NG40" s="345">
        <v>0</v>
      </c>
      <c r="NH40" s="345">
        <v>522416</v>
      </c>
      <c r="NI40" s="345">
        <v>0</v>
      </c>
      <c r="NJ40" s="345">
        <v>666708</v>
      </c>
      <c r="NK40" s="349">
        <v>1431428</v>
      </c>
      <c r="NL40" s="347">
        <v>1431428</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128160</v>
      </c>
      <c r="OJ40" s="345">
        <v>74840</v>
      </c>
      <c r="OK40" s="346">
        <v>203000</v>
      </c>
      <c r="OL40" s="351">
        <v>0</v>
      </c>
      <c r="OM40" s="345">
        <v>1478108</v>
      </c>
      <c r="ON40" s="345">
        <v>1317075</v>
      </c>
      <c r="OO40" s="345">
        <v>1412184</v>
      </c>
      <c r="OP40" s="345">
        <v>1316637</v>
      </c>
      <c r="OQ40" s="345">
        <v>1845245</v>
      </c>
      <c r="OR40" s="349">
        <v>7369249</v>
      </c>
      <c r="OS40" s="354">
        <v>7572249</v>
      </c>
    </row>
    <row r="41" spans="2:409" s="70" customFormat="1" ht="21" customHeight="1" x14ac:dyDescent="0.2">
      <c r="B41" s="410" t="s">
        <v>36</v>
      </c>
      <c r="C41" s="326">
        <v>4000</v>
      </c>
      <c r="D41" s="327">
        <v>68905</v>
      </c>
      <c r="E41" s="328">
        <v>72905</v>
      </c>
      <c r="F41" s="329">
        <v>0</v>
      </c>
      <c r="G41" s="327">
        <v>799121</v>
      </c>
      <c r="H41" s="327">
        <v>3158777</v>
      </c>
      <c r="I41" s="327">
        <v>606714</v>
      </c>
      <c r="J41" s="327">
        <v>265893</v>
      </c>
      <c r="K41" s="327">
        <v>446152</v>
      </c>
      <c r="L41" s="367">
        <v>5276657</v>
      </c>
      <c r="M41" s="330">
        <v>5349562</v>
      </c>
      <c r="N41" s="326">
        <v>0</v>
      </c>
      <c r="O41" s="327">
        <v>16264</v>
      </c>
      <c r="P41" s="328">
        <v>16264</v>
      </c>
      <c r="Q41" s="326">
        <v>0</v>
      </c>
      <c r="R41" s="327">
        <v>189145</v>
      </c>
      <c r="S41" s="327">
        <v>84836</v>
      </c>
      <c r="T41" s="327">
        <v>146254</v>
      </c>
      <c r="U41" s="327">
        <v>237893</v>
      </c>
      <c r="V41" s="327">
        <v>421752</v>
      </c>
      <c r="W41" s="328">
        <v>1079880</v>
      </c>
      <c r="X41" s="330">
        <v>1096144</v>
      </c>
      <c r="Y41" s="326">
        <v>0</v>
      </c>
      <c r="Z41" s="327">
        <v>0</v>
      </c>
      <c r="AA41" s="328">
        <v>0</v>
      </c>
      <c r="AB41" s="326">
        <v>0</v>
      </c>
      <c r="AC41" s="327">
        <v>52198</v>
      </c>
      <c r="AD41" s="327">
        <v>0</v>
      </c>
      <c r="AE41" s="327">
        <v>0</v>
      </c>
      <c r="AF41" s="327">
        <v>209037</v>
      </c>
      <c r="AG41" s="327">
        <v>303254</v>
      </c>
      <c r="AH41" s="328">
        <v>564489</v>
      </c>
      <c r="AI41" s="330">
        <v>564489</v>
      </c>
      <c r="AJ41" s="326">
        <v>0</v>
      </c>
      <c r="AK41" s="327">
        <v>0</v>
      </c>
      <c r="AL41" s="328">
        <v>0</v>
      </c>
      <c r="AM41" s="326">
        <v>0</v>
      </c>
      <c r="AN41" s="327">
        <v>0</v>
      </c>
      <c r="AO41" s="327">
        <v>0</v>
      </c>
      <c r="AP41" s="327">
        <v>48301</v>
      </c>
      <c r="AQ41" s="327">
        <v>0</v>
      </c>
      <c r="AR41" s="327">
        <v>96530</v>
      </c>
      <c r="AS41" s="328">
        <v>144831</v>
      </c>
      <c r="AT41" s="330">
        <v>144831</v>
      </c>
      <c r="AU41" s="326">
        <v>0</v>
      </c>
      <c r="AV41" s="327">
        <v>16264</v>
      </c>
      <c r="AW41" s="328">
        <v>16264</v>
      </c>
      <c r="AX41" s="326">
        <v>0</v>
      </c>
      <c r="AY41" s="327">
        <v>61778</v>
      </c>
      <c r="AZ41" s="327">
        <v>0</v>
      </c>
      <c r="BA41" s="327">
        <v>61545</v>
      </c>
      <c r="BB41" s="327">
        <v>0</v>
      </c>
      <c r="BC41" s="327">
        <v>0</v>
      </c>
      <c r="BD41" s="328">
        <v>123323</v>
      </c>
      <c r="BE41" s="330">
        <v>139587</v>
      </c>
      <c r="BF41" s="326">
        <v>0</v>
      </c>
      <c r="BG41" s="327">
        <v>0</v>
      </c>
      <c r="BH41" s="331">
        <v>0</v>
      </c>
      <c r="BI41" s="332">
        <v>0</v>
      </c>
      <c r="BJ41" s="327">
        <v>31801</v>
      </c>
      <c r="BK41" s="327">
        <v>15900</v>
      </c>
      <c r="BL41" s="327">
        <v>0</v>
      </c>
      <c r="BM41" s="327">
        <v>0</v>
      </c>
      <c r="BN41" s="327">
        <v>0</v>
      </c>
      <c r="BO41" s="328">
        <v>47701</v>
      </c>
      <c r="BP41" s="330">
        <v>47701</v>
      </c>
      <c r="BQ41" s="326">
        <v>0</v>
      </c>
      <c r="BR41" s="327">
        <v>0</v>
      </c>
      <c r="BS41" s="328">
        <v>0</v>
      </c>
      <c r="BT41" s="326">
        <v>0</v>
      </c>
      <c r="BU41" s="327">
        <v>43368</v>
      </c>
      <c r="BV41" s="327">
        <v>68936</v>
      </c>
      <c r="BW41" s="327">
        <v>36408</v>
      </c>
      <c r="BX41" s="327">
        <v>28856</v>
      </c>
      <c r="BY41" s="327">
        <v>21968</v>
      </c>
      <c r="BZ41" s="328">
        <v>199536</v>
      </c>
      <c r="CA41" s="330">
        <v>199536</v>
      </c>
      <c r="CB41" s="326">
        <v>0</v>
      </c>
      <c r="CC41" s="327">
        <v>38241</v>
      </c>
      <c r="CD41" s="328">
        <v>38241</v>
      </c>
      <c r="CE41" s="326">
        <v>0</v>
      </c>
      <c r="CF41" s="327">
        <v>92476</v>
      </c>
      <c r="CG41" s="327">
        <v>145483</v>
      </c>
      <c r="CH41" s="327">
        <v>12322</v>
      </c>
      <c r="CI41" s="327">
        <v>0</v>
      </c>
      <c r="CJ41" s="327">
        <v>0</v>
      </c>
      <c r="CK41" s="328">
        <v>250281</v>
      </c>
      <c r="CL41" s="330">
        <v>288522</v>
      </c>
      <c r="CM41" s="326">
        <v>0</v>
      </c>
      <c r="CN41" s="327">
        <v>0</v>
      </c>
      <c r="CO41" s="328">
        <v>0</v>
      </c>
      <c r="CP41" s="332">
        <v>0</v>
      </c>
      <c r="CQ41" s="327">
        <v>0</v>
      </c>
      <c r="CR41" s="327">
        <v>86489</v>
      </c>
      <c r="CS41" s="327">
        <v>0</v>
      </c>
      <c r="CT41" s="327">
        <v>0</v>
      </c>
      <c r="CU41" s="327">
        <v>0</v>
      </c>
      <c r="CV41" s="328">
        <v>86489</v>
      </c>
      <c r="CW41" s="330">
        <v>86489</v>
      </c>
      <c r="CX41" s="326">
        <v>0</v>
      </c>
      <c r="CY41" s="327">
        <v>38241</v>
      </c>
      <c r="CZ41" s="328">
        <v>38241</v>
      </c>
      <c r="DA41" s="326">
        <v>0</v>
      </c>
      <c r="DB41" s="327">
        <v>92476</v>
      </c>
      <c r="DC41" s="327">
        <v>58994</v>
      </c>
      <c r="DD41" s="327">
        <v>12322</v>
      </c>
      <c r="DE41" s="327">
        <v>0</v>
      </c>
      <c r="DF41" s="327">
        <v>0</v>
      </c>
      <c r="DG41" s="328">
        <v>163792</v>
      </c>
      <c r="DH41" s="330">
        <v>202033</v>
      </c>
      <c r="DI41" s="326">
        <v>0</v>
      </c>
      <c r="DJ41" s="327">
        <v>0</v>
      </c>
      <c r="DK41" s="331">
        <v>0</v>
      </c>
      <c r="DL41" s="332">
        <v>0</v>
      </c>
      <c r="DM41" s="327">
        <v>0</v>
      </c>
      <c r="DN41" s="327">
        <v>23572</v>
      </c>
      <c r="DO41" s="327">
        <v>0</v>
      </c>
      <c r="DP41" s="327">
        <v>0</v>
      </c>
      <c r="DQ41" s="327">
        <v>0</v>
      </c>
      <c r="DR41" s="328">
        <v>23572</v>
      </c>
      <c r="DS41" s="330">
        <v>23572</v>
      </c>
      <c r="DT41" s="326">
        <v>0</v>
      </c>
      <c r="DU41" s="327">
        <v>0</v>
      </c>
      <c r="DV41" s="328">
        <v>0</v>
      </c>
      <c r="DW41" s="326">
        <v>0</v>
      </c>
      <c r="DX41" s="327">
        <v>0</v>
      </c>
      <c r="DY41" s="327">
        <v>23572</v>
      </c>
      <c r="DZ41" s="327">
        <v>0</v>
      </c>
      <c r="EA41" s="327">
        <v>0</v>
      </c>
      <c r="EB41" s="327">
        <v>0</v>
      </c>
      <c r="EC41" s="328">
        <v>23572</v>
      </c>
      <c r="ED41" s="330">
        <v>23572</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332">
        <v>0</v>
      </c>
      <c r="FE41" s="327">
        <v>0</v>
      </c>
      <c r="FF41" s="327">
        <v>0</v>
      </c>
      <c r="FG41" s="327">
        <v>0</v>
      </c>
      <c r="FH41" s="327">
        <v>0</v>
      </c>
      <c r="FI41" s="327">
        <v>0</v>
      </c>
      <c r="FJ41" s="328">
        <v>0</v>
      </c>
      <c r="FK41" s="330">
        <v>0</v>
      </c>
      <c r="FL41" s="326">
        <v>4000</v>
      </c>
      <c r="FM41" s="327">
        <v>14400</v>
      </c>
      <c r="FN41" s="328">
        <v>18400</v>
      </c>
      <c r="FO41" s="326">
        <v>0</v>
      </c>
      <c r="FP41" s="327">
        <v>52288</v>
      </c>
      <c r="FQ41" s="327">
        <v>58784</v>
      </c>
      <c r="FR41" s="327">
        <v>53120</v>
      </c>
      <c r="FS41" s="327">
        <v>28000</v>
      </c>
      <c r="FT41" s="327">
        <v>24400</v>
      </c>
      <c r="FU41" s="328">
        <v>216592</v>
      </c>
      <c r="FV41" s="330">
        <v>234992</v>
      </c>
      <c r="FW41" s="333">
        <v>4000</v>
      </c>
      <c r="FX41" s="327">
        <v>14400</v>
      </c>
      <c r="FY41" s="331">
        <v>18400</v>
      </c>
      <c r="FZ41" s="332">
        <v>0</v>
      </c>
      <c r="GA41" s="327">
        <v>52288</v>
      </c>
      <c r="GB41" s="327">
        <v>58784</v>
      </c>
      <c r="GC41" s="327">
        <v>33840</v>
      </c>
      <c r="GD41" s="327">
        <v>28000</v>
      </c>
      <c r="GE41" s="327">
        <v>24400</v>
      </c>
      <c r="GF41" s="328">
        <v>197312</v>
      </c>
      <c r="GG41" s="334">
        <v>215712</v>
      </c>
      <c r="GH41" s="333">
        <v>0</v>
      </c>
      <c r="GI41" s="327">
        <v>0</v>
      </c>
      <c r="GJ41" s="331">
        <v>0</v>
      </c>
      <c r="GK41" s="332">
        <v>0</v>
      </c>
      <c r="GL41" s="327">
        <v>0</v>
      </c>
      <c r="GM41" s="327">
        <v>0</v>
      </c>
      <c r="GN41" s="327">
        <v>19280</v>
      </c>
      <c r="GO41" s="327">
        <v>0</v>
      </c>
      <c r="GP41" s="327">
        <v>0</v>
      </c>
      <c r="GQ41" s="328">
        <v>19280</v>
      </c>
      <c r="GR41" s="330">
        <v>1928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465212</v>
      </c>
      <c r="HI41" s="327">
        <v>2846102</v>
      </c>
      <c r="HJ41" s="327">
        <v>395018</v>
      </c>
      <c r="HK41" s="327">
        <v>0</v>
      </c>
      <c r="HL41" s="327">
        <v>0</v>
      </c>
      <c r="HM41" s="328">
        <v>3706332</v>
      </c>
      <c r="HN41" s="329">
        <v>3706332</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122544</v>
      </c>
      <c r="IE41" s="339">
        <v>14462</v>
      </c>
      <c r="IF41" s="337">
        <v>0</v>
      </c>
      <c r="IG41" s="336">
        <v>263832</v>
      </c>
      <c r="IH41" s="337">
        <v>0</v>
      </c>
      <c r="II41" s="340">
        <v>400838</v>
      </c>
      <c r="IJ41" s="341">
        <v>400838</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122544</v>
      </c>
      <c r="JL41" s="345">
        <v>14462</v>
      </c>
      <c r="JM41" s="345">
        <v>0</v>
      </c>
      <c r="JN41" s="345">
        <v>0</v>
      </c>
      <c r="JO41" s="345">
        <v>0</v>
      </c>
      <c r="JP41" s="349">
        <v>137006</v>
      </c>
      <c r="JQ41" s="347">
        <v>137006</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0</v>
      </c>
      <c r="KT41" s="345">
        <v>0</v>
      </c>
      <c r="KU41" s="345">
        <v>263832</v>
      </c>
      <c r="KV41" s="345">
        <v>0</v>
      </c>
      <c r="KW41" s="349">
        <v>263832</v>
      </c>
      <c r="KX41" s="347">
        <v>263832</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62712</v>
      </c>
      <c r="MM41" s="345">
        <v>1353375</v>
      </c>
      <c r="MN41" s="345">
        <v>624942</v>
      </c>
      <c r="MO41" s="349">
        <v>2241029</v>
      </c>
      <c r="MP41" s="354">
        <v>2241029</v>
      </c>
      <c r="MQ41" s="348">
        <v>0</v>
      </c>
      <c r="MR41" s="345">
        <v>0</v>
      </c>
      <c r="MS41" s="349">
        <v>0</v>
      </c>
      <c r="MT41" s="404">
        <v>0</v>
      </c>
      <c r="MU41" s="345">
        <v>0</v>
      </c>
      <c r="MV41" s="345">
        <v>0</v>
      </c>
      <c r="MW41" s="345">
        <v>0</v>
      </c>
      <c r="MX41" s="345">
        <v>1102250</v>
      </c>
      <c r="MY41" s="345">
        <v>0</v>
      </c>
      <c r="MZ41" s="349">
        <v>1102250</v>
      </c>
      <c r="NA41" s="354">
        <v>1102250</v>
      </c>
      <c r="NB41" s="348">
        <v>0</v>
      </c>
      <c r="NC41" s="345">
        <v>0</v>
      </c>
      <c r="ND41" s="349">
        <v>0</v>
      </c>
      <c r="NE41" s="404">
        <v>0</v>
      </c>
      <c r="NF41" s="345">
        <v>0</v>
      </c>
      <c r="NG41" s="345">
        <v>0</v>
      </c>
      <c r="NH41" s="345">
        <v>262712</v>
      </c>
      <c r="NI41" s="345">
        <v>251125</v>
      </c>
      <c r="NJ41" s="345">
        <v>624942</v>
      </c>
      <c r="NK41" s="349">
        <v>1138779</v>
      </c>
      <c r="NL41" s="347">
        <v>1138779</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4000</v>
      </c>
      <c r="OJ41" s="345">
        <v>68905</v>
      </c>
      <c r="OK41" s="346">
        <v>72905</v>
      </c>
      <c r="OL41" s="351">
        <v>0</v>
      </c>
      <c r="OM41" s="345">
        <v>921665</v>
      </c>
      <c r="ON41" s="345">
        <v>3173239</v>
      </c>
      <c r="OO41" s="345">
        <v>869426</v>
      </c>
      <c r="OP41" s="345">
        <v>1883100</v>
      </c>
      <c r="OQ41" s="345">
        <v>1071094</v>
      </c>
      <c r="OR41" s="349">
        <v>7918524</v>
      </c>
      <c r="OS41" s="354">
        <v>7991429</v>
      </c>
    </row>
    <row r="42" spans="2:409" s="70" customFormat="1" ht="21" customHeight="1" thickBot="1" x14ac:dyDescent="0.25">
      <c r="B42" s="411" t="s">
        <v>37</v>
      </c>
      <c r="C42" s="371">
        <v>0</v>
      </c>
      <c r="D42" s="372">
        <v>0</v>
      </c>
      <c r="E42" s="373">
        <v>0</v>
      </c>
      <c r="F42" s="374">
        <v>0</v>
      </c>
      <c r="G42" s="372">
        <v>19333</v>
      </c>
      <c r="H42" s="372">
        <v>247394</v>
      </c>
      <c r="I42" s="372">
        <v>0</v>
      </c>
      <c r="J42" s="372">
        <v>0</v>
      </c>
      <c r="K42" s="372">
        <v>0</v>
      </c>
      <c r="L42" s="374">
        <v>266727</v>
      </c>
      <c r="M42" s="375">
        <v>266727</v>
      </c>
      <c r="N42" s="371">
        <v>0</v>
      </c>
      <c r="O42" s="372">
        <v>0</v>
      </c>
      <c r="P42" s="373">
        <v>0</v>
      </c>
      <c r="Q42" s="371">
        <v>0</v>
      </c>
      <c r="R42" s="372">
        <v>0</v>
      </c>
      <c r="S42" s="372">
        <v>0</v>
      </c>
      <c r="T42" s="372">
        <v>0</v>
      </c>
      <c r="U42" s="372">
        <v>0</v>
      </c>
      <c r="V42" s="372">
        <v>0</v>
      </c>
      <c r="W42" s="373">
        <v>0</v>
      </c>
      <c r="X42" s="375">
        <v>0</v>
      </c>
      <c r="Y42" s="371">
        <v>0</v>
      </c>
      <c r="Z42" s="372">
        <v>0</v>
      </c>
      <c r="AA42" s="373">
        <v>0</v>
      </c>
      <c r="AB42" s="371">
        <v>0</v>
      </c>
      <c r="AC42" s="372">
        <v>0</v>
      </c>
      <c r="AD42" s="372">
        <v>0</v>
      </c>
      <c r="AE42" s="372">
        <v>0</v>
      </c>
      <c r="AF42" s="372">
        <v>0</v>
      </c>
      <c r="AG42" s="372">
        <v>0</v>
      </c>
      <c r="AH42" s="373">
        <v>0</v>
      </c>
      <c r="AI42" s="375">
        <v>0</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0</v>
      </c>
      <c r="BA42" s="372">
        <v>0</v>
      </c>
      <c r="BB42" s="372">
        <v>0</v>
      </c>
      <c r="BC42" s="372">
        <v>0</v>
      </c>
      <c r="BD42" s="373">
        <v>0</v>
      </c>
      <c r="BE42" s="375">
        <v>0</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0</v>
      </c>
      <c r="BZ42" s="373">
        <v>0</v>
      </c>
      <c r="CA42" s="375">
        <v>0</v>
      </c>
      <c r="CB42" s="371">
        <v>0</v>
      </c>
      <c r="CC42" s="372">
        <v>0</v>
      </c>
      <c r="CD42" s="373">
        <v>0</v>
      </c>
      <c r="CE42" s="371">
        <v>0</v>
      </c>
      <c r="CF42" s="372">
        <v>18133</v>
      </c>
      <c r="CG42" s="372">
        <v>80834</v>
      </c>
      <c r="CH42" s="372">
        <v>0</v>
      </c>
      <c r="CI42" s="372">
        <v>0</v>
      </c>
      <c r="CJ42" s="372">
        <v>0</v>
      </c>
      <c r="CK42" s="373">
        <v>98967</v>
      </c>
      <c r="CL42" s="375">
        <v>98967</v>
      </c>
      <c r="CM42" s="371">
        <v>0</v>
      </c>
      <c r="CN42" s="372">
        <v>0</v>
      </c>
      <c r="CO42" s="373">
        <v>0</v>
      </c>
      <c r="CP42" s="377">
        <v>0</v>
      </c>
      <c r="CQ42" s="372">
        <v>0</v>
      </c>
      <c r="CR42" s="372">
        <v>0</v>
      </c>
      <c r="CS42" s="372">
        <v>0</v>
      </c>
      <c r="CT42" s="372">
        <v>0</v>
      </c>
      <c r="CU42" s="372">
        <v>0</v>
      </c>
      <c r="CV42" s="373">
        <v>0</v>
      </c>
      <c r="CW42" s="375">
        <v>0</v>
      </c>
      <c r="CX42" s="371">
        <v>0</v>
      </c>
      <c r="CY42" s="372">
        <v>0</v>
      </c>
      <c r="CZ42" s="373">
        <v>0</v>
      </c>
      <c r="DA42" s="371">
        <v>0</v>
      </c>
      <c r="DB42" s="372">
        <v>18133</v>
      </c>
      <c r="DC42" s="372">
        <v>80834</v>
      </c>
      <c r="DD42" s="372">
        <v>0</v>
      </c>
      <c r="DE42" s="372">
        <v>0</v>
      </c>
      <c r="DF42" s="372">
        <v>0</v>
      </c>
      <c r="DG42" s="373">
        <v>98967</v>
      </c>
      <c r="DH42" s="375">
        <v>98967</v>
      </c>
      <c r="DI42" s="371">
        <v>0</v>
      </c>
      <c r="DJ42" s="372">
        <v>0</v>
      </c>
      <c r="DK42" s="376">
        <v>0</v>
      </c>
      <c r="DL42" s="377">
        <v>0</v>
      </c>
      <c r="DM42" s="372">
        <v>0</v>
      </c>
      <c r="DN42" s="372">
        <v>0</v>
      </c>
      <c r="DO42" s="372">
        <v>0</v>
      </c>
      <c r="DP42" s="372">
        <v>0</v>
      </c>
      <c r="DQ42" s="372">
        <v>0</v>
      </c>
      <c r="DR42" s="373">
        <v>0</v>
      </c>
      <c r="DS42" s="375">
        <v>0</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0</v>
      </c>
      <c r="EN42" s="376">
        <v>0</v>
      </c>
      <c r="EO42" s="375">
        <v>0</v>
      </c>
      <c r="EP42" s="371">
        <v>0</v>
      </c>
      <c r="EQ42" s="372">
        <v>0</v>
      </c>
      <c r="ER42" s="376">
        <v>0</v>
      </c>
      <c r="ES42" s="377">
        <v>0</v>
      </c>
      <c r="ET42" s="372">
        <v>0</v>
      </c>
      <c r="EU42" s="372">
        <v>0</v>
      </c>
      <c r="EV42" s="372">
        <v>0</v>
      </c>
      <c r="EW42" s="372">
        <v>0</v>
      </c>
      <c r="EX42" s="372">
        <v>0</v>
      </c>
      <c r="EY42" s="373">
        <v>0</v>
      </c>
      <c r="EZ42" s="375">
        <v>0</v>
      </c>
      <c r="FA42" s="371">
        <v>0</v>
      </c>
      <c r="FB42" s="372">
        <v>0</v>
      </c>
      <c r="FC42" s="376">
        <v>0</v>
      </c>
      <c r="FD42" s="377">
        <v>0</v>
      </c>
      <c r="FE42" s="372">
        <v>0</v>
      </c>
      <c r="FF42" s="372">
        <v>0</v>
      </c>
      <c r="FG42" s="372">
        <v>0</v>
      </c>
      <c r="FH42" s="372">
        <v>0</v>
      </c>
      <c r="FI42" s="372">
        <v>0</v>
      </c>
      <c r="FJ42" s="373">
        <v>0</v>
      </c>
      <c r="FK42" s="375">
        <v>0</v>
      </c>
      <c r="FL42" s="371">
        <v>0</v>
      </c>
      <c r="FM42" s="372">
        <v>0</v>
      </c>
      <c r="FN42" s="373">
        <v>0</v>
      </c>
      <c r="FO42" s="371">
        <v>0</v>
      </c>
      <c r="FP42" s="372">
        <v>1200</v>
      </c>
      <c r="FQ42" s="372">
        <v>166560</v>
      </c>
      <c r="FR42" s="372">
        <v>0</v>
      </c>
      <c r="FS42" s="372">
        <v>0</v>
      </c>
      <c r="FT42" s="372">
        <v>0</v>
      </c>
      <c r="FU42" s="373">
        <v>167760</v>
      </c>
      <c r="FV42" s="375">
        <v>167760</v>
      </c>
      <c r="FW42" s="378">
        <v>0</v>
      </c>
      <c r="FX42" s="372">
        <v>0</v>
      </c>
      <c r="FY42" s="376">
        <v>0</v>
      </c>
      <c r="FZ42" s="377">
        <v>0</v>
      </c>
      <c r="GA42" s="372">
        <v>1200</v>
      </c>
      <c r="GB42" s="372">
        <v>52960</v>
      </c>
      <c r="GC42" s="372">
        <v>0</v>
      </c>
      <c r="GD42" s="372">
        <v>0</v>
      </c>
      <c r="GE42" s="372">
        <v>0</v>
      </c>
      <c r="GF42" s="373">
        <v>54160</v>
      </c>
      <c r="GG42" s="379">
        <v>54160</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113600</v>
      </c>
      <c r="GY42" s="372">
        <v>0</v>
      </c>
      <c r="GZ42" s="372">
        <v>0</v>
      </c>
      <c r="HA42" s="372">
        <v>0</v>
      </c>
      <c r="HB42" s="376">
        <v>113600</v>
      </c>
      <c r="HC42" s="375">
        <v>11360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0</v>
      </c>
      <c r="II42" s="387">
        <v>0</v>
      </c>
      <c r="IJ42" s="388">
        <v>0</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0</v>
      </c>
      <c r="JP42" s="396">
        <v>0</v>
      </c>
      <c r="JQ42" s="394">
        <v>0</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234156</v>
      </c>
      <c r="MM42" s="392">
        <v>0</v>
      </c>
      <c r="MN42" s="392">
        <v>0</v>
      </c>
      <c r="MO42" s="396">
        <v>234156</v>
      </c>
      <c r="MP42" s="401">
        <v>234156</v>
      </c>
      <c r="MQ42" s="395">
        <v>0</v>
      </c>
      <c r="MR42" s="392">
        <v>0</v>
      </c>
      <c r="MS42" s="396">
        <v>0</v>
      </c>
      <c r="MT42" s="405">
        <v>0</v>
      </c>
      <c r="MU42" s="392">
        <v>0</v>
      </c>
      <c r="MV42" s="392">
        <v>0</v>
      </c>
      <c r="MW42" s="392">
        <v>234156</v>
      </c>
      <c r="MX42" s="392">
        <v>0</v>
      </c>
      <c r="MY42" s="392">
        <v>0</v>
      </c>
      <c r="MZ42" s="396">
        <v>234156</v>
      </c>
      <c r="NA42" s="401">
        <v>234156</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19333</v>
      </c>
      <c r="ON42" s="392">
        <v>247394</v>
      </c>
      <c r="OO42" s="392">
        <v>234156</v>
      </c>
      <c r="OP42" s="392">
        <v>0</v>
      </c>
      <c r="OQ42" s="392">
        <v>0</v>
      </c>
      <c r="OR42" s="396">
        <v>500883</v>
      </c>
      <c r="OS42" s="401">
        <v>500883</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71" customWidth="1"/>
    <col min="2" max="2" width="9.77734375" style="71" customWidth="1"/>
    <col min="3" max="3" width="8.21875" style="71" customWidth="1"/>
    <col min="4" max="5" width="10" style="71" customWidth="1"/>
    <col min="6" max="6" width="7.77734375" style="71" customWidth="1"/>
    <col min="7" max="8" width="10" style="71" customWidth="1"/>
    <col min="9" max="9" width="9.88671875" style="71" customWidth="1"/>
    <col min="10" max="10" width="9.77734375" style="71" customWidth="1"/>
    <col min="11" max="11" width="9.88671875" style="71" customWidth="1"/>
    <col min="12" max="12" width="10.88671875" style="71" customWidth="1"/>
    <col min="13" max="13" width="11.109375" style="71" customWidth="1"/>
    <col min="14" max="16" width="8.21875" style="71" customWidth="1"/>
    <col min="17" max="17" width="7.21875" style="71" customWidth="1"/>
    <col min="18" max="18" width="8.21875" style="71" customWidth="1"/>
    <col min="19" max="19" width="10.109375" style="71" customWidth="1"/>
    <col min="20" max="20" width="9.109375" style="71" customWidth="1"/>
    <col min="21" max="21" width="9.77734375" style="71" customWidth="1"/>
    <col min="22" max="22" width="10.33203125" style="71" customWidth="1"/>
    <col min="23" max="23" width="10.44140625" style="71" customWidth="1"/>
    <col min="24" max="24" width="11" style="71" customWidth="1"/>
    <col min="25" max="27" width="8.21875" style="71" customWidth="1"/>
    <col min="28" max="28" width="7" style="71" customWidth="1"/>
    <col min="29" max="33" width="8.21875" style="71" customWidth="1"/>
    <col min="34" max="34" width="10.6640625" style="71" customWidth="1"/>
    <col min="35" max="35" width="10" style="71" customWidth="1"/>
    <col min="36" max="38" width="8.21875" style="71" customWidth="1"/>
    <col min="39" max="39" width="7" style="71" customWidth="1"/>
    <col min="40" max="49" width="8.21875" style="71" customWidth="1"/>
    <col min="50" max="50" width="7.21875" style="71" customWidth="1"/>
    <col min="51" max="55" width="8.21875" style="71" customWidth="1"/>
    <col min="56" max="57" width="9.33203125" style="71" customWidth="1"/>
    <col min="58" max="60" width="8.21875" style="71" customWidth="1"/>
    <col min="61" max="61" width="6.88671875" style="71" customWidth="1"/>
    <col min="62" max="71" width="8.21875" style="71" customWidth="1"/>
    <col min="72" max="72" width="7.21875" style="71" customWidth="1"/>
    <col min="73" max="79" width="8.21875" style="71" customWidth="1"/>
    <col min="80" max="82" width="8.21875" style="247" customWidth="1"/>
    <col min="83" max="83" width="7.6640625" style="247" customWidth="1"/>
    <col min="84" max="84" width="9.88671875" style="247" customWidth="1"/>
    <col min="85" max="85" width="10" style="247" customWidth="1"/>
    <col min="86" max="86" width="9.77734375" style="247" customWidth="1"/>
    <col min="87" max="87" width="9.21875" style="247" customWidth="1"/>
    <col min="88" max="88" width="8.77734375" style="247" customWidth="1"/>
    <col min="89" max="89" width="9.88671875" style="247" customWidth="1"/>
    <col min="90" max="90" width="9.77734375" style="247" customWidth="1"/>
    <col min="91" max="93" width="8.21875" style="71" customWidth="1"/>
    <col min="94" max="94" width="7.33203125" style="71" customWidth="1"/>
    <col min="95" max="95" width="9.88671875" style="71" bestFit="1" customWidth="1"/>
    <col min="96" max="96" width="10" style="71" customWidth="1"/>
    <col min="97" max="97" width="9.6640625" style="71" customWidth="1"/>
    <col min="98" max="99" width="8.21875" style="71" customWidth="1"/>
    <col min="100" max="101" width="9.88671875" style="71" customWidth="1"/>
    <col min="102" max="104" width="8.21875" style="71" customWidth="1"/>
    <col min="105" max="105" width="7.44140625" style="71" customWidth="1"/>
    <col min="106" max="110" width="8.21875" style="71" customWidth="1"/>
    <col min="111" max="111" width="10" style="71" customWidth="1"/>
    <col min="112" max="112" width="9.88671875" style="71" customWidth="1"/>
    <col min="113" max="115" width="8.21875" style="247" customWidth="1"/>
    <col min="116" max="116" width="7.21875" style="247" customWidth="1"/>
    <col min="117" max="121" width="8.21875" style="247" customWidth="1"/>
    <col min="122" max="122" width="10.109375" style="247" customWidth="1"/>
    <col min="123" max="123" width="9.77734375" style="247" customWidth="1"/>
    <col min="124" max="126" width="8.21875" style="71" customWidth="1"/>
    <col min="127" max="127" width="7.33203125" style="71" customWidth="1"/>
    <col min="128" max="132" width="8.21875" style="71" customWidth="1"/>
    <col min="133" max="133" width="10.33203125" style="71" customWidth="1"/>
    <col min="134" max="134" width="10.109375" style="71" customWidth="1"/>
    <col min="135" max="137" width="8.21875" style="71" customWidth="1"/>
    <col min="138" max="138" width="7.109375" style="71" customWidth="1"/>
    <col min="139" max="148" width="8.21875" style="71" customWidth="1"/>
    <col min="149" max="149" width="7.21875" style="71" customWidth="1"/>
    <col min="150" max="159" width="8.21875" style="71" customWidth="1"/>
    <col min="160" max="160" width="7.21875" style="71" customWidth="1"/>
    <col min="161" max="167" width="8.21875" style="71" customWidth="1"/>
    <col min="168" max="170" width="8.21875" style="247" customWidth="1"/>
    <col min="171" max="171" width="6.6640625" style="247" customWidth="1"/>
    <col min="172" max="176" width="8.21875" style="247" customWidth="1"/>
    <col min="177" max="177" width="10.109375" style="247" customWidth="1"/>
    <col min="178" max="178" width="9.88671875" style="247" customWidth="1"/>
    <col min="179" max="181" width="8.21875" style="71" customWidth="1"/>
    <col min="182" max="182" width="7.33203125" style="71" customWidth="1"/>
    <col min="183" max="187" width="8.21875" style="71" customWidth="1"/>
    <col min="188" max="188" width="10" style="71" customWidth="1"/>
    <col min="189" max="189" width="10.6640625" style="71" customWidth="1"/>
    <col min="190" max="192" width="8.21875" style="71" customWidth="1"/>
    <col min="193" max="193" width="7.21875" style="71" customWidth="1"/>
    <col min="194" max="203" width="8.21875" style="71" customWidth="1"/>
    <col min="204" max="204" width="7.109375" style="71" customWidth="1"/>
    <col min="205" max="214" width="8.21875" style="71" customWidth="1"/>
    <col min="215" max="215" width="7.109375" style="71" customWidth="1"/>
    <col min="216" max="220" width="8.21875" style="71" customWidth="1"/>
    <col min="221" max="222" width="9.77734375" style="71" customWidth="1"/>
    <col min="223" max="225" width="8.21875" style="71" customWidth="1"/>
    <col min="226" max="226" width="7.21875" style="71" customWidth="1"/>
    <col min="227" max="231" width="8.21875" style="71" customWidth="1"/>
    <col min="232" max="233" width="10" style="71" customWidth="1"/>
    <col min="234" max="235" width="7.44140625" style="247" customWidth="1"/>
    <col min="236" max="236" width="9.33203125" style="247" customWidth="1"/>
    <col min="237" max="237" width="7.44140625" style="247" customWidth="1"/>
    <col min="238" max="244" width="10.109375" style="247" customWidth="1"/>
    <col min="245" max="247" width="10.109375" style="71" customWidth="1"/>
    <col min="248" max="248" width="7.109375" style="71" customWidth="1"/>
    <col min="249" max="258" width="10.109375" style="71" customWidth="1"/>
    <col min="259" max="259" width="7.33203125" style="71" customWidth="1"/>
    <col min="260" max="269" width="10.109375" style="71" customWidth="1"/>
    <col min="270" max="270" width="7.21875" style="71" customWidth="1"/>
    <col min="271" max="280" width="10.109375" style="71" customWidth="1"/>
    <col min="281" max="281" width="7.6640625" style="71" customWidth="1"/>
    <col min="282" max="291" width="10.109375" style="71" customWidth="1"/>
    <col min="292" max="292" width="6.33203125" style="71" customWidth="1"/>
    <col min="293" max="302" width="10.109375" style="71" customWidth="1"/>
    <col min="303" max="303" width="7.44140625" style="71" customWidth="1"/>
    <col min="304" max="310" width="10.109375" style="71" customWidth="1"/>
    <col min="311" max="313" width="10.109375" style="247" customWidth="1"/>
    <col min="314" max="314" width="7.109375" style="247" customWidth="1"/>
    <col min="315" max="324" width="10.109375" style="247" customWidth="1"/>
    <col min="325" max="325" width="7.44140625" style="247" customWidth="1"/>
    <col min="326" max="335" width="10.109375" style="247" customWidth="1"/>
    <col min="336" max="336" width="6.88671875" style="247" customWidth="1"/>
    <col min="337" max="343" width="10.109375" style="247" customWidth="1"/>
    <col min="344" max="346" width="10.109375" style="71" customWidth="1"/>
    <col min="347" max="347" width="7.21875" style="71" customWidth="1"/>
    <col min="348" max="357" width="10.109375" style="71" customWidth="1"/>
    <col min="358" max="358" width="7.21875" style="71" customWidth="1"/>
    <col min="359" max="368" width="10.109375" style="71" customWidth="1"/>
    <col min="369" max="369" width="7" style="71" customWidth="1"/>
    <col min="370" max="379" width="10.109375" style="71" customWidth="1"/>
    <col min="380" max="380" width="6.88671875" style="71" customWidth="1"/>
    <col min="381" max="385" width="10.109375" style="71" customWidth="1"/>
    <col min="386" max="387" width="10.33203125" style="71" customWidth="1"/>
    <col min="388" max="390" width="10.109375" style="71" customWidth="1"/>
    <col min="391" max="391" width="6.88671875" style="71" customWidth="1"/>
    <col min="392" max="396" width="10.109375" style="71" customWidth="1"/>
    <col min="397" max="398" width="10.33203125" style="71" customWidth="1"/>
    <col min="399" max="401" width="9.21875" style="71" customWidth="1"/>
    <col min="402" max="402" width="7" style="71" customWidth="1"/>
    <col min="403" max="404" width="9.21875" style="71" customWidth="1"/>
    <col min="405" max="405" width="10.44140625" style="71" customWidth="1"/>
    <col min="406" max="406" width="12.109375" style="71" customWidth="1"/>
    <col min="407" max="407" width="10.109375" style="71" customWidth="1"/>
    <col min="408" max="409" width="10.33203125" style="71" customWidth="1"/>
    <col min="410" max="16384" width="8.21875" style="71"/>
  </cols>
  <sheetData>
    <row r="1" spans="2:409" ht="24" customHeight="1" x14ac:dyDescent="0.2">
      <c r="B1" s="10" t="s">
        <v>133</v>
      </c>
      <c r="E1" s="63">
        <f>第１表!F2</f>
        <v>6</v>
      </c>
      <c r="F1" s="16">
        <f>第１表!G2</f>
        <v>11</v>
      </c>
      <c r="G1" s="531">
        <f>IF(F1&lt;3,F1-2+12,F1-2)</f>
        <v>9</v>
      </c>
      <c r="H1" s="531"/>
      <c r="IB1" s="42"/>
      <c r="IC1" s="22"/>
      <c r="ID1" s="542"/>
      <c r="IE1" s="542"/>
    </row>
    <row r="2" spans="2:409" ht="24" customHeight="1" x14ac:dyDescent="0.2">
      <c r="B2" s="10" t="s">
        <v>144</v>
      </c>
      <c r="E2" s="19"/>
      <c r="F2" s="20"/>
      <c r="G2" s="248"/>
      <c r="H2" s="248"/>
      <c r="IB2" s="21"/>
      <c r="IC2" s="22"/>
      <c r="ID2" s="248"/>
      <c r="IE2" s="248"/>
    </row>
    <row r="3" spans="2:409" ht="24" customHeight="1" thickBot="1" x14ac:dyDescent="0.25">
      <c r="B3" s="10" t="s">
        <v>153</v>
      </c>
    </row>
    <row r="4" spans="2:409" ht="21" customHeight="1" thickBot="1" x14ac:dyDescent="0.25">
      <c r="B4" s="547" t="s">
        <v>42</v>
      </c>
      <c r="C4" s="550" t="s">
        <v>63</v>
      </c>
      <c r="D4" s="550"/>
      <c r="E4" s="550"/>
      <c r="F4" s="550"/>
      <c r="G4" s="550"/>
      <c r="H4" s="550"/>
      <c r="I4" s="550"/>
      <c r="J4" s="550"/>
      <c r="K4" s="550"/>
      <c r="L4" s="550"/>
      <c r="M4" s="550"/>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8"/>
      <c r="CB4" s="508"/>
      <c r="CC4" s="508"/>
      <c r="CD4" s="508"/>
      <c r="CE4" s="508"/>
      <c r="CF4" s="508"/>
      <c r="CG4" s="508"/>
      <c r="CH4" s="508"/>
      <c r="CI4" s="508"/>
      <c r="CJ4" s="508"/>
      <c r="CK4" s="508"/>
      <c r="CL4" s="508"/>
      <c r="CM4" s="508"/>
      <c r="CN4" s="508"/>
      <c r="CO4" s="508"/>
      <c r="CP4" s="508"/>
      <c r="CQ4" s="508"/>
      <c r="CR4" s="508"/>
      <c r="CS4" s="508"/>
      <c r="CT4" s="508"/>
      <c r="CU4" s="508"/>
      <c r="CV4" s="508"/>
      <c r="CW4" s="508"/>
      <c r="CX4" s="508"/>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8"/>
      <c r="FW4" s="508"/>
      <c r="FX4" s="508"/>
      <c r="FY4" s="508"/>
      <c r="FZ4" s="508"/>
      <c r="GA4" s="508"/>
      <c r="GB4" s="508"/>
      <c r="GC4" s="508"/>
      <c r="GD4" s="508"/>
      <c r="GE4" s="508"/>
      <c r="GF4" s="508"/>
      <c r="GG4" s="508"/>
      <c r="GH4" s="508"/>
      <c r="GI4" s="508"/>
      <c r="GJ4" s="508"/>
      <c r="GK4" s="508"/>
      <c r="GL4" s="508"/>
      <c r="GM4" s="508"/>
      <c r="GN4" s="508"/>
      <c r="GO4" s="508"/>
      <c r="GP4" s="508"/>
      <c r="GQ4" s="508"/>
      <c r="GR4" s="508"/>
      <c r="GS4" s="508"/>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9"/>
      <c r="HZ4" s="439" t="s">
        <v>85</v>
      </c>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0"/>
      <c r="JR4" s="440"/>
      <c r="JS4" s="440"/>
      <c r="JT4" s="440"/>
      <c r="JU4" s="440"/>
      <c r="JV4" s="440"/>
      <c r="JW4" s="440"/>
      <c r="JX4" s="440"/>
      <c r="JY4" s="440"/>
      <c r="JZ4" s="440"/>
      <c r="KA4" s="440"/>
      <c r="KB4" s="440"/>
      <c r="KC4" s="440"/>
      <c r="KD4" s="440"/>
      <c r="KE4" s="440"/>
      <c r="KF4" s="440"/>
      <c r="KG4" s="440"/>
      <c r="KH4" s="440"/>
      <c r="KI4" s="440"/>
      <c r="KJ4" s="440"/>
      <c r="KK4" s="440"/>
      <c r="KL4" s="440"/>
      <c r="KM4" s="440"/>
      <c r="KN4" s="440"/>
      <c r="KO4" s="440"/>
      <c r="KP4" s="440"/>
      <c r="KQ4" s="440"/>
      <c r="KR4" s="440"/>
      <c r="KS4" s="440"/>
      <c r="KT4" s="440"/>
      <c r="KU4" s="440"/>
      <c r="KV4" s="440"/>
      <c r="KW4" s="440"/>
      <c r="KX4" s="440"/>
      <c r="KY4" s="440"/>
      <c r="KZ4" s="440"/>
      <c r="LA4" s="440"/>
      <c r="LB4" s="440"/>
      <c r="LC4" s="440"/>
      <c r="LD4" s="440"/>
      <c r="LE4" s="440"/>
      <c r="LF4" s="440"/>
      <c r="LG4" s="440"/>
      <c r="LH4" s="440"/>
      <c r="LI4" s="440"/>
      <c r="LJ4" s="440"/>
      <c r="LK4" s="440"/>
      <c r="LL4" s="440"/>
      <c r="LM4" s="440"/>
      <c r="LN4" s="440"/>
      <c r="LO4" s="440"/>
      <c r="LP4" s="440"/>
      <c r="LQ4" s="440"/>
      <c r="LR4" s="440"/>
      <c r="LS4" s="440"/>
      <c r="LT4" s="440"/>
      <c r="LU4" s="440"/>
      <c r="LV4" s="440"/>
      <c r="LW4" s="440"/>
      <c r="LX4" s="440"/>
      <c r="LY4" s="440"/>
      <c r="LZ4" s="440"/>
      <c r="MA4" s="440"/>
      <c r="MB4" s="440"/>
      <c r="MC4" s="440"/>
      <c r="MD4" s="440"/>
      <c r="ME4" s="441"/>
      <c r="MF4" s="439" t="s">
        <v>86</v>
      </c>
      <c r="MG4" s="440"/>
      <c r="MH4" s="440"/>
      <c r="MI4" s="440"/>
      <c r="MJ4" s="440"/>
      <c r="MK4" s="440"/>
      <c r="ML4" s="440"/>
      <c r="MM4" s="440"/>
      <c r="MN4" s="440"/>
      <c r="MO4" s="440"/>
      <c r="MP4" s="440"/>
      <c r="MQ4" s="440"/>
      <c r="MR4" s="440"/>
      <c r="MS4" s="440"/>
      <c r="MT4" s="440"/>
      <c r="MU4" s="440"/>
      <c r="MV4" s="440"/>
      <c r="MW4" s="440"/>
      <c r="MX4" s="440"/>
      <c r="MY4" s="440"/>
      <c r="MZ4" s="440"/>
      <c r="NA4" s="440"/>
      <c r="NB4" s="440"/>
      <c r="NC4" s="440"/>
      <c r="ND4" s="440"/>
      <c r="NE4" s="440"/>
      <c r="NF4" s="440"/>
      <c r="NG4" s="440"/>
      <c r="NH4" s="440"/>
      <c r="NI4" s="440"/>
      <c r="NJ4" s="440"/>
      <c r="NK4" s="440"/>
      <c r="NL4" s="440"/>
      <c r="NM4" s="440"/>
      <c r="NN4" s="440"/>
      <c r="NO4" s="440"/>
      <c r="NP4" s="440"/>
      <c r="NQ4" s="440"/>
      <c r="NR4" s="440"/>
      <c r="NS4" s="440"/>
      <c r="NT4" s="440"/>
      <c r="NU4" s="440"/>
      <c r="NV4" s="440"/>
      <c r="NW4" s="440"/>
      <c r="NX4" s="440"/>
      <c r="NY4" s="440"/>
      <c r="NZ4" s="440"/>
      <c r="OA4" s="440"/>
      <c r="OB4" s="440"/>
      <c r="OC4" s="440"/>
      <c r="OD4" s="440"/>
      <c r="OE4" s="440"/>
      <c r="OF4" s="440"/>
      <c r="OG4" s="440"/>
      <c r="OH4" s="441"/>
      <c r="OI4" s="425" t="s">
        <v>60</v>
      </c>
      <c r="OJ4" s="426"/>
      <c r="OK4" s="426"/>
      <c r="OL4" s="426"/>
      <c r="OM4" s="426"/>
      <c r="ON4" s="426"/>
      <c r="OO4" s="426"/>
      <c r="OP4" s="426"/>
      <c r="OQ4" s="426"/>
      <c r="OR4" s="426"/>
      <c r="OS4" s="427"/>
    </row>
    <row r="5" spans="2:409" ht="21" customHeight="1" thickBot="1" x14ac:dyDescent="0.25">
      <c r="B5" s="548"/>
      <c r="C5" s="551"/>
      <c r="D5" s="551"/>
      <c r="E5" s="551"/>
      <c r="F5" s="551"/>
      <c r="G5" s="551"/>
      <c r="H5" s="551"/>
      <c r="I5" s="551"/>
      <c r="J5" s="551"/>
      <c r="K5" s="551"/>
      <c r="L5" s="551"/>
      <c r="M5" s="551"/>
      <c r="N5" s="553" t="s">
        <v>64</v>
      </c>
      <c r="O5" s="554"/>
      <c r="P5" s="554"/>
      <c r="Q5" s="554"/>
      <c r="R5" s="554"/>
      <c r="S5" s="554"/>
      <c r="T5" s="554"/>
      <c r="U5" s="554"/>
      <c r="V5" s="554"/>
      <c r="W5" s="554"/>
      <c r="X5" s="554"/>
      <c r="Y5" s="554"/>
      <c r="Z5" s="554"/>
      <c r="AA5" s="554"/>
      <c r="AB5" s="554"/>
      <c r="AC5" s="554"/>
      <c r="AD5" s="554"/>
      <c r="AE5" s="554"/>
      <c r="AF5" s="554"/>
      <c r="AG5" s="554"/>
      <c r="AH5" s="554"/>
      <c r="AI5" s="554"/>
      <c r="AJ5" s="554"/>
      <c r="AK5" s="554"/>
      <c r="AL5" s="554"/>
      <c r="AM5" s="554"/>
      <c r="AN5" s="554"/>
      <c r="AO5" s="554"/>
      <c r="AP5" s="554"/>
      <c r="AQ5" s="554"/>
      <c r="AR5" s="554"/>
      <c r="AS5" s="554"/>
      <c r="AT5" s="554"/>
      <c r="AU5" s="554"/>
      <c r="AV5" s="554"/>
      <c r="AW5" s="554"/>
      <c r="AX5" s="554"/>
      <c r="AY5" s="554"/>
      <c r="AZ5" s="554"/>
      <c r="BA5" s="554"/>
      <c r="BB5" s="554"/>
      <c r="BC5" s="554"/>
      <c r="BD5" s="554"/>
      <c r="BE5" s="554"/>
      <c r="BF5" s="554"/>
      <c r="BG5" s="554"/>
      <c r="BH5" s="554"/>
      <c r="BI5" s="554"/>
      <c r="BJ5" s="554"/>
      <c r="BK5" s="554"/>
      <c r="BL5" s="554"/>
      <c r="BM5" s="554"/>
      <c r="BN5" s="554"/>
      <c r="BO5" s="554"/>
      <c r="BP5" s="554"/>
      <c r="BQ5" s="554"/>
      <c r="BR5" s="554"/>
      <c r="BS5" s="554"/>
      <c r="BT5" s="554"/>
      <c r="BU5" s="554"/>
      <c r="BV5" s="554"/>
      <c r="BW5" s="554"/>
      <c r="BX5" s="554"/>
      <c r="BY5" s="554"/>
      <c r="BZ5" s="554"/>
      <c r="CA5" s="555"/>
      <c r="CB5" s="553" t="s">
        <v>65</v>
      </c>
      <c r="CC5" s="554"/>
      <c r="CD5" s="554"/>
      <c r="CE5" s="554"/>
      <c r="CF5" s="554"/>
      <c r="CG5" s="554"/>
      <c r="CH5" s="554"/>
      <c r="CI5" s="554"/>
      <c r="CJ5" s="554"/>
      <c r="CK5" s="554"/>
      <c r="CL5" s="554"/>
      <c r="CM5" s="554"/>
      <c r="CN5" s="554"/>
      <c r="CO5" s="554"/>
      <c r="CP5" s="554"/>
      <c r="CQ5" s="554"/>
      <c r="CR5" s="554"/>
      <c r="CS5" s="554"/>
      <c r="CT5" s="554"/>
      <c r="CU5" s="554"/>
      <c r="CV5" s="554"/>
      <c r="CW5" s="554"/>
      <c r="CX5" s="554"/>
      <c r="CY5" s="554"/>
      <c r="CZ5" s="554"/>
      <c r="DA5" s="554"/>
      <c r="DB5" s="554"/>
      <c r="DC5" s="554"/>
      <c r="DD5" s="554"/>
      <c r="DE5" s="554"/>
      <c r="DF5" s="554"/>
      <c r="DG5" s="554"/>
      <c r="DH5" s="555"/>
      <c r="DI5" s="439" t="s">
        <v>66</v>
      </c>
      <c r="DJ5" s="440"/>
      <c r="DK5" s="440"/>
      <c r="DL5" s="440"/>
      <c r="DM5" s="440"/>
      <c r="DN5" s="440"/>
      <c r="DO5" s="440"/>
      <c r="DP5" s="440"/>
      <c r="DQ5" s="440"/>
      <c r="DR5" s="440"/>
      <c r="DS5" s="440"/>
      <c r="DT5" s="440"/>
      <c r="DU5" s="440"/>
      <c r="DV5" s="440"/>
      <c r="DW5" s="440"/>
      <c r="DX5" s="440"/>
      <c r="DY5" s="440"/>
      <c r="DZ5" s="440"/>
      <c r="EA5" s="440"/>
      <c r="EB5" s="440"/>
      <c r="EC5" s="440"/>
      <c r="ED5" s="440"/>
      <c r="EE5" s="440"/>
      <c r="EF5" s="440"/>
      <c r="EG5" s="440"/>
      <c r="EH5" s="440"/>
      <c r="EI5" s="440"/>
      <c r="EJ5" s="440"/>
      <c r="EK5" s="440"/>
      <c r="EL5" s="440"/>
      <c r="EM5" s="440"/>
      <c r="EN5" s="440"/>
      <c r="EO5" s="440"/>
      <c r="EP5" s="440"/>
      <c r="EQ5" s="440"/>
      <c r="ER5" s="440"/>
      <c r="ES5" s="440"/>
      <c r="ET5" s="440"/>
      <c r="EU5" s="440"/>
      <c r="EV5" s="440"/>
      <c r="EW5" s="440"/>
      <c r="EX5" s="440"/>
      <c r="EY5" s="440"/>
      <c r="EZ5" s="440"/>
      <c r="FA5" s="440"/>
      <c r="FB5" s="440"/>
      <c r="FC5" s="440"/>
      <c r="FD5" s="440"/>
      <c r="FE5" s="440"/>
      <c r="FF5" s="440"/>
      <c r="FG5" s="440"/>
      <c r="FH5" s="440"/>
      <c r="FI5" s="440"/>
      <c r="FJ5" s="440"/>
      <c r="FK5" s="441"/>
      <c r="FL5" s="553" t="s">
        <v>67</v>
      </c>
      <c r="FM5" s="554"/>
      <c r="FN5" s="554"/>
      <c r="FO5" s="554"/>
      <c r="FP5" s="554"/>
      <c r="FQ5" s="554"/>
      <c r="FR5" s="554"/>
      <c r="FS5" s="554"/>
      <c r="FT5" s="554"/>
      <c r="FU5" s="554"/>
      <c r="FV5" s="554"/>
      <c r="FW5" s="554"/>
      <c r="FX5" s="554"/>
      <c r="FY5" s="554"/>
      <c r="FZ5" s="554"/>
      <c r="GA5" s="554"/>
      <c r="GB5" s="554"/>
      <c r="GC5" s="554"/>
      <c r="GD5" s="554"/>
      <c r="GE5" s="554"/>
      <c r="GF5" s="554"/>
      <c r="GG5" s="554"/>
      <c r="GH5" s="554"/>
      <c r="GI5" s="554"/>
      <c r="GJ5" s="554"/>
      <c r="GK5" s="554"/>
      <c r="GL5" s="554"/>
      <c r="GM5" s="554"/>
      <c r="GN5" s="554"/>
      <c r="GO5" s="554"/>
      <c r="GP5" s="554"/>
      <c r="GQ5" s="554"/>
      <c r="GR5" s="554"/>
      <c r="GS5" s="554"/>
      <c r="GT5" s="554"/>
      <c r="GU5" s="554"/>
      <c r="GV5" s="554"/>
      <c r="GW5" s="554"/>
      <c r="GX5" s="554"/>
      <c r="GY5" s="554"/>
      <c r="GZ5" s="554"/>
      <c r="HA5" s="554"/>
      <c r="HB5" s="554"/>
      <c r="HC5" s="555"/>
      <c r="HD5" s="539" t="s">
        <v>68</v>
      </c>
      <c r="HE5" s="540"/>
      <c r="HF5" s="540"/>
      <c r="HG5" s="540"/>
      <c r="HH5" s="540"/>
      <c r="HI5" s="540"/>
      <c r="HJ5" s="540"/>
      <c r="HK5" s="540"/>
      <c r="HL5" s="540"/>
      <c r="HM5" s="540"/>
      <c r="HN5" s="541"/>
      <c r="HO5" s="539" t="s">
        <v>69</v>
      </c>
      <c r="HP5" s="540"/>
      <c r="HQ5" s="540"/>
      <c r="HR5" s="540"/>
      <c r="HS5" s="540"/>
      <c r="HT5" s="540"/>
      <c r="HU5" s="540"/>
      <c r="HV5" s="540"/>
      <c r="HW5" s="540"/>
      <c r="HX5" s="540"/>
      <c r="HY5" s="541"/>
      <c r="HZ5" s="572"/>
      <c r="IA5" s="573"/>
      <c r="IB5" s="573"/>
      <c r="IC5" s="573"/>
      <c r="ID5" s="573"/>
      <c r="IE5" s="573"/>
      <c r="IF5" s="573"/>
      <c r="IG5" s="573"/>
      <c r="IH5" s="573"/>
      <c r="II5" s="573"/>
      <c r="IJ5" s="574"/>
      <c r="IK5" s="425" t="s">
        <v>94</v>
      </c>
      <c r="IL5" s="426"/>
      <c r="IM5" s="426"/>
      <c r="IN5" s="426"/>
      <c r="IO5" s="426"/>
      <c r="IP5" s="426"/>
      <c r="IQ5" s="426"/>
      <c r="IR5" s="426"/>
      <c r="IS5" s="426"/>
      <c r="IT5" s="426"/>
      <c r="IU5" s="427"/>
      <c r="IV5" s="425" t="s">
        <v>88</v>
      </c>
      <c r="IW5" s="426"/>
      <c r="IX5" s="426"/>
      <c r="IY5" s="426"/>
      <c r="IZ5" s="426"/>
      <c r="JA5" s="426"/>
      <c r="JB5" s="426"/>
      <c r="JC5" s="426"/>
      <c r="JD5" s="426"/>
      <c r="JE5" s="426"/>
      <c r="JF5" s="427"/>
      <c r="JG5" s="425" t="s">
        <v>141</v>
      </c>
      <c r="JH5" s="426"/>
      <c r="JI5" s="426"/>
      <c r="JJ5" s="426"/>
      <c r="JK5" s="426"/>
      <c r="JL5" s="426"/>
      <c r="JM5" s="426"/>
      <c r="JN5" s="426"/>
      <c r="JO5" s="426"/>
      <c r="JP5" s="426"/>
      <c r="JQ5" s="427"/>
      <c r="JR5" s="425" t="s">
        <v>90</v>
      </c>
      <c r="JS5" s="426"/>
      <c r="JT5" s="426"/>
      <c r="JU5" s="426"/>
      <c r="JV5" s="426"/>
      <c r="JW5" s="426"/>
      <c r="JX5" s="426"/>
      <c r="JY5" s="426"/>
      <c r="JZ5" s="426"/>
      <c r="KA5" s="426"/>
      <c r="KB5" s="427"/>
      <c r="KC5" s="425" t="s">
        <v>89</v>
      </c>
      <c r="KD5" s="426"/>
      <c r="KE5" s="426"/>
      <c r="KF5" s="426"/>
      <c r="KG5" s="426"/>
      <c r="KH5" s="426"/>
      <c r="KI5" s="426"/>
      <c r="KJ5" s="426"/>
      <c r="KK5" s="426"/>
      <c r="KL5" s="426"/>
      <c r="KM5" s="427"/>
      <c r="KN5" s="425" t="s">
        <v>91</v>
      </c>
      <c r="KO5" s="426"/>
      <c r="KP5" s="426"/>
      <c r="KQ5" s="426"/>
      <c r="KR5" s="426"/>
      <c r="KS5" s="426"/>
      <c r="KT5" s="426"/>
      <c r="KU5" s="426"/>
      <c r="KV5" s="426"/>
      <c r="KW5" s="426"/>
      <c r="KX5" s="427"/>
      <c r="KY5" s="425" t="s">
        <v>92</v>
      </c>
      <c r="KZ5" s="426"/>
      <c r="LA5" s="426"/>
      <c r="LB5" s="426"/>
      <c r="LC5" s="426"/>
      <c r="LD5" s="426"/>
      <c r="LE5" s="426"/>
      <c r="LF5" s="426"/>
      <c r="LG5" s="426"/>
      <c r="LH5" s="426"/>
      <c r="LI5" s="427"/>
      <c r="LJ5" s="575" t="s">
        <v>93</v>
      </c>
      <c r="LK5" s="576"/>
      <c r="LL5" s="576"/>
      <c r="LM5" s="576"/>
      <c r="LN5" s="576"/>
      <c r="LO5" s="576"/>
      <c r="LP5" s="576"/>
      <c r="LQ5" s="576"/>
      <c r="LR5" s="576"/>
      <c r="LS5" s="576"/>
      <c r="LT5" s="577"/>
      <c r="LU5" s="575" t="s">
        <v>142</v>
      </c>
      <c r="LV5" s="576"/>
      <c r="LW5" s="576"/>
      <c r="LX5" s="576"/>
      <c r="LY5" s="576"/>
      <c r="LZ5" s="576"/>
      <c r="MA5" s="576"/>
      <c r="MB5" s="576"/>
      <c r="MC5" s="576"/>
      <c r="MD5" s="576"/>
      <c r="ME5" s="577"/>
      <c r="MF5" s="572"/>
      <c r="MG5" s="573"/>
      <c r="MH5" s="573"/>
      <c r="MI5" s="573"/>
      <c r="MJ5" s="573"/>
      <c r="MK5" s="573"/>
      <c r="ML5" s="573"/>
      <c r="MM5" s="573"/>
      <c r="MN5" s="573"/>
      <c r="MO5" s="573"/>
      <c r="MP5" s="574"/>
      <c r="MQ5" s="425" t="s">
        <v>57</v>
      </c>
      <c r="MR5" s="426"/>
      <c r="MS5" s="426"/>
      <c r="MT5" s="426"/>
      <c r="MU5" s="426"/>
      <c r="MV5" s="426"/>
      <c r="MW5" s="426"/>
      <c r="MX5" s="426"/>
      <c r="MY5" s="426"/>
      <c r="MZ5" s="426"/>
      <c r="NA5" s="427"/>
      <c r="NB5" s="425" t="s">
        <v>58</v>
      </c>
      <c r="NC5" s="426"/>
      <c r="ND5" s="426"/>
      <c r="NE5" s="426"/>
      <c r="NF5" s="426"/>
      <c r="NG5" s="426"/>
      <c r="NH5" s="426"/>
      <c r="NI5" s="426"/>
      <c r="NJ5" s="426"/>
      <c r="NK5" s="426"/>
      <c r="NL5" s="427"/>
      <c r="NM5" s="425" t="s">
        <v>59</v>
      </c>
      <c r="NN5" s="426"/>
      <c r="NO5" s="426"/>
      <c r="NP5" s="426"/>
      <c r="NQ5" s="426"/>
      <c r="NR5" s="426"/>
      <c r="NS5" s="426"/>
      <c r="NT5" s="426"/>
      <c r="NU5" s="426"/>
      <c r="NV5" s="426"/>
      <c r="NW5" s="427"/>
      <c r="NX5" s="425" t="s">
        <v>148</v>
      </c>
      <c r="NY5" s="426"/>
      <c r="NZ5" s="426"/>
      <c r="OA5" s="426"/>
      <c r="OB5" s="426"/>
      <c r="OC5" s="426"/>
      <c r="OD5" s="426"/>
      <c r="OE5" s="426"/>
      <c r="OF5" s="426"/>
      <c r="OG5" s="426"/>
      <c r="OH5" s="427"/>
      <c r="OI5" s="443"/>
      <c r="OJ5" s="570"/>
      <c r="OK5" s="570"/>
      <c r="OL5" s="570"/>
      <c r="OM5" s="570"/>
      <c r="ON5" s="570"/>
      <c r="OO5" s="570"/>
      <c r="OP5" s="570"/>
      <c r="OQ5" s="570"/>
      <c r="OR5" s="570"/>
      <c r="OS5" s="571"/>
    </row>
    <row r="6" spans="2:409" ht="21" customHeight="1" thickBot="1" x14ac:dyDescent="0.25">
      <c r="B6" s="548"/>
      <c r="C6" s="552"/>
      <c r="D6" s="552"/>
      <c r="E6" s="552"/>
      <c r="F6" s="552"/>
      <c r="G6" s="552"/>
      <c r="H6" s="552"/>
      <c r="I6" s="552"/>
      <c r="J6" s="552"/>
      <c r="K6" s="552"/>
      <c r="L6" s="552"/>
      <c r="M6" s="552"/>
      <c r="N6" s="431"/>
      <c r="O6" s="432"/>
      <c r="P6" s="432"/>
      <c r="Q6" s="432"/>
      <c r="R6" s="432"/>
      <c r="S6" s="432"/>
      <c r="T6" s="432"/>
      <c r="U6" s="432"/>
      <c r="V6" s="432"/>
      <c r="W6" s="432"/>
      <c r="X6" s="433"/>
      <c r="Y6" s="434" t="s">
        <v>70</v>
      </c>
      <c r="Z6" s="435"/>
      <c r="AA6" s="435"/>
      <c r="AB6" s="435"/>
      <c r="AC6" s="435"/>
      <c r="AD6" s="435"/>
      <c r="AE6" s="435"/>
      <c r="AF6" s="435"/>
      <c r="AG6" s="435"/>
      <c r="AH6" s="435"/>
      <c r="AI6" s="436"/>
      <c r="AJ6" s="536" t="s">
        <v>71</v>
      </c>
      <c r="AK6" s="537"/>
      <c r="AL6" s="537"/>
      <c r="AM6" s="537"/>
      <c r="AN6" s="537"/>
      <c r="AO6" s="537"/>
      <c r="AP6" s="537"/>
      <c r="AQ6" s="537"/>
      <c r="AR6" s="537"/>
      <c r="AS6" s="537"/>
      <c r="AT6" s="538"/>
      <c r="AU6" s="536" t="s">
        <v>72</v>
      </c>
      <c r="AV6" s="537"/>
      <c r="AW6" s="537"/>
      <c r="AX6" s="537"/>
      <c r="AY6" s="537"/>
      <c r="AZ6" s="537"/>
      <c r="BA6" s="537"/>
      <c r="BB6" s="537"/>
      <c r="BC6" s="537"/>
      <c r="BD6" s="537"/>
      <c r="BE6" s="538"/>
      <c r="BF6" s="536" t="s">
        <v>73</v>
      </c>
      <c r="BG6" s="537"/>
      <c r="BH6" s="537"/>
      <c r="BI6" s="537"/>
      <c r="BJ6" s="537"/>
      <c r="BK6" s="537"/>
      <c r="BL6" s="537"/>
      <c r="BM6" s="537"/>
      <c r="BN6" s="537"/>
      <c r="BO6" s="537"/>
      <c r="BP6" s="538"/>
      <c r="BQ6" s="536" t="s">
        <v>74</v>
      </c>
      <c r="BR6" s="537"/>
      <c r="BS6" s="537"/>
      <c r="BT6" s="537"/>
      <c r="BU6" s="537"/>
      <c r="BV6" s="537"/>
      <c r="BW6" s="537"/>
      <c r="BX6" s="537"/>
      <c r="BY6" s="537"/>
      <c r="BZ6" s="537"/>
      <c r="CA6" s="538"/>
      <c r="CB6" s="533"/>
      <c r="CC6" s="534"/>
      <c r="CD6" s="534"/>
      <c r="CE6" s="534"/>
      <c r="CF6" s="534"/>
      <c r="CG6" s="534"/>
      <c r="CH6" s="534"/>
      <c r="CI6" s="534"/>
      <c r="CJ6" s="534"/>
      <c r="CK6" s="534"/>
      <c r="CL6" s="535"/>
      <c r="CM6" s="536" t="s">
        <v>75</v>
      </c>
      <c r="CN6" s="537"/>
      <c r="CO6" s="537"/>
      <c r="CP6" s="537"/>
      <c r="CQ6" s="537"/>
      <c r="CR6" s="537"/>
      <c r="CS6" s="537"/>
      <c r="CT6" s="537"/>
      <c r="CU6" s="537"/>
      <c r="CV6" s="537"/>
      <c r="CW6" s="538"/>
      <c r="CX6" s="536" t="s">
        <v>76</v>
      </c>
      <c r="CY6" s="537"/>
      <c r="CZ6" s="537"/>
      <c r="DA6" s="537"/>
      <c r="DB6" s="537"/>
      <c r="DC6" s="537"/>
      <c r="DD6" s="537"/>
      <c r="DE6" s="537"/>
      <c r="DF6" s="537"/>
      <c r="DG6" s="537"/>
      <c r="DH6" s="538"/>
      <c r="DI6" s="533"/>
      <c r="DJ6" s="534"/>
      <c r="DK6" s="534"/>
      <c r="DL6" s="534"/>
      <c r="DM6" s="534"/>
      <c r="DN6" s="534"/>
      <c r="DO6" s="534"/>
      <c r="DP6" s="534"/>
      <c r="DQ6" s="534"/>
      <c r="DR6" s="534"/>
      <c r="DS6" s="534"/>
      <c r="DT6" s="536" t="s">
        <v>77</v>
      </c>
      <c r="DU6" s="537"/>
      <c r="DV6" s="537"/>
      <c r="DW6" s="537"/>
      <c r="DX6" s="537"/>
      <c r="DY6" s="537"/>
      <c r="DZ6" s="537"/>
      <c r="EA6" s="537"/>
      <c r="EB6" s="537"/>
      <c r="EC6" s="537"/>
      <c r="ED6" s="538"/>
      <c r="EE6" s="536" t="s">
        <v>78</v>
      </c>
      <c r="EF6" s="537"/>
      <c r="EG6" s="537"/>
      <c r="EH6" s="537"/>
      <c r="EI6" s="537"/>
      <c r="EJ6" s="537"/>
      <c r="EK6" s="537"/>
      <c r="EL6" s="537"/>
      <c r="EM6" s="537"/>
      <c r="EN6" s="537"/>
      <c r="EO6" s="538"/>
      <c r="EP6" s="536" t="s">
        <v>79</v>
      </c>
      <c r="EQ6" s="537"/>
      <c r="ER6" s="537"/>
      <c r="ES6" s="537"/>
      <c r="ET6" s="537"/>
      <c r="EU6" s="537"/>
      <c r="EV6" s="537"/>
      <c r="EW6" s="537"/>
      <c r="EX6" s="537"/>
      <c r="EY6" s="537"/>
      <c r="EZ6" s="538"/>
      <c r="FA6" s="536" t="s">
        <v>149</v>
      </c>
      <c r="FB6" s="537"/>
      <c r="FC6" s="537"/>
      <c r="FD6" s="537"/>
      <c r="FE6" s="537"/>
      <c r="FF6" s="537"/>
      <c r="FG6" s="537"/>
      <c r="FH6" s="537"/>
      <c r="FI6" s="537"/>
      <c r="FJ6" s="537"/>
      <c r="FK6" s="538"/>
      <c r="FL6" s="533"/>
      <c r="FM6" s="534"/>
      <c r="FN6" s="534"/>
      <c r="FO6" s="534"/>
      <c r="FP6" s="534"/>
      <c r="FQ6" s="534"/>
      <c r="FR6" s="534"/>
      <c r="FS6" s="534"/>
      <c r="FT6" s="534"/>
      <c r="FU6" s="534"/>
      <c r="FV6" s="534"/>
      <c r="FW6" s="536" t="s">
        <v>80</v>
      </c>
      <c r="FX6" s="537"/>
      <c r="FY6" s="537"/>
      <c r="FZ6" s="537"/>
      <c r="GA6" s="537"/>
      <c r="GB6" s="537"/>
      <c r="GC6" s="537"/>
      <c r="GD6" s="537"/>
      <c r="GE6" s="537"/>
      <c r="GF6" s="537"/>
      <c r="GG6" s="538"/>
      <c r="GH6" s="434" t="s">
        <v>81</v>
      </c>
      <c r="GI6" s="435"/>
      <c r="GJ6" s="435"/>
      <c r="GK6" s="435"/>
      <c r="GL6" s="435"/>
      <c r="GM6" s="435"/>
      <c r="GN6" s="435"/>
      <c r="GO6" s="435"/>
      <c r="GP6" s="435"/>
      <c r="GQ6" s="435"/>
      <c r="GR6" s="436"/>
      <c r="GS6" s="434" t="s">
        <v>82</v>
      </c>
      <c r="GT6" s="435"/>
      <c r="GU6" s="435"/>
      <c r="GV6" s="435"/>
      <c r="GW6" s="435"/>
      <c r="GX6" s="435"/>
      <c r="GY6" s="435"/>
      <c r="GZ6" s="435"/>
      <c r="HA6" s="435"/>
      <c r="HB6" s="435"/>
      <c r="HC6" s="436"/>
      <c r="HD6" s="556"/>
      <c r="HE6" s="557"/>
      <c r="HF6" s="557"/>
      <c r="HG6" s="557"/>
      <c r="HH6" s="557"/>
      <c r="HI6" s="557"/>
      <c r="HJ6" s="557"/>
      <c r="HK6" s="557"/>
      <c r="HL6" s="557"/>
      <c r="HM6" s="557"/>
      <c r="HN6" s="558"/>
      <c r="HO6" s="556"/>
      <c r="HP6" s="557"/>
      <c r="HQ6" s="557"/>
      <c r="HR6" s="557"/>
      <c r="HS6" s="557"/>
      <c r="HT6" s="557"/>
      <c r="HU6" s="557"/>
      <c r="HV6" s="557"/>
      <c r="HW6" s="557"/>
      <c r="HX6" s="557"/>
      <c r="HY6" s="558"/>
      <c r="HZ6" s="533"/>
      <c r="IA6" s="534"/>
      <c r="IB6" s="534"/>
      <c r="IC6" s="534"/>
      <c r="ID6" s="534"/>
      <c r="IE6" s="534"/>
      <c r="IF6" s="534"/>
      <c r="IG6" s="534"/>
      <c r="IH6" s="534"/>
      <c r="II6" s="534"/>
      <c r="IJ6" s="535"/>
      <c r="IK6" s="431"/>
      <c r="IL6" s="432"/>
      <c r="IM6" s="432"/>
      <c r="IN6" s="432"/>
      <c r="IO6" s="432"/>
      <c r="IP6" s="432"/>
      <c r="IQ6" s="432"/>
      <c r="IR6" s="432"/>
      <c r="IS6" s="432"/>
      <c r="IT6" s="432"/>
      <c r="IU6" s="433"/>
      <c r="IV6" s="431"/>
      <c r="IW6" s="432"/>
      <c r="IX6" s="432"/>
      <c r="IY6" s="432"/>
      <c r="IZ6" s="432"/>
      <c r="JA6" s="432"/>
      <c r="JB6" s="432"/>
      <c r="JC6" s="432"/>
      <c r="JD6" s="432"/>
      <c r="JE6" s="432"/>
      <c r="JF6" s="433"/>
      <c r="JG6" s="431"/>
      <c r="JH6" s="432"/>
      <c r="JI6" s="432"/>
      <c r="JJ6" s="432"/>
      <c r="JK6" s="432"/>
      <c r="JL6" s="432"/>
      <c r="JM6" s="432"/>
      <c r="JN6" s="432"/>
      <c r="JO6" s="432"/>
      <c r="JP6" s="432"/>
      <c r="JQ6" s="433"/>
      <c r="JR6" s="431"/>
      <c r="JS6" s="432"/>
      <c r="JT6" s="432"/>
      <c r="JU6" s="432"/>
      <c r="JV6" s="432"/>
      <c r="JW6" s="432"/>
      <c r="JX6" s="432"/>
      <c r="JY6" s="432"/>
      <c r="JZ6" s="432"/>
      <c r="KA6" s="432"/>
      <c r="KB6" s="433"/>
      <c r="KC6" s="431"/>
      <c r="KD6" s="432"/>
      <c r="KE6" s="432"/>
      <c r="KF6" s="432"/>
      <c r="KG6" s="432"/>
      <c r="KH6" s="432"/>
      <c r="KI6" s="432"/>
      <c r="KJ6" s="432"/>
      <c r="KK6" s="432"/>
      <c r="KL6" s="432"/>
      <c r="KM6" s="433"/>
      <c r="KN6" s="431"/>
      <c r="KO6" s="432"/>
      <c r="KP6" s="432"/>
      <c r="KQ6" s="432"/>
      <c r="KR6" s="432"/>
      <c r="KS6" s="432"/>
      <c r="KT6" s="432"/>
      <c r="KU6" s="432"/>
      <c r="KV6" s="432"/>
      <c r="KW6" s="432"/>
      <c r="KX6" s="433"/>
      <c r="KY6" s="431"/>
      <c r="KZ6" s="432"/>
      <c r="LA6" s="432"/>
      <c r="LB6" s="432"/>
      <c r="LC6" s="432"/>
      <c r="LD6" s="432"/>
      <c r="LE6" s="432"/>
      <c r="LF6" s="432"/>
      <c r="LG6" s="432"/>
      <c r="LH6" s="432"/>
      <c r="LI6" s="433"/>
      <c r="LJ6" s="533"/>
      <c r="LK6" s="534"/>
      <c r="LL6" s="534"/>
      <c r="LM6" s="534"/>
      <c r="LN6" s="534"/>
      <c r="LO6" s="534"/>
      <c r="LP6" s="534"/>
      <c r="LQ6" s="534"/>
      <c r="LR6" s="534"/>
      <c r="LS6" s="534"/>
      <c r="LT6" s="535"/>
      <c r="LU6" s="533"/>
      <c r="LV6" s="534"/>
      <c r="LW6" s="534"/>
      <c r="LX6" s="534"/>
      <c r="LY6" s="534"/>
      <c r="LZ6" s="534"/>
      <c r="MA6" s="534"/>
      <c r="MB6" s="534"/>
      <c r="MC6" s="534"/>
      <c r="MD6" s="534"/>
      <c r="ME6" s="535"/>
      <c r="MF6" s="533"/>
      <c r="MG6" s="534"/>
      <c r="MH6" s="534"/>
      <c r="MI6" s="534"/>
      <c r="MJ6" s="534"/>
      <c r="MK6" s="534"/>
      <c r="ML6" s="534"/>
      <c r="MM6" s="534"/>
      <c r="MN6" s="534"/>
      <c r="MO6" s="534"/>
      <c r="MP6" s="535"/>
      <c r="MQ6" s="431"/>
      <c r="MR6" s="432"/>
      <c r="MS6" s="432"/>
      <c r="MT6" s="432"/>
      <c r="MU6" s="432"/>
      <c r="MV6" s="432"/>
      <c r="MW6" s="432"/>
      <c r="MX6" s="432"/>
      <c r="MY6" s="432"/>
      <c r="MZ6" s="432"/>
      <c r="NA6" s="433"/>
      <c r="NB6" s="431"/>
      <c r="NC6" s="432"/>
      <c r="ND6" s="432"/>
      <c r="NE6" s="432"/>
      <c r="NF6" s="432"/>
      <c r="NG6" s="432"/>
      <c r="NH6" s="432"/>
      <c r="NI6" s="432"/>
      <c r="NJ6" s="432"/>
      <c r="NK6" s="432"/>
      <c r="NL6" s="433"/>
      <c r="NM6" s="431"/>
      <c r="NN6" s="432"/>
      <c r="NO6" s="432"/>
      <c r="NP6" s="432"/>
      <c r="NQ6" s="432"/>
      <c r="NR6" s="432"/>
      <c r="NS6" s="432"/>
      <c r="NT6" s="432"/>
      <c r="NU6" s="432"/>
      <c r="NV6" s="432"/>
      <c r="NW6" s="433"/>
      <c r="NX6" s="431"/>
      <c r="NY6" s="432"/>
      <c r="NZ6" s="432"/>
      <c r="OA6" s="432"/>
      <c r="OB6" s="432"/>
      <c r="OC6" s="432"/>
      <c r="OD6" s="432"/>
      <c r="OE6" s="432"/>
      <c r="OF6" s="432"/>
      <c r="OG6" s="432"/>
      <c r="OH6" s="433"/>
      <c r="OI6" s="431"/>
      <c r="OJ6" s="432"/>
      <c r="OK6" s="432"/>
      <c r="OL6" s="432"/>
      <c r="OM6" s="432"/>
      <c r="ON6" s="432"/>
      <c r="OO6" s="432"/>
      <c r="OP6" s="432"/>
      <c r="OQ6" s="432"/>
      <c r="OR6" s="432"/>
      <c r="OS6" s="433"/>
    </row>
    <row r="7" spans="2:409" ht="21" customHeight="1" x14ac:dyDescent="0.2">
      <c r="B7" s="548"/>
      <c r="C7" s="516" t="s">
        <v>61</v>
      </c>
      <c r="D7" s="516"/>
      <c r="E7" s="516"/>
      <c r="F7" s="515" t="s">
        <v>62</v>
      </c>
      <c r="G7" s="516"/>
      <c r="H7" s="516"/>
      <c r="I7" s="516"/>
      <c r="J7" s="516"/>
      <c r="K7" s="516"/>
      <c r="L7" s="516"/>
      <c r="M7" s="515" t="s">
        <v>52</v>
      </c>
      <c r="N7" s="560" t="s">
        <v>61</v>
      </c>
      <c r="O7" s="516"/>
      <c r="P7" s="516"/>
      <c r="Q7" s="515" t="s">
        <v>62</v>
      </c>
      <c r="R7" s="516"/>
      <c r="S7" s="516"/>
      <c r="T7" s="516"/>
      <c r="U7" s="516"/>
      <c r="V7" s="516"/>
      <c r="W7" s="517"/>
      <c r="X7" s="545" t="s">
        <v>52</v>
      </c>
      <c r="Y7" s="431" t="s">
        <v>61</v>
      </c>
      <c r="Z7" s="432"/>
      <c r="AA7" s="524"/>
      <c r="AB7" s="523" t="s">
        <v>62</v>
      </c>
      <c r="AC7" s="432"/>
      <c r="AD7" s="432"/>
      <c r="AE7" s="432"/>
      <c r="AF7" s="432"/>
      <c r="AG7" s="432"/>
      <c r="AH7" s="524"/>
      <c r="AI7" s="433" t="s">
        <v>52</v>
      </c>
      <c r="AJ7" s="520" t="s">
        <v>61</v>
      </c>
      <c r="AK7" s="521"/>
      <c r="AL7" s="522"/>
      <c r="AM7" s="543" t="s">
        <v>62</v>
      </c>
      <c r="AN7" s="521"/>
      <c r="AO7" s="521"/>
      <c r="AP7" s="521"/>
      <c r="AQ7" s="521"/>
      <c r="AR7" s="521"/>
      <c r="AS7" s="544"/>
      <c r="AT7" s="433" t="s">
        <v>52</v>
      </c>
      <c r="AU7" s="520" t="s">
        <v>61</v>
      </c>
      <c r="AV7" s="521"/>
      <c r="AW7" s="522"/>
      <c r="AX7" s="543" t="s">
        <v>62</v>
      </c>
      <c r="AY7" s="521"/>
      <c r="AZ7" s="521"/>
      <c r="BA7" s="521"/>
      <c r="BB7" s="521"/>
      <c r="BC7" s="521"/>
      <c r="BD7" s="544"/>
      <c r="BE7" s="433" t="s">
        <v>52</v>
      </c>
      <c r="BF7" s="520" t="s">
        <v>61</v>
      </c>
      <c r="BG7" s="521"/>
      <c r="BH7" s="522"/>
      <c r="BI7" s="543" t="s">
        <v>62</v>
      </c>
      <c r="BJ7" s="521"/>
      <c r="BK7" s="521"/>
      <c r="BL7" s="521"/>
      <c r="BM7" s="521"/>
      <c r="BN7" s="521"/>
      <c r="BO7" s="544"/>
      <c r="BP7" s="433" t="s">
        <v>52</v>
      </c>
      <c r="BQ7" s="520" t="s">
        <v>61</v>
      </c>
      <c r="BR7" s="521"/>
      <c r="BS7" s="522"/>
      <c r="BT7" s="543" t="s">
        <v>62</v>
      </c>
      <c r="BU7" s="521"/>
      <c r="BV7" s="521"/>
      <c r="BW7" s="521"/>
      <c r="BX7" s="521"/>
      <c r="BY7" s="521"/>
      <c r="BZ7" s="544"/>
      <c r="CA7" s="433" t="s">
        <v>52</v>
      </c>
      <c r="CB7" s="512" t="s">
        <v>61</v>
      </c>
      <c r="CC7" s="513"/>
      <c r="CD7" s="514"/>
      <c r="CE7" s="561" t="s">
        <v>62</v>
      </c>
      <c r="CF7" s="513"/>
      <c r="CG7" s="513"/>
      <c r="CH7" s="513"/>
      <c r="CI7" s="513"/>
      <c r="CJ7" s="513"/>
      <c r="CK7" s="562"/>
      <c r="CL7" s="545" t="s">
        <v>52</v>
      </c>
      <c r="CM7" s="520" t="s">
        <v>61</v>
      </c>
      <c r="CN7" s="521"/>
      <c r="CO7" s="544"/>
      <c r="CP7" s="543" t="s">
        <v>62</v>
      </c>
      <c r="CQ7" s="521"/>
      <c r="CR7" s="521"/>
      <c r="CS7" s="521"/>
      <c r="CT7" s="521"/>
      <c r="CU7" s="521"/>
      <c r="CV7" s="544"/>
      <c r="CW7" s="567" t="s">
        <v>52</v>
      </c>
      <c r="CX7" s="520" t="s">
        <v>61</v>
      </c>
      <c r="CY7" s="521"/>
      <c r="CZ7" s="544"/>
      <c r="DA7" s="543" t="s">
        <v>62</v>
      </c>
      <c r="DB7" s="521"/>
      <c r="DC7" s="521"/>
      <c r="DD7" s="521"/>
      <c r="DE7" s="521"/>
      <c r="DF7" s="521"/>
      <c r="DG7" s="544"/>
      <c r="DH7" s="567" t="s">
        <v>52</v>
      </c>
      <c r="DI7" s="512" t="s">
        <v>61</v>
      </c>
      <c r="DJ7" s="513"/>
      <c r="DK7" s="562"/>
      <c r="DL7" s="561" t="s">
        <v>62</v>
      </c>
      <c r="DM7" s="513"/>
      <c r="DN7" s="513"/>
      <c r="DO7" s="513"/>
      <c r="DP7" s="513"/>
      <c r="DQ7" s="513"/>
      <c r="DR7" s="562"/>
      <c r="DS7" s="545" t="s">
        <v>52</v>
      </c>
      <c r="DT7" s="520" t="s">
        <v>61</v>
      </c>
      <c r="DU7" s="521"/>
      <c r="DV7" s="522"/>
      <c r="DW7" s="543" t="s">
        <v>62</v>
      </c>
      <c r="DX7" s="521"/>
      <c r="DY7" s="521"/>
      <c r="DZ7" s="521"/>
      <c r="EA7" s="521"/>
      <c r="EB7" s="521"/>
      <c r="EC7" s="544"/>
      <c r="ED7" s="433" t="s">
        <v>52</v>
      </c>
      <c r="EE7" s="520" t="s">
        <v>61</v>
      </c>
      <c r="EF7" s="521"/>
      <c r="EG7" s="522"/>
      <c r="EH7" s="543" t="s">
        <v>62</v>
      </c>
      <c r="EI7" s="521"/>
      <c r="EJ7" s="521"/>
      <c r="EK7" s="521"/>
      <c r="EL7" s="521"/>
      <c r="EM7" s="521"/>
      <c r="EN7" s="544"/>
      <c r="EO7" s="433" t="s">
        <v>52</v>
      </c>
      <c r="EP7" s="520" t="s">
        <v>61</v>
      </c>
      <c r="EQ7" s="521"/>
      <c r="ER7" s="522"/>
      <c r="ES7" s="543" t="s">
        <v>62</v>
      </c>
      <c r="ET7" s="521"/>
      <c r="EU7" s="521"/>
      <c r="EV7" s="521"/>
      <c r="EW7" s="521"/>
      <c r="EX7" s="521"/>
      <c r="EY7" s="544"/>
      <c r="EZ7" s="433" t="s">
        <v>52</v>
      </c>
      <c r="FA7" s="520" t="s">
        <v>61</v>
      </c>
      <c r="FB7" s="521"/>
      <c r="FC7" s="522"/>
      <c r="FD7" s="543" t="s">
        <v>62</v>
      </c>
      <c r="FE7" s="521"/>
      <c r="FF7" s="521"/>
      <c r="FG7" s="521"/>
      <c r="FH7" s="521"/>
      <c r="FI7" s="521"/>
      <c r="FJ7" s="544"/>
      <c r="FK7" s="433" t="s">
        <v>52</v>
      </c>
      <c r="FL7" s="512" t="s">
        <v>61</v>
      </c>
      <c r="FM7" s="513"/>
      <c r="FN7" s="514"/>
      <c r="FO7" s="561" t="s">
        <v>62</v>
      </c>
      <c r="FP7" s="513"/>
      <c r="FQ7" s="513"/>
      <c r="FR7" s="513"/>
      <c r="FS7" s="513"/>
      <c r="FT7" s="513"/>
      <c r="FU7" s="562"/>
      <c r="FV7" s="516" t="s">
        <v>52</v>
      </c>
      <c r="FW7" s="520" t="s">
        <v>61</v>
      </c>
      <c r="FX7" s="521"/>
      <c r="FY7" s="522"/>
      <c r="FZ7" s="543" t="s">
        <v>62</v>
      </c>
      <c r="GA7" s="521"/>
      <c r="GB7" s="521"/>
      <c r="GC7" s="521"/>
      <c r="GD7" s="521"/>
      <c r="GE7" s="521"/>
      <c r="GF7" s="544"/>
      <c r="GG7" s="433" t="s">
        <v>52</v>
      </c>
      <c r="GH7" s="431" t="s">
        <v>61</v>
      </c>
      <c r="GI7" s="432"/>
      <c r="GJ7" s="432"/>
      <c r="GK7" s="523" t="s">
        <v>62</v>
      </c>
      <c r="GL7" s="432"/>
      <c r="GM7" s="432"/>
      <c r="GN7" s="432"/>
      <c r="GO7" s="432"/>
      <c r="GP7" s="432"/>
      <c r="GQ7" s="524"/>
      <c r="GR7" s="564" t="s">
        <v>52</v>
      </c>
      <c r="GS7" s="431" t="s">
        <v>61</v>
      </c>
      <c r="GT7" s="432"/>
      <c r="GU7" s="524"/>
      <c r="GV7" s="523" t="s">
        <v>62</v>
      </c>
      <c r="GW7" s="432"/>
      <c r="GX7" s="432"/>
      <c r="GY7" s="432"/>
      <c r="GZ7" s="432"/>
      <c r="HA7" s="432"/>
      <c r="HB7" s="524"/>
      <c r="HC7" s="564" t="s">
        <v>52</v>
      </c>
      <c r="HD7" s="520" t="s">
        <v>61</v>
      </c>
      <c r="HE7" s="521"/>
      <c r="HF7" s="522"/>
      <c r="HG7" s="543" t="s">
        <v>62</v>
      </c>
      <c r="HH7" s="521"/>
      <c r="HI7" s="521"/>
      <c r="HJ7" s="521"/>
      <c r="HK7" s="521"/>
      <c r="HL7" s="521"/>
      <c r="HM7" s="544"/>
      <c r="HN7" s="433" t="s">
        <v>52</v>
      </c>
      <c r="HO7" s="520" t="s">
        <v>61</v>
      </c>
      <c r="HP7" s="521"/>
      <c r="HQ7" s="522"/>
      <c r="HR7" s="543" t="s">
        <v>62</v>
      </c>
      <c r="HS7" s="521"/>
      <c r="HT7" s="521"/>
      <c r="HU7" s="521"/>
      <c r="HV7" s="521"/>
      <c r="HW7" s="521"/>
      <c r="HX7" s="544"/>
      <c r="HY7" s="433" t="s">
        <v>52</v>
      </c>
      <c r="HZ7" s="512" t="s">
        <v>61</v>
      </c>
      <c r="IA7" s="513"/>
      <c r="IB7" s="514"/>
      <c r="IC7" s="561" t="s">
        <v>62</v>
      </c>
      <c r="ID7" s="513"/>
      <c r="IE7" s="513"/>
      <c r="IF7" s="513"/>
      <c r="IG7" s="513"/>
      <c r="IH7" s="513"/>
      <c r="II7" s="562"/>
      <c r="IJ7" s="516" t="s">
        <v>52</v>
      </c>
      <c r="IK7" s="520" t="s">
        <v>61</v>
      </c>
      <c r="IL7" s="521"/>
      <c r="IM7" s="522"/>
      <c r="IN7" s="543" t="s">
        <v>62</v>
      </c>
      <c r="IO7" s="521"/>
      <c r="IP7" s="521"/>
      <c r="IQ7" s="521"/>
      <c r="IR7" s="521"/>
      <c r="IS7" s="521"/>
      <c r="IT7" s="544"/>
      <c r="IU7" s="433" t="s">
        <v>52</v>
      </c>
      <c r="IV7" s="520" t="s">
        <v>61</v>
      </c>
      <c r="IW7" s="521"/>
      <c r="IX7" s="544"/>
      <c r="IY7" s="543" t="s">
        <v>62</v>
      </c>
      <c r="IZ7" s="521"/>
      <c r="JA7" s="521"/>
      <c r="JB7" s="521"/>
      <c r="JC7" s="521"/>
      <c r="JD7" s="521"/>
      <c r="JE7" s="544"/>
      <c r="JF7" s="433" t="s">
        <v>52</v>
      </c>
      <c r="JG7" s="520" t="s">
        <v>61</v>
      </c>
      <c r="JH7" s="521"/>
      <c r="JI7" s="522"/>
      <c r="JJ7" s="543" t="s">
        <v>62</v>
      </c>
      <c r="JK7" s="521"/>
      <c r="JL7" s="521"/>
      <c r="JM7" s="521"/>
      <c r="JN7" s="521"/>
      <c r="JO7" s="521"/>
      <c r="JP7" s="544"/>
      <c r="JQ7" s="567" t="s">
        <v>52</v>
      </c>
      <c r="JR7" s="520" t="s">
        <v>61</v>
      </c>
      <c r="JS7" s="521"/>
      <c r="JT7" s="522"/>
      <c r="JU7" s="543" t="s">
        <v>62</v>
      </c>
      <c r="JV7" s="521"/>
      <c r="JW7" s="521"/>
      <c r="JX7" s="521"/>
      <c r="JY7" s="521"/>
      <c r="JZ7" s="521"/>
      <c r="KA7" s="544"/>
      <c r="KB7" s="567" t="s">
        <v>52</v>
      </c>
      <c r="KC7" s="520" t="s">
        <v>61</v>
      </c>
      <c r="KD7" s="521"/>
      <c r="KE7" s="522"/>
      <c r="KF7" s="543" t="s">
        <v>62</v>
      </c>
      <c r="KG7" s="521"/>
      <c r="KH7" s="521"/>
      <c r="KI7" s="521"/>
      <c r="KJ7" s="521"/>
      <c r="KK7" s="521"/>
      <c r="KL7" s="544"/>
      <c r="KM7" s="567" t="s">
        <v>52</v>
      </c>
      <c r="KN7" s="520" t="s">
        <v>61</v>
      </c>
      <c r="KO7" s="521"/>
      <c r="KP7" s="522"/>
      <c r="KQ7" s="543" t="s">
        <v>62</v>
      </c>
      <c r="KR7" s="521"/>
      <c r="KS7" s="521"/>
      <c r="KT7" s="521"/>
      <c r="KU7" s="521"/>
      <c r="KV7" s="521"/>
      <c r="KW7" s="544"/>
      <c r="KX7" s="567" t="s">
        <v>52</v>
      </c>
      <c r="KY7" s="520" t="s">
        <v>61</v>
      </c>
      <c r="KZ7" s="521"/>
      <c r="LA7" s="522"/>
      <c r="LB7" s="543" t="s">
        <v>62</v>
      </c>
      <c r="LC7" s="521"/>
      <c r="LD7" s="521"/>
      <c r="LE7" s="521"/>
      <c r="LF7" s="521"/>
      <c r="LG7" s="521"/>
      <c r="LH7" s="544"/>
      <c r="LI7" s="567" t="s">
        <v>52</v>
      </c>
      <c r="LJ7" s="520" t="s">
        <v>61</v>
      </c>
      <c r="LK7" s="521"/>
      <c r="LL7" s="522"/>
      <c r="LM7" s="543" t="s">
        <v>62</v>
      </c>
      <c r="LN7" s="521"/>
      <c r="LO7" s="521"/>
      <c r="LP7" s="521"/>
      <c r="LQ7" s="521"/>
      <c r="LR7" s="521"/>
      <c r="LS7" s="544"/>
      <c r="LT7" s="567" t="s">
        <v>52</v>
      </c>
      <c r="LU7" s="520" t="s">
        <v>61</v>
      </c>
      <c r="LV7" s="521"/>
      <c r="LW7" s="522"/>
      <c r="LX7" s="543" t="s">
        <v>62</v>
      </c>
      <c r="LY7" s="521"/>
      <c r="LZ7" s="521"/>
      <c r="MA7" s="521"/>
      <c r="MB7" s="521"/>
      <c r="MC7" s="521"/>
      <c r="MD7" s="544"/>
      <c r="ME7" s="567" t="s">
        <v>52</v>
      </c>
      <c r="MF7" s="512" t="s">
        <v>61</v>
      </c>
      <c r="MG7" s="513"/>
      <c r="MH7" s="514"/>
      <c r="MI7" s="561" t="s">
        <v>62</v>
      </c>
      <c r="MJ7" s="513"/>
      <c r="MK7" s="513"/>
      <c r="ML7" s="513"/>
      <c r="MM7" s="513"/>
      <c r="MN7" s="513"/>
      <c r="MO7" s="562"/>
      <c r="MP7" s="545" t="s">
        <v>52</v>
      </c>
      <c r="MQ7" s="520" t="s">
        <v>61</v>
      </c>
      <c r="MR7" s="521"/>
      <c r="MS7" s="522"/>
      <c r="MT7" s="543" t="s">
        <v>62</v>
      </c>
      <c r="MU7" s="521"/>
      <c r="MV7" s="521"/>
      <c r="MW7" s="521"/>
      <c r="MX7" s="521"/>
      <c r="MY7" s="521"/>
      <c r="MZ7" s="544"/>
      <c r="NA7" s="567" t="s">
        <v>52</v>
      </c>
      <c r="NB7" s="520" t="s">
        <v>61</v>
      </c>
      <c r="NC7" s="521"/>
      <c r="ND7" s="522"/>
      <c r="NE7" s="543" t="s">
        <v>62</v>
      </c>
      <c r="NF7" s="521"/>
      <c r="NG7" s="521"/>
      <c r="NH7" s="521"/>
      <c r="NI7" s="521"/>
      <c r="NJ7" s="521"/>
      <c r="NK7" s="544"/>
      <c r="NL7" s="567" t="s">
        <v>52</v>
      </c>
      <c r="NM7" s="520" t="s">
        <v>61</v>
      </c>
      <c r="NN7" s="521"/>
      <c r="NO7" s="522"/>
      <c r="NP7" s="543" t="s">
        <v>62</v>
      </c>
      <c r="NQ7" s="521"/>
      <c r="NR7" s="521"/>
      <c r="NS7" s="521"/>
      <c r="NT7" s="521"/>
      <c r="NU7" s="521"/>
      <c r="NV7" s="544"/>
      <c r="NW7" s="567" t="s">
        <v>52</v>
      </c>
      <c r="NX7" s="520" t="s">
        <v>61</v>
      </c>
      <c r="NY7" s="521"/>
      <c r="NZ7" s="522"/>
      <c r="OA7" s="543" t="s">
        <v>62</v>
      </c>
      <c r="OB7" s="521"/>
      <c r="OC7" s="521"/>
      <c r="OD7" s="521"/>
      <c r="OE7" s="521"/>
      <c r="OF7" s="521"/>
      <c r="OG7" s="544"/>
      <c r="OH7" s="567" t="s">
        <v>52</v>
      </c>
      <c r="OI7" s="512" t="s">
        <v>61</v>
      </c>
      <c r="OJ7" s="513"/>
      <c r="OK7" s="514"/>
      <c r="OL7" s="561" t="s">
        <v>62</v>
      </c>
      <c r="OM7" s="513"/>
      <c r="ON7" s="513"/>
      <c r="OO7" s="513"/>
      <c r="OP7" s="513"/>
      <c r="OQ7" s="513"/>
      <c r="OR7" s="562"/>
      <c r="OS7" s="545" t="s">
        <v>52</v>
      </c>
    </row>
    <row r="8" spans="2:409" ht="30" customHeight="1" thickBot="1" x14ac:dyDescent="0.25">
      <c r="B8" s="549"/>
      <c r="C8" s="249" t="s">
        <v>43</v>
      </c>
      <c r="D8" s="74" t="s">
        <v>44</v>
      </c>
      <c r="E8" s="250" t="s">
        <v>45</v>
      </c>
      <c r="F8" s="76" t="s">
        <v>83</v>
      </c>
      <c r="G8" s="74" t="s">
        <v>47</v>
      </c>
      <c r="H8" s="74" t="s">
        <v>48</v>
      </c>
      <c r="I8" s="74" t="s">
        <v>49</v>
      </c>
      <c r="J8" s="74" t="s">
        <v>50</v>
      </c>
      <c r="K8" s="74" t="s">
        <v>51</v>
      </c>
      <c r="L8" s="75" t="s">
        <v>45</v>
      </c>
      <c r="M8" s="559"/>
      <c r="N8" s="73" t="s">
        <v>43</v>
      </c>
      <c r="O8" s="74" t="s">
        <v>44</v>
      </c>
      <c r="P8" s="75" t="s">
        <v>45</v>
      </c>
      <c r="Q8" s="76" t="s">
        <v>83</v>
      </c>
      <c r="R8" s="74" t="s">
        <v>47</v>
      </c>
      <c r="S8" s="74" t="s">
        <v>48</v>
      </c>
      <c r="T8" s="74" t="s">
        <v>49</v>
      </c>
      <c r="U8" s="74" t="s">
        <v>50</v>
      </c>
      <c r="V8" s="74" t="s">
        <v>51</v>
      </c>
      <c r="W8" s="75" t="s">
        <v>45</v>
      </c>
      <c r="X8" s="546"/>
      <c r="Y8" s="73" t="s">
        <v>43</v>
      </c>
      <c r="Z8" s="74" t="s">
        <v>44</v>
      </c>
      <c r="AA8" s="75" t="s">
        <v>45</v>
      </c>
      <c r="AB8" s="76" t="s">
        <v>83</v>
      </c>
      <c r="AC8" s="74" t="s">
        <v>47</v>
      </c>
      <c r="AD8" s="74" t="s">
        <v>48</v>
      </c>
      <c r="AE8" s="74" t="s">
        <v>49</v>
      </c>
      <c r="AF8" s="74" t="s">
        <v>50</v>
      </c>
      <c r="AG8" s="74" t="s">
        <v>51</v>
      </c>
      <c r="AH8" s="75" t="s">
        <v>45</v>
      </c>
      <c r="AI8" s="532"/>
      <c r="AJ8" s="73" t="s">
        <v>43</v>
      </c>
      <c r="AK8" s="74" t="s">
        <v>44</v>
      </c>
      <c r="AL8" s="250" t="s">
        <v>45</v>
      </c>
      <c r="AM8" s="76" t="s">
        <v>83</v>
      </c>
      <c r="AN8" s="74" t="s">
        <v>47</v>
      </c>
      <c r="AO8" s="74" t="s">
        <v>48</v>
      </c>
      <c r="AP8" s="74" t="s">
        <v>49</v>
      </c>
      <c r="AQ8" s="74" t="s">
        <v>50</v>
      </c>
      <c r="AR8" s="74" t="s">
        <v>51</v>
      </c>
      <c r="AS8" s="75" t="s">
        <v>45</v>
      </c>
      <c r="AT8" s="532"/>
      <c r="AU8" s="73" t="s">
        <v>43</v>
      </c>
      <c r="AV8" s="74" t="s">
        <v>44</v>
      </c>
      <c r="AW8" s="250" t="s">
        <v>45</v>
      </c>
      <c r="AX8" s="76" t="s">
        <v>83</v>
      </c>
      <c r="AY8" s="74" t="s">
        <v>47</v>
      </c>
      <c r="AZ8" s="74" t="s">
        <v>48</v>
      </c>
      <c r="BA8" s="74" t="s">
        <v>49</v>
      </c>
      <c r="BB8" s="74" t="s">
        <v>50</v>
      </c>
      <c r="BC8" s="74" t="s">
        <v>51</v>
      </c>
      <c r="BD8" s="75" t="s">
        <v>45</v>
      </c>
      <c r="BE8" s="532"/>
      <c r="BF8" s="251" t="s">
        <v>43</v>
      </c>
      <c r="BG8" s="74" t="s">
        <v>44</v>
      </c>
      <c r="BH8" s="250" t="s">
        <v>45</v>
      </c>
      <c r="BI8" s="76" t="s">
        <v>83</v>
      </c>
      <c r="BJ8" s="74" t="s">
        <v>47</v>
      </c>
      <c r="BK8" s="74" t="s">
        <v>48</v>
      </c>
      <c r="BL8" s="74" t="s">
        <v>49</v>
      </c>
      <c r="BM8" s="74" t="s">
        <v>50</v>
      </c>
      <c r="BN8" s="74" t="s">
        <v>51</v>
      </c>
      <c r="BO8" s="75" t="s">
        <v>45</v>
      </c>
      <c r="BP8" s="532"/>
      <c r="BQ8" s="73" t="s">
        <v>43</v>
      </c>
      <c r="BR8" s="74" t="s">
        <v>44</v>
      </c>
      <c r="BS8" s="250" t="s">
        <v>45</v>
      </c>
      <c r="BT8" s="76" t="s">
        <v>83</v>
      </c>
      <c r="BU8" s="74" t="s">
        <v>47</v>
      </c>
      <c r="BV8" s="74" t="s">
        <v>48</v>
      </c>
      <c r="BW8" s="74" t="s">
        <v>49</v>
      </c>
      <c r="BX8" s="74" t="s">
        <v>50</v>
      </c>
      <c r="BY8" s="74" t="s">
        <v>51</v>
      </c>
      <c r="BZ8" s="75" t="s">
        <v>45</v>
      </c>
      <c r="CA8" s="532"/>
      <c r="CB8" s="73" t="s">
        <v>43</v>
      </c>
      <c r="CC8" s="74" t="s">
        <v>44</v>
      </c>
      <c r="CD8" s="250" t="s">
        <v>45</v>
      </c>
      <c r="CE8" s="76" t="s">
        <v>83</v>
      </c>
      <c r="CF8" s="74" t="s">
        <v>47</v>
      </c>
      <c r="CG8" s="74" t="s">
        <v>48</v>
      </c>
      <c r="CH8" s="74" t="s">
        <v>49</v>
      </c>
      <c r="CI8" s="74" t="s">
        <v>50</v>
      </c>
      <c r="CJ8" s="74" t="s">
        <v>51</v>
      </c>
      <c r="CK8" s="75" t="s">
        <v>45</v>
      </c>
      <c r="CL8" s="546"/>
      <c r="CM8" s="73" t="s">
        <v>43</v>
      </c>
      <c r="CN8" s="74" t="s">
        <v>44</v>
      </c>
      <c r="CO8" s="75" t="s">
        <v>45</v>
      </c>
      <c r="CP8" s="76" t="s">
        <v>83</v>
      </c>
      <c r="CQ8" s="74" t="s">
        <v>47</v>
      </c>
      <c r="CR8" s="74" t="s">
        <v>48</v>
      </c>
      <c r="CS8" s="74" t="s">
        <v>49</v>
      </c>
      <c r="CT8" s="74" t="s">
        <v>50</v>
      </c>
      <c r="CU8" s="74" t="s">
        <v>51</v>
      </c>
      <c r="CV8" s="75" t="s">
        <v>45</v>
      </c>
      <c r="CW8" s="546"/>
      <c r="CX8" s="73" t="s">
        <v>43</v>
      </c>
      <c r="CY8" s="74" t="s">
        <v>44</v>
      </c>
      <c r="CZ8" s="75" t="s">
        <v>45</v>
      </c>
      <c r="DA8" s="76" t="s">
        <v>83</v>
      </c>
      <c r="DB8" s="74" t="s">
        <v>47</v>
      </c>
      <c r="DC8" s="74" t="s">
        <v>48</v>
      </c>
      <c r="DD8" s="74" t="s">
        <v>49</v>
      </c>
      <c r="DE8" s="74" t="s">
        <v>50</v>
      </c>
      <c r="DF8" s="74" t="s">
        <v>51</v>
      </c>
      <c r="DG8" s="75" t="s">
        <v>45</v>
      </c>
      <c r="DH8" s="546"/>
      <c r="DI8" s="73" t="s">
        <v>43</v>
      </c>
      <c r="DJ8" s="74" t="s">
        <v>44</v>
      </c>
      <c r="DK8" s="75" t="s">
        <v>45</v>
      </c>
      <c r="DL8" s="76" t="s">
        <v>83</v>
      </c>
      <c r="DM8" s="74" t="s">
        <v>47</v>
      </c>
      <c r="DN8" s="74" t="s">
        <v>48</v>
      </c>
      <c r="DO8" s="74" t="s">
        <v>49</v>
      </c>
      <c r="DP8" s="74" t="s">
        <v>50</v>
      </c>
      <c r="DQ8" s="74" t="s">
        <v>51</v>
      </c>
      <c r="DR8" s="75" t="s">
        <v>45</v>
      </c>
      <c r="DS8" s="546"/>
      <c r="DT8" s="73" t="s">
        <v>43</v>
      </c>
      <c r="DU8" s="74" t="s">
        <v>44</v>
      </c>
      <c r="DV8" s="250" t="s">
        <v>45</v>
      </c>
      <c r="DW8" s="76" t="s">
        <v>83</v>
      </c>
      <c r="DX8" s="74" t="s">
        <v>47</v>
      </c>
      <c r="DY8" s="74" t="s">
        <v>48</v>
      </c>
      <c r="DZ8" s="74" t="s">
        <v>49</v>
      </c>
      <c r="EA8" s="74" t="s">
        <v>50</v>
      </c>
      <c r="EB8" s="74" t="s">
        <v>51</v>
      </c>
      <c r="EC8" s="75" t="s">
        <v>45</v>
      </c>
      <c r="ED8" s="532"/>
      <c r="EE8" s="73" t="s">
        <v>43</v>
      </c>
      <c r="EF8" s="74" t="s">
        <v>44</v>
      </c>
      <c r="EG8" s="250" t="s">
        <v>45</v>
      </c>
      <c r="EH8" s="76" t="s">
        <v>83</v>
      </c>
      <c r="EI8" s="74" t="s">
        <v>47</v>
      </c>
      <c r="EJ8" s="74" t="s">
        <v>48</v>
      </c>
      <c r="EK8" s="74" t="s">
        <v>49</v>
      </c>
      <c r="EL8" s="74" t="s">
        <v>50</v>
      </c>
      <c r="EM8" s="74" t="s">
        <v>51</v>
      </c>
      <c r="EN8" s="75" t="s">
        <v>45</v>
      </c>
      <c r="EO8" s="532"/>
      <c r="EP8" s="73" t="s">
        <v>43</v>
      </c>
      <c r="EQ8" s="74" t="s">
        <v>44</v>
      </c>
      <c r="ER8" s="250" t="s">
        <v>45</v>
      </c>
      <c r="ES8" s="76" t="s">
        <v>83</v>
      </c>
      <c r="ET8" s="74" t="s">
        <v>47</v>
      </c>
      <c r="EU8" s="74" t="s">
        <v>48</v>
      </c>
      <c r="EV8" s="74" t="s">
        <v>49</v>
      </c>
      <c r="EW8" s="74" t="s">
        <v>50</v>
      </c>
      <c r="EX8" s="74" t="s">
        <v>51</v>
      </c>
      <c r="EY8" s="75" t="s">
        <v>45</v>
      </c>
      <c r="EZ8" s="532"/>
      <c r="FA8" s="73" t="s">
        <v>43</v>
      </c>
      <c r="FB8" s="74" t="s">
        <v>44</v>
      </c>
      <c r="FC8" s="250" t="s">
        <v>45</v>
      </c>
      <c r="FD8" s="76" t="s">
        <v>83</v>
      </c>
      <c r="FE8" s="74" t="s">
        <v>47</v>
      </c>
      <c r="FF8" s="74" t="s">
        <v>48</v>
      </c>
      <c r="FG8" s="74" t="s">
        <v>49</v>
      </c>
      <c r="FH8" s="74" t="s">
        <v>50</v>
      </c>
      <c r="FI8" s="74" t="s">
        <v>51</v>
      </c>
      <c r="FJ8" s="75" t="s">
        <v>45</v>
      </c>
      <c r="FK8" s="532"/>
      <c r="FL8" s="73" t="s">
        <v>43</v>
      </c>
      <c r="FM8" s="74" t="s">
        <v>44</v>
      </c>
      <c r="FN8" s="250" t="s">
        <v>45</v>
      </c>
      <c r="FO8" s="76" t="s">
        <v>83</v>
      </c>
      <c r="FP8" s="74" t="s">
        <v>47</v>
      </c>
      <c r="FQ8" s="74" t="s">
        <v>48</v>
      </c>
      <c r="FR8" s="74" t="s">
        <v>49</v>
      </c>
      <c r="FS8" s="74" t="s">
        <v>50</v>
      </c>
      <c r="FT8" s="74" t="s">
        <v>51</v>
      </c>
      <c r="FU8" s="75" t="s">
        <v>45</v>
      </c>
      <c r="FV8" s="566"/>
      <c r="FW8" s="73" t="s">
        <v>43</v>
      </c>
      <c r="FX8" s="74" t="s">
        <v>44</v>
      </c>
      <c r="FY8" s="250" t="s">
        <v>45</v>
      </c>
      <c r="FZ8" s="76" t="s">
        <v>83</v>
      </c>
      <c r="GA8" s="74" t="s">
        <v>47</v>
      </c>
      <c r="GB8" s="74" t="s">
        <v>48</v>
      </c>
      <c r="GC8" s="74" t="s">
        <v>49</v>
      </c>
      <c r="GD8" s="74" t="s">
        <v>50</v>
      </c>
      <c r="GE8" s="74" t="s">
        <v>51</v>
      </c>
      <c r="GF8" s="75" t="s">
        <v>45</v>
      </c>
      <c r="GG8" s="532"/>
      <c r="GH8" s="73" t="s">
        <v>43</v>
      </c>
      <c r="GI8" s="74" t="s">
        <v>44</v>
      </c>
      <c r="GJ8" s="250" t="s">
        <v>45</v>
      </c>
      <c r="GK8" s="76" t="s">
        <v>83</v>
      </c>
      <c r="GL8" s="74" t="s">
        <v>47</v>
      </c>
      <c r="GM8" s="74" t="s">
        <v>48</v>
      </c>
      <c r="GN8" s="74" t="s">
        <v>49</v>
      </c>
      <c r="GO8" s="74" t="s">
        <v>50</v>
      </c>
      <c r="GP8" s="74" t="s">
        <v>51</v>
      </c>
      <c r="GQ8" s="75" t="s">
        <v>45</v>
      </c>
      <c r="GR8" s="565"/>
      <c r="GS8" s="73" t="s">
        <v>43</v>
      </c>
      <c r="GT8" s="74" t="s">
        <v>44</v>
      </c>
      <c r="GU8" s="250" t="s">
        <v>45</v>
      </c>
      <c r="GV8" s="76" t="s">
        <v>83</v>
      </c>
      <c r="GW8" s="74" t="s">
        <v>47</v>
      </c>
      <c r="GX8" s="74" t="s">
        <v>48</v>
      </c>
      <c r="GY8" s="74" t="s">
        <v>49</v>
      </c>
      <c r="GZ8" s="74" t="s">
        <v>50</v>
      </c>
      <c r="HA8" s="74" t="s">
        <v>51</v>
      </c>
      <c r="HB8" s="75" t="s">
        <v>45</v>
      </c>
      <c r="HC8" s="565"/>
      <c r="HD8" s="73" t="s">
        <v>43</v>
      </c>
      <c r="HE8" s="74" t="s">
        <v>44</v>
      </c>
      <c r="HF8" s="250" t="s">
        <v>45</v>
      </c>
      <c r="HG8" s="76" t="s">
        <v>83</v>
      </c>
      <c r="HH8" s="74" t="s">
        <v>47</v>
      </c>
      <c r="HI8" s="74" t="s">
        <v>48</v>
      </c>
      <c r="HJ8" s="74" t="s">
        <v>49</v>
      </c>
      <c r="HK8" s="74" t="s">
        <v>50</v>
      </c>
      <c r="HL8" s="74" t="s">
        <v>51</v>
      </c>
      <c r="HM8" s="75" t="s">
        <v>45</v>
      </c>
      <c r="HN8" s="532"/>
      <c r="HO8" s="73" t="s">
        <v>43</v>
      </c>
      <c r="HP8" s="74" t="s">
        <v>44</v>
      </c>
      <c r="HQ8" s="250" t="s">
        <v>45</v>
      </c>
      <c r="HR8" s="76" t="s">
        <v>83</v>
      </c>
      <c r="HS8" s="74" t="s">
        <v>47</v>
      </c>
      <c r="HT8" s="74" t="s">
        <v>48</v>
      </c>
      <c r="HU8" s="74" t="s">
        <v>49</v>
      </c>
      <c r="HV8" s="74" t="s">
        <v>50</v>
      </c>
      <c r="HW8" s="74" t="s">
        <v>51</v>
      </c>
      <c r="HX8" s="75" t="s">
        <v>45</v>
      </c>
      <c r="HY8" s="532"/>
      <c r="HZ8" s="73" t="s">
        <v>43</v>
      </c>
      <c r="IA8" s="74" t="s">
        <v>44</v>
      </c>
      <c r="IB8" s="250" t="s">
        <v>45</v>
      </c>
      <c r="IC8" s="76" t="s">
        <v>83</v>
      </c>
      <c r="ID8" s="74" t="s">
        <v>47</v>
      </c>
      <c r="IE8" s="74" t="s">
        <v>48</v>
      </c>
      <c r="IF8" s="74" t="s">
        <v>49</v>
      </c>
      <c r="IG8" s="74" t="s">
        <v>50</v>
      </c>
      <c r="IH8" s="74" t="s">
        <v>51</v>
      </c>
      <c r="II8" s="75" t="s">
        <v>45</v>
      </c>
      <c r="IJ8" s="566"/>
      <c r="IK8" s="73" t="s">
        <v>43</v>
      </c>
      <c r="IL8" s="74" t="s">
        <v>44</v>
      </c>
      <c r="IM8" s="250" t="s">
        <v>45</v>
      </c>
      <c r="IN8" s="76" t="s">
        <v>83</v>
      </c>
      <c r="IO8" s="252" t="s">
        <v>47</v>
      </c>
      <c r="IP8" s="252" t="s">
        <v>48</v>
      </c>
      <c r="IQ8" s="252" t="s">
        <v>49</v>
      </c>
      <c r="IR8" s="252" t="s">
        <v>50</v>
      </c>
      <c r="IS8" s="252" t="s">
        <v>51</v>
      </c>
      <c r="IT8" s="253" t="s">
        <v>45</v>
      </c>
      <c r="IU8" s="569"/>
      <c r="IV8" s="251" t="s">
        <v>43</v>
      </c>
      <c r="IW8" s="252" t="s">
        <v>44</v>
      </c>
      <c r="IX8" s="253" t="s">
        <v>45</v>
      </c>
      <c r="IY8" s="76" t="s">
        <v>83</v>
      </c>
      <c r="IZ8" s="252" t="s">
        <v>47</v>
      </c>
      <c r="JA8" s="252" t="s">
        <v>48</v>
      </c>
      <c r="JB8" s="252" t="s">
        <v>49</v>
      </c>
      <c r="JC8" s="252" t="s">
        <v>50</v>
      </c>
      <c r="JD8" s="252" t="s">
        <v>51</v>
      </c>
      <c r="JE8" s="253" t="s">
        <v>45</v>
      </c>
      <c r="JF8" s="569"/>
      <c r="JG8" s="251" t="s">
        <v>43</v>
      </c>
      <c r="JH8" s="252" t="s">
        <v>44</v>
      </c>
      <c r="JI8" s="254" t="s">
        <v>45</v>
      </c>
      <c r="JJ8" s="231" t="s">
        <v>83</v>
      </c>
      <c r="JK8" s="252" t="s">
        <v>47</v>
      </c>
      <c r="JL8" s="252" t="s">
        <v>48</v>
      </c>
      <c r="JM8" s="252" t="s">
        <v>49</v>
      </c>
      <c r="JN8" s="252" t="s">
        <v>50</v>
      </c>
      <c r="JO8" s="252" t="s">
        <v>51</v>
      </c>
      <c r="JP8" s="253" t="s">
        <v>45</v>
      </c>
      <c r="JQ8" s="568"/>
      <c r="JR8" s="251" t="s">
        <v>43</v>
      </c>
      <c r="JS8" s="252" t="s">
        <v>44</v>
      </c>
      <c r="JT8" s="254" t="s">
        <v>45</v>
      </c>
      <c r="JU8" s="231" t="s">
        <v>83</v>
      </c>
      <c r="JV8" s="252" t="s">
        <v>47</v>
      </c>
      <c r="JW8" s="252" t="s">
        <v>48</v>
      </c>
      <c r="JX8" s="252" t="s">
        <v>49</v>
      </c>
      <c r="JY8" s="252" t="s">
        <v>50</v>
      </c>
      <c r="JZ8" s="252" t="s">
        <v>51</v>
      </c>
      <c r="KA8" s="253" t="s">
        <v>45</v>
      </c>
      <c r="KB8" s="568"/>
      <c r="KC8" s="251" t="s">
        <v>43</v>
      </c>
      <c r="KD8" s="252" t="s">
        <v>44</v>
      </c>
      <c r="KE8" s="254" t="s">
        <v>45</v>
      </c>
      <c r="KF8" s="231" t="s">
        <v>83</v>
      </c>
      <c r="KG8" s="252" t="s">
        <v>47</v>
      </c>
      <c r="KH8" s="252" t="s">
        <v>48</v>
      </c>
      <c r="KI8" s="252" t="s">
        <v>49</v>
      </c>
      <c r="KJ8" s="252" t="s">
        <v>50</v>
      </c>
      <c r="KK8" s="252" t="s">
        <v>51</v>
      </c>
      <c r="KL8" s="253" t="s">
        <v>45</v>
      </c>
      <c r="KM8" s="568"/>
      <c r="KN8" s="251" t="s">
        <v>43</v>
      </c>
      <c r="KO8" s="252" t="s">
        <v>44</v>
      </c>
      <c r="KP8" s="254" t="s">
        <v>45</v>
      </c>
      <c r="KQ8" s="76" t="s">
        <v>83</v>
      </c>
      <c r="KR8" s="252" t="s">
        <v>47</v>
      </c>
      <c r="KS8" s="252" t="s">
        <v>48</v>
      </c>
      <c r="KT8" s="252" t="s">
        <v>49</v>
      </c>
      <c r="KU8" s="252" t="s">
        <v>50</v>
      </c>
      <c r="KV8" s="252" t="s">
        <v>51</v>
      </c>
      <c r="KW8" s="253" t="s">
        <v>45</v>
      </c>
      <c r="KX8" s="568"/>
      <c r="KY8" s="251" t="s">
        <v>43</v>
      </c>
      <c r="KZ8" s="252" t="s">
        <v>44</v>
      </c>
      <c r="LA8" s="254" t="s">
        <v>45</v>
      </c>
      <c r="LB8" s="76" t="s">
        <v>83</v>
      </c>
      <c r="LC8" s="252" t="s">
        <v>47</v>
      </c>
      <c r="LD8" s="252" t="s">
        <v>48</v>
      </c>
      <c r="LE8" s="252" t="s">
        <v>49</v>
      </c>
      <c r="LF8" s="252" t="s">
        <v>50</v>
      </c>
      <c r="LG8" s="252" t="s">
        <v>51</v>
      </c>
      <c r="LH8" s="253" t="s">
        <v>45</v>
      </c>
      <c r="LI8" s="568"/>
      <c r="LJ8" s="251" t="s">
        <v>43</v>
      </c>
      <c r="LK8" s="252" t="s">
        <v>44</v>
      </c>
      <c r="LL8" s="254" t="s">
        <v>45</v>
      </c>
      <c r="LM8" s="76" t="s">
        <v>83</v>
      </c>
      <c r="LN8" s="252" t="s">
        <v>47</v>
      </c>
      <c r="LO8" s="252" t="s">
        <v>48</v>
      </c>
      <c r="LP8" s="252" t="s">
        <v>49</v>
      </c>
      <c r="LQ8" s="252" t="s">
        <v>50</v>
      </c>
      <c r="LR8" s="252" t="s">
        <v>51</v>
      </c>
      <c r="LS8" s="253" t="s">
        <v>45</v>
      </c>
      <c r="LT8" s="568"/>
      <c r="LU8" s="251" t="s">
        <v>43</v>
      </c>
      <c r="LV8" s="252" t="s">
        <v>44</v>
      </c>
      <c r="LW8" s="254" t="s">
        <v>45</v>
      </c>
      <c r="LX8" s="76" t="s">
        <v>83</v>
      </c>
      <c r="LY8" s="252" t="s">
        <v>47</v>
      </c>
      <c r="LZ8" s="252" t="s">
        <v>48</v>
      </c>
      <c r="MA8" s="252" t="s">
        <v>49</v>
      </c>
      <c r="MB8" s="252" t="s">
        <v>50</v>
      </c>
      <c r="MC8" s="252" t="s">
        <v>51</v>
      </c>
      <c r="MD8" s="253" t="s">
        <v>45</v>
      </c>
      <c r="ME8" s="568"/>
      <c r="MF8" s="251" t="s">
        <v>43</v>
      </c>
      <c r="MG8" s="252" t="s">
        <v>44</v>
      </c>
      <c r="MH8" s="254" t="s">
        <v>45</v>
      </c>
      <c r="MI8" s="76" t="s">
        <v>83</v>
      </c>
      <c r="MJ8" s="252" t="s">
        <v>47</v>
      </c>
      <c r="MK8" s="252" t="s">
        <v>48</v>
      </c>
      <c r="ML8" s="252" t="s">
        <v>49</v>
      </c>
      <c r="MM8" s="252" t="s">
        <v>50</v>
      </c>
      <c r="MN8" s="252" t="s">
        <v>51</v>
      </c>
      <c r="MO8" s="253" t="s">
        <v>45</v>
      </c>
      <c r="MP8" s="568"/>
      <c r="MQ8" s="251" t="s">
        <v>43</v>
      </c>
      <c r="MR8" s="252" t="s">
        <v>44</v>
      </c>
      <c r="MS8" s="254" t="s">
        <v>45</v>
      </c>
      <c r="MT8" s="76" t="s">
        <v>83</v>
      </c>
      <c r="MU8" s="252" t="s">
        <v>47</v>
      </c>
      <c r="MV8" s="252" t="s">
        <v>48</v>
      </c>
      <c r="MW8" s="252" t="s">
        <v>49</v>
      </c>
      <c r="MX8" s="252" t="s">
        <v>50</v>
      </c>
      <c r="MY8" s="252" t="s">
        <v>51</v>
      </c>
      <c r="MZ8" s="253" t="s">
        <v>45</v>
      </c>
      <c r="NA8" s="568"/>
      <c r="NB8" s="251" t="s">
        <v>43</v>
      </c>
      <c r="NC8" s="252" t="s">
        <v>44</v>
      </c>
      <c r="ND8" s="254" t="s">
        <v>45</v>
      </c>
      <c r="NE8" s="76" t="s">
        <v>83</v>
      </c>
      <c r="NF8" s="252" t="s">
        <v>47</v>
      </c>
      <c r="NG8" s="252" t="s">
        <v>48</v>
      </c>
      <c r="NH8" s="252" t="s">
        <v>49</v>
      </c>
      <c r="NI8" s="252" t="s">
        <v>50</v>
      </c>
      <c r="NJ8" s="252" t="s">
        <v>51</v>
      </c>
      <c r="NK8" s="253" t="s">
        <v>45</v>
      </c>
      <c r="NL8" s="568"/>
      <c r="NM8" s="251" t="s">
        <v>43</v>
      </c>
      <c r="NN8" s="252" t="s">
        <v>44</v>
      </c>
      <c r="NO8" s="254" t="s">
        <v>45</v>
      </c>
      <c r="NP8" s="76" t="s">
        <v>83</v>
      </c>
      <c r="NQ8" s="252" t="s">
        <v>47</v>
      </c>
      <c r="NR8" s="252" t="s">
        <v>48</v>
      </c>
      <c r="NS8" s="252" t="s">
        <v>49</v>
      </c>
      <c r="NT8" s="252" t="s">
        <v>50</v>
      </c>
      <c r="NU8" s="252" t="s">
        <v>51</v>
      </c>
      <c r="NV8" s="253" t="s">
        <v>45</v>
      </c>
      <c r="NW8" s="568"/>
      <c r="NX8" s="251" t="s">
        <v>43</v>
      </c>
      <c r="NY8" s="252" t="s">
        <v>44</v>
      </c>
      <c r="NZ8" s="254" t="s">
        <v>45</v>
      </c>
      <c r="OA8" s="76" t="s">
        <v>83</v>
      </c>
      <c r="OB8" s="252" t="s">
        <v>47</v>
      </c>
      <c r="OC8" s="252" t="s">
        <v>48</v>
      </c>
      <c r="OD8" s="252" t="s">
        <v>49</v>
      </c>
      <c r="OE8" s="252" t="s">
        <v>50</v>
      </c>
      <c r="OF8" s="252" t="s">
        <v>51</v>
      </c>
      <c r="OG8" s="253" t="s">
        <v>45</v>
      </c>
      <c r="OH8" s="568"/>
      <c r="OI8" s="251" t="s">
        <v>43</v>
      </c>
      <c r="OJ8" s="252" t="s">
        <v>44</v>
      </c>
      <c r="OK8" s="254" t="s">
        <v>45</v>
      </c>
      <c r="OL8" s="231" t="s">
        <v>83</v>
      </c>
      <c r="OM8" s="252" t="s">
        <v>47</v>
      </c>
      <c r="ON8" s="252" t="s">
        <v>48</v>
      </c>
      <c r="OO8" s="252" t="s">
        <v>49</v>
      </c>
      <c r="OP8" s="252" t="s">
        <v>50</v>
      </c>
      <c r="OQ8" s="252" t="s">
        <v>51</v>
      </c>
      <c r="OR8" s="253" t="s">
        <v>45</v>
      </c>
      <c r="OS8" s="568"/>
    </row>
    <row r="9" spans="2:409" s="407" customFormat="1" ht="21" customHeight="1" x14ac:dyDescent="0.2">
      <c r="B9" s="84" t="s">
        <v>4</v>
      </c>
      <c r="C9" s="255">
        <v>29995063</v>
      </c>
      <c r="D9" s="256">
        <v>52675717</v>
      </c>
      <c r="E9" s="257">
        <v>82670780</v>
      </c>
      <c r="F9" s="258">
        <v>0</v>
      </c>
      <c r="G9" s="256">
        <v>282409711</v>
      </c>
      <c r="H9" s="256">
        <v>394024776</v>
      </c>
      <c r="I9" s="256">
        <v>325936111</v>
      </c>
      <c r="J9" s="256">
        <v>326042692</v>
      </c>
      <c r="K9" s="256">
        <v>250913994</v>
      </c>
      <c r="L9" s="259">
        <v>1579327284</v>
      </c>
      <c r="M9" s="260">
        <v>1661998064</v>
      </c>
      <c r="N9" s="255">
        <v>9055149</v>
      </c>
      <c r="O9" s="256">
        <v>19265559</v>
      </c>
      <c r="P9" s="261">
        <v>28320708</v>
      </c>
      <c r="Q9" s="255">
        <v>0</v>
      </c>
      <c r="R9" s="256">
        <v>85687804</v>
      </c>
      <c r="S9" s="256">
        <v>140316952</v>
      </c>
      <c r="T9" s="256">
        <v>109924591</v>
      </c>
      <c r="U9" s="256">
        <v>118720289</v>
      </c>
      <c r="V9" s="256">
        <v>117252038</v>
      </c>
      <c r="W9" s="261">
        <v>571901674</v>
      </c>
      <c r="X9" s="260">
        <v>600222382</v>
      </c>
      <c r="Y9" s="255">
        <v>0</v>
      </c>
      <c r="Z9" s="256">
        <v>0</v>
      </c>
      <c r="AA9" s="261">
        <v>0</v>
      </c>
      <c r="AB9" s="262">
        <v>0</v>
      </c>
      <c r="AC9" s="263">
        <v>33063388</v>
      </c>
      <c r="AD9" s="263">
        <v>58520281</v>
      </c>
      <c r="AE9" s="263">
        <v>54721769</v>
      </c>
      <c r="AF9" s="263">
        <v>60964452</v>
      </c>
      <c r="AG9" s="263">
        <v>65163345</v>
      </c>
      <c r="AH9" s="261">
        <v>272433235</v>
      </c>
      <c r="AI9" s="260">
        <v>272433235</v>
      </c>
      <c r="AJ9" s="264">
        <v>0</v>
      </c>
      <c r="AK9" s="263">
        <v>65602</v>
      </c>
      <c r="AL9" s="261">
        <v>65602</v>
      </c>
      <c r="AM9" s="262">
        <v>0</v>
      </c>
      <c r="AN9" s="263">
        <v>356349</v>
      </c>
      <c r="AO9" s="259">
        <v>938845</v>
      </c>
      <c r="AP9" s="263">
        <v>2779936</v>
      </c>
      <c r="AQ9" s="263">
        <v>7169493</v>
      </c>
      <c r="AR9" s="263">
        <v>13156186</v>
      </c>
      <c r="AS9" s="261">
        <v>24400809</v>
      </c>
      <c r="AT9" s="260">
        <v>24466411</v>
      </c>
      <c r="AU9" s="264">
        <v>4896764</v>
      </c>
      <c r="AV9" s="263">
        <v>13228624</v>
      </c>
      <c r="AW9" s="261">
        <v>18125388</v>
      </c>
      <c r="AX9" s="262">
        <v>0</v>
      </c>
      <c r="AY9" s="263">
        <v>32216649</v>
      </c>
      <c r="AZ9" s="263">
        <v>54975290</v>
      </c>
      <c r="BA9" s="263">
        <v>31865166</v>
      </c>
      <c r="BB9" s="263">
        <v>29266153</v>
      </c>
      <c r="BC9" s="263">
        <v>22520844</v>
      </c>
      <c r="BD9" s="261">
        <v>170844102</v>
      </c>
      <c r="BE9" s="265">
        <v>188969490</v>
      </c>
      <c r="BF9" s="264">
        <v>552178</v>
      </c>
      <c r="BG9" s="259">
        <v>1989915</v>
      </c>
      <c r="BH9" s="266">
        <v>2542093</v>
      </c>
      <c r="BI9" s="262">
        <v>0</v>
      </c>
      <c r="BJ9" s="263">
        <v>3191568</v>
      </c>
      <c r="BK9" s="263">
        <v>4932159</v>
      </c>
      <c r="BL9" s="263">
        <v>2407720</v>
      </c>
      <c r="BM9" s="263">
        <v>2879349</v>
      </c>
      <c r="BN9" s="263">
        <v>1724807</v>
      </c>
      <c r="BO9" s="261">
        <v>15135603</v>
      </c>
      <c r="BP9" s="260">
        <v>17677696</v>
      </c>
      <c r="BQ9" s="264">
        <v>3606207</v>
      </c>
      <c r="BR9" s="263">
        <v>3981418</v>
      </c>
      <c r="BS9" s="261">
        <v>7587625</v>
      </c>
      <c r="BT9" s="262">
        <v>0</v>
      </c>
      <c r="BU9" s="263">
        <v>16859850</v>
      </c>
      <c r="BV9" s="263">
        <v>20950377</v>
      </c>
      <c r="BW9" s="263">
        <v>18150000</v>
      </c>
      <c r="BX9" s="263">
        <v>18440842</v>
      </c>
      <c r="BY9" s="263">
        <v>14686856</v>
      </c>
      <c r="BZ9" s="261">
        <v>89087925</v>
      </c>
      <c r="CA9" s="260">
        <v>96675550</v>
      </c>
      <c r="CB9" s="264">
        <v>2494938</v>
      </c>
      <c r="CC9" s="263">
        <v>6572019</v>
      </c>
      <c r="CD9" s="261">
        <v>9066957</v>
      </c>
      <c r="CE9" s="262">
        <v>0</v>
      </c>
      <c r="CF9" s="263">
        <v>71727122</v>
      </c>
      <c r="CG9" s="263">
        <v>86849358</v>
      </c>
      <c r="CH9" s="267">
        <v>63822852</v>
      </c>
      <c r="CI9" s="263">
        <v>38650697</v>
      </c>
      <c r="CJ9" s="263">
        <v>16450147</v>
      </c>
      <c r="CK9" s="261">
        <v>277500176</v>
      </c>
      <c r="CL9" s="260">
        <v>286567133</v>
      </c>
      <c r="CM9" s="255">
        <v>0</v>
      </c>
      <c r="CN9" s="256">
        <v>0</v>
      </c>
      <c r="CO9" s="261">
        <v>0</v>
      </c>
      <c r="CP9" s="262">
        <v>0</v>
      </c>
      <c r="CQ9" s="263">
        <v>57240440</v>
      </c>
      <c r="CR9" s="263">
        <v>64825745</v>
      </c>
      <c r="CS9" s="263">
        <v>44496166</v>
      </c>
      <c r="CT9" s="263">
        <v>25765221</v>
      </c>
      <c r="CU9" s="263">
        <v>11808870</v>
      </c>
      <c r="CV9" s="268">
        <v>204136442</v>
      </c>
      <c r="CW9" s="260">
        <v>204136442</v>
      </c>
      <c r="CX9" s="264">
        <v>2494938</v>
      </c>
      <c r="CY9" s="263">
        <v>6572019</v>
      </c>
      <c r="CZ9" s="261">
        <v>9066957</v>
      </c>
      <c r="DA9" s="262">
        <v>0</v>
      </c>
      <c r="DB9" s="263">
        <v>14486682</v>
      </c>
      <c r="DC9" s="263">
        <v>22023613</v>
      </c>
      <c r="DD9" s="263">
        <v>19326686</v>
      </c>
      <c r="DE9" s="263">
        <v>12885476</v>
      </c>
      <c r="DF9" s="263">
        <v>4641277</v>
      </c>
      <c r="DG9" s="261">
        <v>73363734</v>
      </c>
      <c r="DH9" s="260">
        <v>82430691</v>
      </c>
      <c r="DI9" s="264">
        <v>105419</v>
      </c>
      <c r="DJ9" s="263">
        <v>454965</v>
      </c>
      <c r="DK9" s="266">
        <v>560384</v>
      </c>
      <c r="DL9" s="262">
        <v>0</v>
      </c>
      <c r="DM9" s="263">
        <v>8313792</v>
      </c>
      <c r="DN9" s="263">
        <v>15759793</v>
      </c>
      <c r="DO9" s="263">
        <v>23679371</v>
      </c>
      <c r="DP9" s="263">
        <v>22813710</v>
      </c>
      <c r="DQ9" s="263">
        <v>10751184</v>
      </c>
      <c r="DR9" s="269">
        <v>81317850</v>
      </c>
      <c r="DS9" s="260">
        <v>81878234</v>
      </c>
      <c r="DT9" s="264">
        <v>59368</v>
      </c>
      <c r="DU9" s="263">
        <v>396030</v>
      </c>
      <c r="DV9" s="261">
        <v>455398</v>
      </c>
      <c r="DW9" s="262">
        <v>0</v>
      </c>
      <c r="DX9" s="263">
        <v>7241559</v>
      </c>
      <c r="DY9" s="263">
        <v>13194127</v>
      </c>
      <c r="DZ9" s="263">
        <v>19981081</v>
      </c>
      <c r="EA9" s="263">
        <v>17605671</v>
      </c>
      <c r="EB9" s="263">
        <v>8338998</v>
      </c>
      <c r="EC9" s="261">
        <v>66361436</v>
      </c>
      <c r="ED9" s="260">
        <v>66816834</v>
      </c>
      <c r="EE9" s="264">
        <v>46051</v>
      </c>
      <c r="EF9" s="259">
        <v>58935</v>
      </c>
      <c r="EG9" s="261">
        <v>104986</v>
      </c>
      <c r="EH9" s="265">
        <v>0</v>
      </c>
      <c r="EI9" s="263">
        <v>1072233</v>
      </c>
      <c r="EJ9" s="263">
        <v>2565666</v>
      </c>
      <c r="EK9" s="263">
        <v>3698290</v>
      </c>
      <c r="EL9" s="263">
        <v>5208039</v>
      </c>
      <c r="EM9" s="267">
        <v>2412186</v>
      </c>
      <c r="EN9" s="259">
        <v>14956414</v>
      </c>
      <c r="EO9" s="260">
        <v>15061400</v>
      </c>
      <c r="EP9" s="264">
        <v>0</v>
      </c>
      <c r="EQ9" s="263">
        <v>0</v>
      </c>
      <c r="ER9" s="259">
        <v>0</v>
      </c>
      <c r="ES9" s="262">
        <v>0</v>
      </c>
      <c r="ET9" s="263">
        <v>0</v>
      </c>
      <c r="EU9" s="263">
        <v>0</v>
      </c>
      <c r="EV9" s="263">
        <v>0</v>
      </c>
      <c r="EW9" s="263">
        <v>0</v>
      </c>
      <c r="EX9" s="263">
        <v>0</v>
      </c>
      <c r="EY9" s="268">
        <v>0</v>
      </c>
      <c r="EZ9" s="260">
        <v>0</v>
      </c>
      <c r="FA9" s="264">
        <v>0</v>
      </c>
      <c r="FB9" s="263">
        <v>0</v>
      </c>
      <c r="FC9" s="259">
        <v>0</v>
      </c>
      <c r="FD9" s="402">
        <v>0</v>
      </c>
      <c r="FE9" s="263">
        <v>0</v>
      </c>
      <c r="FF9" s="263">
        <v>0</v>
      </c>
      <c r="FG9" s="263">
        <v>0</v>
      </c>
      <c r="FH9" s="263">
        <v>0</v>
      </c>
      <c r="FI9" s="263">
        <v>0</v>
      </c>
      <c r="FJ9" s="268">
        <v>0</v>
      </c>
      <c r="FK9" s="260">
        <v>0</v>
      </c>
      <c r="FL9" s="264">
        <v>6161166</v>
      </c>
      <c r="FM9" s="263">
        <v>10769146</v>
      </c>
      <c r="FN9" s="261">
        <v>16930312</v>
      </c>
      <c r="FO9" s="262">
        <v>0</v>
      </c>
      <c r="FP9" s="263">
        <v>14231159</v>
      </c>
      <c r="FQ9" s="263">
        <v>35748088</v>
      </c>
      <c r="FR9" s="263">
        <v>25138842</v>
      </c>
      <c r="FS9" s="263">
        <v>22826542</v>
      </c>
      <c r="FT9" s="263">
        <v>15401675</v>
      </c>
      <c r="FU9" s="261">
        <v>113346306</v>
      </c>
      <c r="FV9" s="260">
        <v>130276618</v>
      </c>
      <c r="FW9" s="264">
        <v>2814784</v>
      </c>
      <c r="FX9" s="263">
        <v>7455518</v>
      </c>
      <c r="FY9" s="259">
        <v>10270302</v>
      </c>
      <c r="FZ9" s="265">
        <v>0</v>
      </c>
      <c r="GA9" s="263">
        <v>10140193</v>
      </c>
      <c r="GB9" s="270">
        <v>31919445</v>
      </c>
      <c r="GC9" s="263">
        <v>23225234</v>
      </c>
      <c r="GD9" s="270">
        <v>20565757</v>
      </c>
      <c r="GE9" s="263">
        <v>14419237</v>
      </c>
      <c r="GF9" s="268">
        <v>100269866</v>
      </c>
      <c r="GG9" s="271">
        <v>110540168</v>
      </c>
      <c r="GH9" s="272">
        <v>333880</v>
      </c>
      <c r="GI9" s="263">
        <v>562830</v>
      </c>
      <c r="GJ9" s="270">
        <v>896710</v>
      </c>
      <c r="GK9" s="258">
        <v>0</v>
      </c>
      <c r="GL9" s="263">
        <v>709226</v>
      </c>
      <c r="GM9" s="259">
        <v>1492212</v>
      </c>
      <c r="GN9" s="263">
        <v>789898</v>
      </c>
      <c r="GO9" s="259">
        <v>884578</v>
      </c>
      <c r="GP9" s="263">
        <v>220558</v>
      </c>
      <c r="GQ9" s="269">
        <v>4096472</v>
      </c>
      <c r="GR9" s="260">
        <v>4993182</v>
      </c>
      <c r="GS9" s="259">
        <v>3012502</v>
      </c>
      <c r="GT9" s="263">
        <v>2750798</v>
      </c>
      <c r="GU9" s="261">
        <v>5763300</v>
      </c>
      <c r="GV9" s="259">
        <v>0</v>
      </c>
      <c r="GW9" s="263">
        <v>3381740</v>
      </c>
      <c r="GX9" s="259">
        <v>2336431</v>
      </c>
      <c r="GY9" s="263">
        <v>1123710</v>
      </c>
      <c r="GZ9" s="259">
        <v>1376207</v>
      </c>
      <c r="HA9" s="263">
        <v>761880</v>
      </c>
      <c r="HB9" s="259">
        <v>8979968</v>
      </c>
      <c r="HC9" s="260">
        <v>14743268</v>
      </c>
      <c r="HD9" s="259">
        <v>12178391</v>
      </c>
      <c r="HE9" s="263">
        <v>15614028</v>
      </c>
      <c r="HF9" s="259">
        <v>27792419</v>
      </c>
      <c r="HG9" s="265">
        <v>0</v>
      </c>
      <c r="HH9" s="263">
        <v>102449834</v>
      </c>
      <c r="HI9" s="270">
        <v>115350585</v>
      </c>
      <c r="HJ9" s="263">
        <v>103370455</v>
      </c>
      <c r="HK9" s="270">
        <v>123031454</v>
      </c>
      <c r="HL9" s="263">
        <v>91058950</v>
      </c>
      <c r="HM9" s="268">
        <v>535261278</v>
      </c>
      <c r="HN9" s="259">
        <v>563053697</v>
      </c>
      <c r="HO9" s="272">
        <v>0</v>
      </c>
      <c r="HP9" s="263">
        <v>0</v>
      </c>
      <c r="HQ9" s="268">
        <v>0</v>
      </c>
      <c r="HR9" s="270">
        <v>0</v>
      </c>
      <c r="HS9" s="263">
        <v>0</v>
      </c>
      <c r="HT9" s="270">
        <v>0</v>
      </c>
      <c r="HU9" s="263">
        <v>0</v>
      </c>
      <c r="HV9" s="270">
        <v>0</v>
      </c>
      <c r="HW9" s="263">
        <v>0</v>
      </c>
      <c r="HX9" s="270">
        <v>0</v>
      </c>
      <c r="HY9" s="260">
        <v>0</v>
      </c>
      <c r="HZ9" s="273">
        <v>549555</v>
      </c>
      <c r="IA9" s="274">
        <v>1493203</v>
      </c>
      <c r="IB9" s="275">
        <v>2042758</v>
      </c>
      <c r="IC9" s="276">
        <v>0</v>
      </c>
      <c r="ID9" s="274">
        <v>59099920</v>
      </c>
      <c r="IE9" s="277">
        <v>80124505</v>
      </c>
      <c r="IF9" s="278">
        <v>83024551</v>
      </c>
      <c r="IG9" s="274">
        <v>60769936</v>
      </c>
      <c r="IH9" s="278">
        <v>52361495</v>
      </c>
      <c r="II9" s="279">
        <v>335380407</v>
      </c>
      <c r="IJ9" s="280">
        <v>337423165</v>
      </c>
      <c r="IK9" s="281">
        <v>0</v>
      </c>
      <c r="IL9" s="282">
        <v>0</v>
      </c>
      <c r="IM9" s="283">
        <v>0</v>
      </c>
      <c r="IN9" s="402">
        <v>0</v>
      </c>
      <c r="IO9" s="284">
        <v>1175760</v>
      </c>
      <c r="IP9" s="284">
        <v>3915255</v>
      </c>
      <c r="IQ9" s="284">
        <v>3646911</v>
      </c>
      <c r="IR9" s="284">
        <v>5074798</v>
      </c>
      <c r="IS9" s="284">
        <v>5478730</v>
      </c>
      <c r="IT9" s="285">
        <v>19291454</v>
      </c>
      <c r="IU9" s="286">
        <v>19291454</v>
      </c>
      <c r="IV9" s="287">
        <v>0</v>
      </c>
      <c r="IW9" s="284">
        <v>0</v>
      </c>
      <c r="IX9" s="288">
        <v>0</v>
      </c>
      <c r="IY9" s="402">
        <v>0</v>
      </c>
      <c r="IZ9" s="284">
        <v>186809</v>
      </c>
      <c r="JA9" s="284">
        <v>503439</v>
      </c>
      <c r="JB9" s="284">
        <v>480255</v>
      </c>
      <c r="JC9" s="284">
        <v>808279</v>
      </c>
      <c r="JD9" s="284">
        <v>1693560</v>
      </c>
      <c r="JE9" s="288">
        <v>3672342</v>
      </c>
      <c r="JF9" s="289">
        <v>3672342</v>
      </c>
      <c r="JG9" s="287">
        <v>0</v>
      </c>
      <c r="JH9" s="284">
        <v>0</v>
      </c>
      <c r="JI9" s="285">
        <v>0</v>
      </c>
      <c r="JJ9" s="290">
        <v>0</v>
      </c>
      <c r="JK9" s="284">
        <v>28283684</v>
      </c>
      <c r="JL9" s="284">
        <v>31896504</v>
      </c>
      <c r="JM9" s="284">
        <v>20677816</v>
      </c>
      <c r="JN9" s="284">
        <v>11947373</v>
      </c>
      <c r="JO9" s="284">
        <v>4874175</v>
      </c>
      <c r="JP9" s="288">
        <v>97679552</v>
      </c>
      <c r="JQ9" s="286">
        <v>97679552</v>
      </c>
      <c r="JR9" s="287">
        <v>65876</v>
      </c>
      <c r="JS9" s="284">
        <v>0</v>
      </c>
      <c r="JT9" s="285">
        <v>65876</v>
      </c>
      <c r="JU9" s="290">
        <v>0</v>
      </c>
      <c r="JV9" s="284">
        <v>3231042</v>
      </c>
      <c r="JW9" s="284">
        <v>5477900</v>
      </c>
      <c r="JX9" s="284">
        <v>6239471</v>
      </c>
      <c r="JY9" s="284">
        <v>2115341</v>
      </c>
      <c r="JZ9" s="284">
        <v>4767237</v>
      </c>
      <c r="KA9" s="288">
        <v>21830991</v>
      </c>
      <c r="KB9" s="286">
        <v>21896867</v>
      </c>
      <c r="KC9" s="291">
        <v>483679</v>
      </c>
      <c r="KD9" s="292">
        <v>1400103</v>
      </c>
      <c r="KE9" s="288">
        <v>1883782</v>
      </c>
      <c r="KF9" s="290">
        <v>0</v>
      </c>
      <c r="KG9" s="284">
        <v>9339079</v>
      </c>
      <c r="KH9" s="284">
        <v>8112121</v>
      </c>
      <c r="KI9" s="284">
        <v>11484086</v>
      </c>
      <c r="KJ9" s="284">
        <v>8225644</v>
      </c>
      <c r="KK9" s="284">
        <v>4237597</v>
      </c>
      <c r="KL9" s="288">
        <v>41398527</v>
      </c>
      <c r="KM9" s="293">
        <v>43282309</v>
      </c>
      <c r="KN9" s="281">
        <v>0</v>
      </c>
      <c r="KO9" s="282">
        <v>93100</v>
      </c>
      <c r="KP9" s="283">
        <v>93100</v>
      </c>
      <c r="KQ9" s="406">
        <v>0</v>
      </c>
      <c r="KR9" s="284">
        <v>14904601</v>
      </c>
      <c r="KS9" s="284">
        <v>26743985</v>
      </c>
      <c r="KT9" s="284">
        <v>33552534</v>
      </c>
      <c r="KU9" s="284">
        <v>20219284</v>
      </c>
      <c r="KV9" s="284">
        <v>19792941</v>
      </c>
      <c r="KW9" s="288">
        <v>115213345</v>
      </c>
      <c r="KX9" s="286">
        <v>115306445</v>
      </c>
      <c r="KY9" s="287">
        <v>0</v>
      </c>
      <c r="KZ9" s="284">
        <v>0</v>
      </c>
      <c r="LA9" s="288">
        <v>0</v>
      </c>
      <c r="LB9" s="406">
        <v>0</v>
      </c>
      <c r="LC9" s="284">
        <v>137252</v>
      </c>
      <c r="LD9" s="284">
        <v>415266</v>
      </c>
      <c r="LE9" s="284">
        <v>1770146</v>
      </c>
      <c r="LF9" s="284">
        <v>1039296</v>
      </c>
      <c r="LG9" s="284">
        <v>1026721</v>
      </c>
      <c r="LH9" s="288">
        <v>4388681</v>
      </c>
      <c r="LI9" s="289">
        <v>4388681</v>
      </c>
      <c r="LJ9" s="287">
        <v>0</v>
      </c>
      <c r="LK9" s="284">
        <v>0</v>
      </c>
      <c r="LL9" s="288">
        <v>0</v>
      </c>
      <c r="LM9" s="406">
        <v>0</v>
      </c>
      <c r="LN9" s="284">
        <v>0</v>
      </c>
      <c r="LO9" s="284">
        <v>221209</v>
      </c>
      <c r="LP9" s="284">
        <v>1683580</v>
      </c>
      <c r="LQ9" s="284">
        <v>5021920</v>
      </c>
      <c r="LR9" s="284">
        <v>1227859</v>
      </c>
      <c r="LS9" s="288">
        <v>8154568</v>
      </c>
      <c r="LT9" s="286">
        <v>8154568</v>
      </c>
      <c r="LU9" s="287">
        <v>0</v>
      </c>
      <c r="LV9" s="284">
        <v>0</v>
      </c>
      <c r="LW9" s="288">
        <v>0</v>
      </c>
      <c r="LX9" s="406">
        <v>0</v>
      </c>
      <c r="LY9" s="284">
        <v>1841693</v>
      </c>
      <c r="LZ9" s="284">
        <v>2838826</v>
      </c>
      <c r="MA9" s="284">
        <v>3489752</v>
      </c>
      <c r="MB9" s="284">
        <v>6318001</v>
      </c>
      <c r="MC9" s="284">
        <v>9262675</v>
      </c>
      <c r="MD9" s="288">
        <v>23750947</v>
      </c>
      <c r="ME9" s="289">
        <v>23750947</v>
      </c>
      <c r="MF9" s="287">
        <v>0</v>
      </c>
      <c r="MG9" s="284">
        <v>0</v>
      </c>
      <c r="MH9" s="288">
        <v>0</v>
      </c>
      <c r="MI9" s="406">
        <v>0</v>
      </c>
      <c r="MJ9" s="284">
        <v>17250945</v>
      </c>
      <c r="MK9" s="284">
        <v>44425652</v>
      </c>
      <c r="ML9" s="284">
        <v>127858084</v>
      </c>
      <c r="MM9" s="284">
        <v>175913878</v>
      </c>
      <c r="MN9" s="284">
        <v>115791846</v>
      </c>
      <c r="MO9" s="288">
        <v>481240405</v>
      </c>
      <c r="MP9" s="293">
        <v>481240405</v>
      </c>
      <c r="MQ9" s="287">
        <v>0</v>
      </c>
      <c r="MR9" s="284">
        <v>0</v>
      </c>
      <c r="MS9" s="288">
        <v>0</v>
      </c>
      <c r="MT9" s="406">
        <v>0</v>
      </c>
      <c r="MU9" s="284">
        <v>2096640</v>
      </c>
      <c r="MV9" s="284">
        <v>9192661</v>
      </c>
      <c r="MW9" s="284">
        <v>73154365</v>
      </c>
      <c r="MX9" s="284">
        <v>103119039</v>
      </c>
      <c r="MY9" s="284">
        <v>68927697</v>
      </c>
      <c r="MZ9" s="288">
        <v>256490402</v>
      </c>
      <c r="NA9" s="293">
        <v>256490402</v>
      </c>
      <c r="NB9" s="287">
        <v>0</v>
      </c>
      <c r="NC9" s="284">
        <v>0</v>
      </c>
      <c r="ND9" s="288">
        <v>0</v>
      </c>
      <c r="NE9" s="406">
        <v>0</v>
      </c>
      <c r="NF9" s="284">
        <v>15154305</v>
      </c>
      <c r="NG9" s="284">
        <v>34952015</v>
      </c>
      <c r="NH9" s="284">
        <v>54147924</v>
      </c>
      <c r="NI9" s="284">
        <v>68473668</v>
      </c>
      <c r="NJ9" s="284">
        <v>39681251</v>
      </c>
      <c r="NK9" s="288">
        <v>212409163</v>
      </c>
      <c r="NL9" s="286">
        <v>212409163</v>
      </c>
      <c r="NM9" s="287">
        <v>0</v>
      </c>
      <c r="NN9" s="284">
        <v>0</v>
      </c>
      <c r="NO9" s="288">
        <v>0</v>
      </c>
      <c r="NP9" s="406">
        <v>0</v>
      </c>
      <c r="NQ9" s="284">
        <v>0</v>
      </c>
      <c r="NR9" s="284">
        <v>0</v>
      </c>
      <c r="NS9" s="284">
        <v>0</v>
      </c>
      <c r="NT9" s="284">
        <v>0</v>
      </c>
      <c r="NU9" s="284">
        <v>0</v>
      </c>
      <c r="NV9" s="288">
        <v>0</v>
      </c>
      <c r="NW9" s="289">
        <v>0</v>
      </c>
      <c r="NX9" s="287">
        <v>0</v>
      </c>
      <c r="NY9" s="284">
        <v>0</v>
      </c>
      <c r="NZ9" s="288">
        <v>0</v>
      </c>
      <c r="OA9" s="406">
        <v>0</v>
      </c>
      <c r="OB9" s="284">
        <v>0</v>
      </c>
      <c r="OC9" s="284">
        <v>280976</v>
      </c>
      <c r="OD9" s="284">
        <v>555795</v>
      </c>
      <c r="OE9" s="284">
        <v>4321171</v>
      </c>
      <c r="OF9" s="284">
        <v>7182898</v>
      </c>
      <c r="OG9" s="288">
        <v>12340840</v>
      </c>
      <c r="OH9" s="289">
        <v>12340840</v>
      </c>
      <c r="OI9" s="287">
        <v>30544618</v>
      </c>
      <c r="OJ9" s="284">
        <v>54168920</v>
      </c>
      <c r="OK9" s="285">
        <v>84713538</v>
      </c>
      <c r="OL9" s="290">
        <v>0</v>
      </c>
      <c r="OM9" s="284">
        <v>358760576</v>
      </c>
      <c r="ON9" s="284">
        <v>518574933</v>
      </c>
      <c r="OO9" s="284">
        <v>536818746</v>
      </c>
      <c r="OP9" s="284">
        <v>562726506</v>
      </c>
      <c r="OQ9" s="284">
        <v>419067335</v>
      </c>
      <c r="OR9" s="288">
        <v>2395948096</v>
      </c>
      <c r="OS9" s="293">
        <v>2480661634</v>
      </c>
    </row>
    <row r="10" spans="2:409" s="407" customFormat="1" ht="21" customHeight="1" x14ac:dyDescent="0.2">
      <c r="B10" s="95" t="s">
        <v>5</v>
      </c>
      <c r="C10" s="295">
        <v>13944416</v>
      </c>
      <c r="D10" s="296">
        <v>28562960</v>
      </c>
      <c r="E10" s="297">
        <v>42507376</v>
      </c>
      <c r="F10" s="298">
        <v>0</v>
      </c>
      <c r="G10" s="296">
        <v>104293157</v>
      </c>
      <c r="H10" s="296">
        <v>186975372</v>
      </c>
      <c r="I10" s="296">
        <v>145242645</v>
      </c>
      <c r="J10" s="296">
        <v>148849632</v>
      </c>
      <c r="K10" s="296">
        <v>111214849</v>
      </c>
      <c r="L10" s="298">
        <v>696575655</v>
      </c>
      <c r="M10" s="299">
        <v>739083031</v>
      </c>
      <c r="N10" s="295">
        <v>4403463</v>
      </c>
      <c r="O10" s="296">
        <v>11060115</v>
      </c>
      <c r="P10" s="297">
        <v>15463578</v>
      </c>
      <c r="Q10" s="295">
        <v>0</v>
      </c>
      <c r="R10" s="296">
        <v>32664053</v>
      </c>
      <c r="S10" s="296">
        <v>67589894</v>
      </c>
      <c r="T10" s="296">
        <v>47770380</v>
      </c>
      <c r="U10" s="296">
        <v>53787575</v>
      </c>
      <c r="V10" s="296">
        <v>54373809</v>
      </c>
      <c r="W10" s="297">
        <v>256185711</v>
      </c>
      <c r="X10" s="299">
        <v>271649289</v>
      </c>
      <c r="Y10" s="295">
        <v>0</v>
      </c>
      <c r="Z10" s="296">
        <v>0</v>
      </c>
      <c r="AA10" s="297">
        <v>0</v>
      </c>
      <c r="AB10" s="295">
        <v>0</v>
      </c>
      <c r="AC10" s="296">
        <v>12609883</v>
      </c>
      <c r="AD10" s="296">
        <v>25049876</v>
      </c>
      <c r="AE10" s="296">
        <v>21983223</v>
      </c>
      <c r="AF10" s="296">
        <v>26763605</v>
      </c>
      <c r="AG10" s="296">
        <v>28320110</v>
      </c>
      <c r="AH10" s="297">
        <v>114726697</v>
      </c>
      <c r="AI10" s="299">
        <v>114726697</v>
      </c>
      <c r="AJ10" s="295">
        <v>0</v>
      </c>
      <c r="AK10" s="296">
        <v>65602</v>
      </c>
      <c r="AL10" s="297">
        <v>65602</v>
      </c>
      <c r="AM10" s="295">
        <v>0</v>
      </c>
      <c r="AN10" s="296">
        <v>108467</v>
      </c>
      <c r="AO10" s="296">
        <v>393097</v>
      </c>
      <c r="AP10" s="296">
        <v>873033</v>
      </c>
      <c r="AQ10" s="296">
        <v>2545560</v>
      </c>
      <c r="AR10" s="296">
        <v>7800134</v>
      </c>
      <c r="AS10" s="297">
        <v>11720291</v>
      </c>
      <c r="AT10" s="299">
        <v>11785893</v>
      </c>
      <c r="AU10" s="295">
        <v>2341830</v>
      </c>
      <c r="AV10" s="296">
        <v>7532613</v>
      </c>
      <c r="AW10" s="297">
        <v>9874443</v>
      </c>
      <c r="AX10" s="295">
        <v>0</v>
      </c>
      <c r="AY10" s="296">
        <v>12138105</v>
      </c>
      <c r="AZ10" s="296">
        <v>29897121</v>
      </c>
      <c r="BA10" s="296">
        <v>15791021</v>
      </c>
      <c r="BB10" s="296">
        <v>14649901</v>
      </c>
      <c r="BC10" s="296">
        <v>11099842</v>
      </c>
      <c r="BD10" s="297">
        <v>83575990</v>
      </c>
      <c r="BE10" s="299">
        <v>93450433</v>
      </c>
      <c r="BF10" s="295">
        <v>206857</v>
      </c>
      <c r="BG10" s="296">
        <v>1290619</v>
      </c>
      <c r="BH10" s="300">
        <v>1497476</v>
      </c>
      <c r="BI10" s="301">
        <v>0</v>
      </c>
      <c r="BJ10" s="296">
        <v>1143990</v>
      </c>
      <c r="BK10" s="296">
        <v>2234214</v>
      </c>
      <c r="BL10" s="296">
        <v>902815</v>
      </c>
      <c r="BM10" s="296">
        <v>1282742</v>
      </c>
      <c r="BN10" s="296">
        <v>842278</v>
      </c>
      <c r="BO10" s="297">
        <v>6406039</v>
      </c>
      <c r="BP10" s="299">
        <v>7903515</v>
      </c>
      <c r="BQ10" s="295">
        <v>1854776</v>
      </c>
      <c r="BR10" s="296">
        <v>2171281</v>
      </c>
      <c r="BS10" s="297">
        <v>4026057</v>
      </c>
      <c r="BT10" s="295">
        <v>0</v>
      </c>
      <c r="BU10" s="296">
        <v>6663608</v>
      </c>
      <c r="BV10" s="296">
        <v>10015586</v>
      </c>
      <c r="BW10" s="296">
        <v>8220288</v>
      </c>
      <c r="BX10" s="296">
        <v>8545767</v>
      </c>
      <c r="BY10" s="296">
        <v>6311445</v>
      </c>
      <c r="BZ10" s="297">
        <v>39756694</v>
      </c>
      <c r="CA10" s="299">
        <v>43782751</v>
      </c>
      <c r="CB10" s="295">
        <v>1194649</v>
      </c>
      <c r="CC10" s="296">
        <v>3313197</v>
      </c>
      <c r="CD10" s="297">
        <v>4507846</v>
      </c>
      <c r="CE10" s="295">
        <v>0</v>
      </c>
      <c r="CF10" s="296">
        <v>24119059</v>
      </c>
      <c r="CG10" s="296">
        <v>38576626</v>
      </c>
      <c r="CH10" s="296">
        <v>26505849</v>
      </c>
      <c r="CI10" s="296">
        <v>15079238</v>
      </c>
      <c r="CJ10" s="296">
        <v>6384314</v>
      </c>
      <c r="CK10" s="297">
        <v>110665086</v>
      </c>
      <c r="CL10" s="299">
        <v>115172932</v>
      </c>
      <c r="CM10" s="295">
        <v>0</v>
      </c>
      <c r="CN10" s="296">
        <v>0</v>
      </c>
      <c r="CO10" s="297">
        <v>0</v>
      </c>
      <c r="CP10" s="301">
        <v>0</v>
      </c>
      <c r="CQ10" s="296">
        <v>19772890</v>
      </c>
      <c r="CR10" s="296">
        <v>28036155</v>
      </c>
      <c r="CS10" s="296">
        <v>16928243</v>
      </c>
      <c r="CT10" s="296">
        <v>8871941</v>
      </c>
      <c r="CU10" s="296">
        <v>3778041</v>
      </c>
      <c r="CV10" s="297">
        <v>77387270</v>
      </c>
      <c r="CW10" s="299">
        <v>77387270</v>
      </c>
      <c r="CX10" s="295">
        <v>1194649</v>
      </c>
      <c r="CY10" s="296">
        <v>3313197</v>
      </c>
      <c r="CZ10" s="297">
        <v>4507846</v>
      </c>
      <c r="DA10" s="295">
        <v>0</v>
      </c>
      <c r="DB10" s="296">
        <v>4346169</v>
      </c>
      <c r="DC10" s="296">
        <v>10540471</v>
      </c>
      <c r="DD10" s="296">
        <v>9577606</v>
      </c>
      <c r="DE10" s="296">
        <v>6207297</v>
      </c>
      <c r="DF10" s="296">
        <v>2606273</v>
      </c>
      <c r="DG10" s="297">
        <v>33277816</v>
      </c>
      <c r="DH10" s="299">
        <v>37785662</v>
      </c>
      <c r="DI10" s="295">
        <v>46051</v>
      </c>
      <c r="DJ10" s="296">
        <v>284575</v>
      </c>
      <c r="DK10" s="300">
        <v>330626</v>
      </c>
      <c r="DL10" s="301">
        <v>0</v>
      </c>
      <c r="DM10" s="296">
        <v>3103843</v>
      </c>
      <c r="DN10" s="296">
        <v>7392978</v>
      </c>
      <c r="DO10" s="296">
        <v>10776807</v>
      </c>
      <c r="DP10" s="296">
        <v>10867004</v>
      </c>
      <c r="DQ10" s="296">
        <v>5273910</v>
      </c>
      <c r="DR10" s="297">
        <v>37414542</v>
      </c>
      <c r="DS10" s="299">
        <v>37745168</v>
      </c>
      <c r="DT10" s="295">
        <v>0</v>
      </c>
      <c r="DU10" s="296">
        <v>225640</v>
      </c>
      <c r="DV10" s="297">
        <v>225640</v>
      </c>
      <c r="DW10" s="295">
        <v>0</v>
      </c>
      <c r="DX10" s="296">
        <v>2827139</v>
      </c>
      <c r="DY10" s="296">
        <v>5911831</v>
      </c>
      <c r="DZ10" s="296">
        <v>8836574</v>
      </c>
      <c r="EA10" s="296">
        <v>7506767</v>
      </c>
      <c r="EB10" s="296">
        <v>3992314</v>
      </c>
      <c r="EC10" s="297">
        <v>29074625</v>
      </c>
      <c r="ED10" s="299">
        <v>29300265</v>
      </c>
      <c r="EE10" s="295">
        <v>46051</v>
      </c>
      <c r="EF10" s="300">
        <v>58935</v>
      </c>
      <c r="EG10" s="297">
        <v>104986</v>
      </c>
      <c r="EH10" s="295">
        <v>0</v>
      </c>
      <c r="EI10" s="296">
        <v>276704</v>
      </c>
      <c r="EJ10" s="296">
        <v>1481147</v>
      </c>
      <c r="EK10" s="296">
        <v>1940233</v>
      </c>
      <c r="EL10" s="296">
        <v>3360237</v>
      </c>
      <c r="EM10" s="296">
        <v>1281596</v>
      </c>
      <c r="EN10" s="300">
        <v>8339917</v>
      </c>
      <c r="EO10" s="299">
        <v>8444903</v>
      </c>
      <c r="EP10" s="295">
        <v>0</v>
      </c>
      <c r="EQ10" s="296">
        <v>0</v>
      </c>
      <c r="ER10" s="300">
        <v>0</v>
      </c>
      <c r="ES10" s="301">
        <v>0</v>
      </c>
      <c r="ET10" s="296">
        <v>0</v>
      </c>
      <c r="EU10" s="296">
        <v>0</v>
      </c>
      <c r="EV10" s="296">
        <v>0</v>
      </c>
      <c r="EW10" s="296">
        <v>0</v>
      </c>
      <c r="EX10" s="296">
        <v>0</v>
      </c>
      <c r="EY10" s="297">
        <v>0</v>
      </c>
      <c r="EZ10" s="299">
        <v>0</v>
      </c>
      <c r="FA10" s="295">
        <v>0</v>
      </c>
      <c r="FB10" s="296">
        <v>0</v>
      </c>
      <c r="FC10" s="300">
        <v>0</v>
      </c>
      <c r="FD10" s="403">
        <v>0</v>
      </c>
      <c r="FE10" s="296">
        <v>0</v>
      </c>
      <c r="FF10" s="296">
        <v>0</v>
      </c>
      <c r="FG10" s="296">
        <v>0</v>
      </c>
      <c r="FH10" s="296">
        <v>0</v>
      </c>
      <c r="FI10" s="296">
        <v>0</v>
      </c>
      <c r="FJ10" s="297">
        <v>0</v>
      </c>
      <c r="FK10" s="299">
        <v>0</v>
      </c>
      <c r="FL10" s="295">
        <v>2514918</v>
      </c>
      <c r="FM10" s="296">
        <v>5343093</v>
      </c>
      <c r="FN10" s="297">
        <v>7858011</v>
      </c>
      <c r="FO10" s="295">
        <v>0</v>
      </c>
      <c r="FP10" s="296">
        <v>4239299</v>
      </c>
      <c r="FQ10" s="296">
        <v>15742669</v>
      </c>
      <c r="FR10" s="296">
        <v>10992659</v>
      </c>
      <c r="FS10" s="296">
        <v>9808626</v>
      </c>
      <c r="FT10" s="296">
        <v>6867219</v>
      </c>
      <c r="FU10" s="297">
        <v>47650472</v>
      </c>
      <c r="FV10" s="299">
        <v>55508483</v>
      </c>
      <c r="FW10" s="302">
        <v>936950</v>
      </c>
      <c r="FX10" s="296">
        <v>3482528</v>
      </c>
      <c r="FY10" s="300">
        <v>4419478</v>
      </c>
      <c r="FZ10" s="301">
        <v>0</v>
      </c>
      <c r="GA10" s="296">
        <v>2898120</v>
      </c>
      <c r="GB10" s="296">
        <v>13835605</v>
      </c>
      <c r="GC10" s="296">
        <v>9918406</v>
      </c>
      <c r="GD10" s="296">
        <v>8953752</v>
      </c>
      <c r="GE10" s="296">
        <v>6357617</v>
      </c>
      <c r="GF10" s="297">
        <v>41963500</v>
      </c>
      <c r="GG10" s="303">
        <v>46382978</v>
      </c>
      <c r="GH10" s="302">
        <v>131509</v>
      </c>
      <c r="GI10" s="296">
        <v>297791</v>
      </c>
      <c r="GJ10" s="300">
        <v>429300</v>
      </c>
      <c r="GK10" s="301">
        <v>0</v>
      </c>
      <c r="GL10" s="296">
        <v>210266</v>
      </c>
      <c r="GM10" s="296">
        <v>917019</v>
      </c>
      <c r="GN10" s="296">
        <v>470678</v>
      </c>
      <c r="GO10" s="296">
        <v>474774</v>
      </c>
      <c r="GP10" s="296">
        <v>84422</v>
      </c>
      <c r="GQ10" s="297">
        <v>2157159</v>
      </c>
      <c r="GR10" s="299">
        <v>2586459</v>
      </c>
      <c r="GS10" s="295">
        <v>1446459</v>
      </c>
      <c r="GT10" s="296">
        <v>1562774</v>
      </c>
      <c r="GU10" s="297">
        <v>3009233</v>
      </c>
      <c r="GV10" s="295">
        <v>0</v>
      </c>
      <c r="GW10" s="296">
        <v>1130913</v>
      </c>
      <c r="GX10" s="296">
        <v>990045</v>
      </c>
      <c r="GY10" s="296">
        <v>603575</v>
      </c>
      <c r="GZ10" s="296">
        <v>380100</v>
      </c>
      <c r="HA10" s="296">
        <v>425180</v>
      </c>
      <c r="HB10" s="300">
        <v>3529813</v>
      </c>
      <c r="HC10" s="299">
        <v>6539046</v>
      </c>
      <c r="HD10" s="295">
        <v>5785335</v>
      </c>
      <c r="HE10" s="296">
        <v>8561980</v>
      </c>
      <c r="HF10" s="300">
        <v>14347315</v>
      </c>
      <c r="HG10" s="301">
        <v>0</v>
      </c>
      <c r="HH10" s="296">
        <v>40166903</v>
      </c>
      <c r="HI10" s="296">
        <v>57673205</v>
      </c>
      <c r="HJ10" s="296">
        <v>49196950</v>
      </c>
      <c r="HK10" s="296">
        <v>59307189</v>
      </c>
      <c r="HL10" s="296">
        <v>38315597</v>
      </c>
      <c r="HM10" s="297">
        <v>244659844</v>
      </c>
      <c r="HN10" s="298">
        <v>259007159</v>
      </c>
      <c r="HO10" s="302">
        <v>0</v>
      </c>
      <c r="HP10" s="296">
        <v>0</v>
      </c>
      <c r="HQ10" s="297">
        <v>0</v>
      </c>
      <c r="HR10" s="295">
        <v>0</v>
      </c>
      <c r="HS10" s="296">
        <v>0</v>
      </c>
      <c r="HT10" s="296">
        <v>0</v>
      </c>
      <c r="HU10" s="296">
        <v>0</v>
      </c>
      <c r="HV10" s="296">
        <v>0</v>
      </c>
      <c r="HW10" s="296">
        <v>0</v>
      </c>
      <c r="HX10" s="300">
        <v>0</v>
      </c>
      <c r="HY10" s="299">
        <v>0</v>
      </c>
      <c r="HZ10" s="304">
        <v>259572</v>
      </c>
      <c r="IA10" s="305">
        <v>765148</v>
      </c>
      <c r="IB10" s="306">
        <v>1024720</v>
      </c>
      <c r="IC10" s="307">
        <v>0</v>
      </c>
      <c r="ID10" s="308">
        <v>22023818</v>
      </c>
      <c r="IE10" s="309">
        <v>37062076</v>
      </c>
      <c r="IF10" s="310">
        <v>36127837</v>
      </c>
      <c r="IG10" s="308">
        <v>25485356</v>
      </c>
      <c r="IH10" s="310">
        <v>21505349</v>
      </c>
      <c r="II10" s="311">
        <v>142204436</v>
      </c>
      <c r="IJ10" s="312">
        <v>143229156</v>
      </c>
      <c r="IK10" s="313">
        <v>0</v>
      </c>
      <c r="IL10" s="314">
        <v>0</v>
      </c>
      <c r="IM10" s="315">
        <v>0</v>
      </c>
      <c r="IN10" s="403">
        <v>0</v>
      </c>
      <c r="IO10" s="316">
        <v>459359</v>
      </c>
      <c r="IP10" s="316">
        <v>1381607</v>
      </c>
      <c r="IQ10" s="316">
        <v>2524543</v>
      </c>
      <c r="IR10" s="316">
        <v>2303454</v>
      </c>
      <c r="IS10" s="316">
        <v>2087571</v>
      </c>
      <c r="IT10" s="317">
        <v>8756534</v>
      </c>
      <c r="IU10" s="318">
        <v>8756534</v>
      </c>
      <c r="IV10" s="319">
        <v>0</v>
      </c>
      <c r="IW10" s="316">
        <v>0</v>
      </c>
      <c r="IX10" s="320">
        <v>0</v>
      </c>
      <c r="IY10" s="403">
        <v>0</v>
      </c>
      <c r="IZ10" s="316">
        <v>94257</v>
      </c>
      <c r="JA10" s="316">
        <v>402183</v>
      </c>
      <c r="JB10" s="316">
        <v>277557</v>
      </c>
      <c r="JC10" s="316">
        <v>700265</v>
      </c>
      <c r="JD10" s="316">
        <v>1347654</v>
      </c>
      <c r="JE10" s="320">
        <v>2821916</v>
      </c>
      <c r="JF10" s="321">
        <v>2821916</v>
      </c>
      <c r="JG10" s="319">
        <v>0</v>
      </c>
      <c r="JH10" s="316">
        <v>0</v>
      </c>
      <c r="JI10" s="317">
        <v>0</v>
      </c>
      <c r="JJ10" s="322">
        <v>0</v>
      </c>
      <c r="JK10" s="316">
        <v>10315335</v>
      </c>
      <c r="JL10" s="316">
        <v>17107924</v>
      </c>
      <c r="JM10" s="316">
        <v>11850967</v>
      </c>
      <c r="JN10" s="316">
        <v>5277620</v>
      </c>
      <c r="JO10" s="316">
        <v>1705341</v>
      </c>
      <c r="JP10" s="320">
        <v>46257187</v>
      </c>
      <c r="JQ10" s="318">
        <v>46257187</v>
      </c>
      <c r="JR10" s="319">
        <v>40059</v>
      </c>
      <c r="JS10" s="316">
        <v>0</v>
      </c>
      <c r="JT10" s="317">
        <v>40059</v>
      </c>
      <c r="JU10" s="322">
        <v>0</v>
      </c>
      <c r="JV10" s="316">
        <v>1580392</v>
      </c>
      <c r="JW10" s="316">
        <v>3125843</v>
      </c>
      <c r="JX10" s="316">
        <v>3664966</v>
      </c>
      <c r="JY10" s="316">
        <v>1139429</v>
      </c>
      <c r="JZ10" s="316">
        <v>3300596</v>
      </c>
      <c r="KA10" s="320">
        <v>12811226</v>
      </c>
      <c r="KB10" s="318">
        <v>12851285</v>
      </c>
      <c r="KC10" s="323">
        <v>219513</v>
      </c>
      <c r="KD10" s="324">
        <v>765148</v>
      </c>
      <c r="KE10" s="320">
        <v>984661</v>
      </c>
      <c r="KF10" s="322">
        <v>0</v>
      </c>
      <c r="KG10" s="316">
        <v>4318840</v>
      </c>
      <c r="KH10" s="316">
        <v>3653114</v>
      </c>
      <c r="KI10" s="316">
        <v>5597208</v>
      </c>
      <c r="KJ10" s="316">
        <v>4839926</v>
      </c>
      <c r="KK10" s="316">
        <v>2575518</v>
      </c>
      <c r="KL10" s="320">
        <v>20984606</v>
      </c>
      <c r="KM10" s="325">
        <v>21969267</v>
      </c>
      <c r="KN10" s="313">
        <v>0</v>
      </c>
      <c r="KO10" s="314">
        <v>0</v>
      </c>
      <c r="KP10" s="315">
        <v>0</v>
      </c>
      <c r="KQ10" s="403">
        <v>0</v>
      </c>
      <c r="KR10" s="316">
        <v>5087437</v>
      </c>
      <c r="KS10" s="316">
        <v>10437657</v>
      </c>
      <c r="KT10" s="316">
        <v>11714107</v>
      </c>
      <c r="KU10" s="316">
        <v>8514645</v>
      </c>
      <c r="KV10" s="316">
        <v>7541040</v>
      </c>
      <c r="KW10" s="320">
        <v>43294886</v>
      </c>
      <c r="KX10" s="318">
        <v>43294886</v>
      </c>
      <c r="KY10" s="319">
        <v>0</v>
      </c>
      <c r="KZ10" s="316">
        <v>0</v>
      </c>
      <c r="LA10" s="320">
        <v>0</v>
      </c>
      <c r="LB10" s="403">
        <v>0</v>
      </c>
      <c r="LC10" s="316">
        <v>0</v>
      </c>
      <c r="LD10" s="316">
        <v>0</v>
      </c>
      <c r="LE10" s="316">
        <v>0</v>
      </c>
      <c r="LF10" s="316">
        <v>0</v>
      </c>
      <c r="LG10" s="316">
        <v>0</v>
      </c>
      <c r="LH10" s="320">
        <v>0</v>
      </c>
      <c r="LI10" s="321">
        <v>0</v>
      </c>
      <c r="LJ10" s="319">
        <v>0</v>
      </c>
      <c r="LK10" s="316">
        <v>0</v>
      </c>
      <c r="LL10" s="320">
        <v>0</v>
      </c>
      <c r="LM10" s="403">
        <v>0</v>
      </c>
      <c r="LN10" s="316">
        <v>0</v>
      </c>
      <c r="LO10" s="316">
        <v>0</v>
      </c>
      <c r="LP10" s="316">
        <v>0</v>
      </c>
      <c r="LQ10" s="316">
        <v>122495</v>
      </c>
      <c r="LR10" s="316">
        <v>0</v>
      </c>
      <c r="LS10" s="320">
        <v>122495</v>
      </c>
      <c r="LT10" s="318">
        <v>122495</v>
      </c>
      <c r="LU10" s="319">
        <v>0</v>
      </c>
      <c r="LV10" s="316">
        <v>0</v>
      </c>
      <c r="LW10" s="320">
        <v>0</v>
      </c>
      <c r="LX10" s="403">
        <v>0</v>
      </c>
      <c r="LY10" s="316">
        <v>168198</v>
      </c>
      <c r="LZ10" s="316">
        <v>953748</v>
      </c>
      <c r="MA10" s="316">
        <v>498489</v>
      </c>
      <c r="MB10" s="316">
        <v>2587522</v>
      </c>
      <c r="MC10" s="316">
        <v>2947629</v>
      </c>
      <c r="MD10" s="320">
        <v>7155586</v>
      </c>
      <c r="ME10" s="321">
        <v>7155586</v>
      </c>
      <c r="MF10" s="319">
        <v>0</v>
      </c>
      <c r="MG10" s="316">
        <v>0</v>
      </c>
      <c r="MH10" s="320">
        <v>0</v>
      </c>
      <c r="MI10" s="403">
        <v>0</v>
      </c>
      <c r="MJ10" s="316">
        <v>10158896</v>
      </c>
      <c r="MK10" s="316">
        <v>25166240</v>
      </c>
      <c r="ML10" s="316">
        <v>62487976</v>
      </c>
      <c r="MM10" s="316">
        <v>82165170</v>
      </c>
      <c r="MN10" s="316">
        <v>53691229</v>
      </c>
      <c r="MO10" s="320">
        <v>233669511</v>
      </c>
      <c r="MP10" s="325">
        <v>233669511</v>
      </c>
      <c r="MQ10" s="319">
        <v>0</v>
      </c>
      <c r="MR10" s="316">
        <v>0</v>
      </c>
      <c r="MS10" s="320">
        <v>0</v>
      </c>
      <c r="MT10" s="403">
        <v>0</v>
      </c>
      <c r="MU10" s="316">
        <v>1697399</v>
      </c>
      <c r="MV10" s="316">
        <v>6735370</v>
      </c>
      <c r="MW10" s="316">
        <v>35969949</v>
      </c>
      <c r="MX10" s="316">
        <v>45083088</v>
      </c>
      <c r="MY10" s="316">
        <v>27646773</v>
      </c>
      <c r="MZ10" s="320">
        <v>117132579</v>
      </c>
      <c r="NA10" s="325">
        <v>117132579</v>
      </c>
      <c r="NB10" s="319">
        <v>0</v>
      </c>
      <c r="NC10" s="316">
        <v>0</v>
      </c>
      <c r="ND10" s="320">
        <v>0</v>
      </c>
      <c r="NE10" s="403">
        <v>0</v>
      </c>
      <c r="NF10" s="316">
        <v>8461497</v>
      </c>
      <c r="NG10" s="316">
        <v>18430870</v>
      </c>
      <c r="NH10" s="316">
        <v>26518027</v>
      </c>
      <c r="NI10" s="316">
        <v>35488408</v>
      </c>
      <c r="NJ10" s="316">
        <v>24056832</v>
      </c>
      <c r="NK10" s="320">
        <v>112955634</v>
      </c>
      <c r="NL10" s="318">
        <v>112955634</v>
      </c>
      <c r="NM10" s="319">
        <v>0</v>
      </c>
      <c r="NN10" s="316">
        <v>0</v>
      </c>
      <c r="NO10" s="320">
        <v>0</v>
      </c>
      <c r="NP10" s="403">
        <v>0</v>
      </c>
      <c r="NQ10" s="316">
        <v>0</v>
      </c>
      <c r="NR10" s="316">
        <v>0</v>
      </c>
      <c r="NS10" s="316">
        <v>0</v>
      </c>
      <c r="NT10" s="316">
        <v>0</v>
      </c>
      <c r="NU10" s="316">
        <v>0</v>
      </c>
      <c r="NV10" s="320">
        <v>0</v>
      </c>
      <c r="NW10" s="321">
        <v>0</v>
      </c>
      <c r="NX10" s="319">
        <v>0</v>
      </c>
      <c r="NY10" s="316">
        <v>0</v>
      </c>
      <c r="NZ10" s="320">
        <v>0</v>
      </c>
      <c r="OA10" s="403">
        <v>0</v>
      </c>
      <c r="OB10" s="316">
        <v>0</v>
      </c>
      <c r="OC10" s="316">
        <v>0</v>
      </c>
      <c r="OD10" s="316">
        <v>0</v>
      </c>
      <c r="OE10" s="316">
        <v>1593674</v>
      </c>
      <c r="OF10" s="316">
        <v>1987624</v>
      </c>
      <c r="OG10" s="320">
        <v>3581298</v>
      </c>
      <c r="OH10" s="321">
        <v>3581298</v>
      </c>
      <c r="OI10" s="319">
        <v>14203988</v>
      </c>
      <c r="OJ10" s="316">
        <v>29328108</v>
      </c>
      <c r="OK10" s="317">
        <v>43532096</v>
      </c>
      <c r="OL10" s="322">
        <v>0</v>
      </c>
      <c r="OM10" s="316">
        <v>136475871</v>
      </c>
      <c r="ON10" s="316">
        <v>249203688</v>
      </c>
      <c r="OO10" s="316">
        <v>243858458</v>
      </c>
      <c r="OP10" s="316">
        <v>256500158</v>
      </c>
      <c r="OQ10" s="316">
        <v>186411427</v>
      </c>
      <c r="OR10" s="320">
        <v>1072449602</v>
      </c>
      <c r="OS10" s="325">
        <v>1115981698</v>
      </c>
    </row>
    <row r="11" spans="2:409" s="70" customFormat="1" ht="21" customHeight="1" x14ac:dyDescent="0.2">
      <c r="B11" s="106" t="s">
        <v>6</v>
      </c>
      <c r="C11" s="326">
        <v>4155762</v>
      </c>
      <c r="D11" s="327">
        <v>5784720</v>
      </c>
      <c r="E11" s="328">
        <v>9940482</v>
      </c>
      <c r="F11" s="329">
        <v>0</v>
      </c>
      <c r="G11" s="327">
        <v>54990350</v>
      </c>
      <c r="H11" s="327">
        <v>64611427</v>
      </c>
      <c r="I11" s="327">
        <v>51216531</v>
      </c>
      <c r="J11" s="327">
        <v>56399888</v>
      </c>
      <c r="K11" s="327">
        <v>44247081</v>
      </c>
      <c r="L11" s="329">
        <v>271465277</v>
      </c>
      <c r="M11" s="330">
        <v>281405759</v>
      </c>
      <c r="N11" s="326">
        <v>1490957</v>
      </c>
      <c r="O11" s="327">
        <v>2540524</v>
      </c>
      <c r="P11" s="328">
        <v>4031481</v>
      </c>
      <c r="Q11" s="326">
        <v>0</v>
      </c>
      <c r="R11" s="327">
        <v>17600545</v>
      </c>
      <c r="S11" s="327">
        <v>22531689</v>
      </c>
      <c r="T11" s="327">
        <v>17025857</v>
      </c>
      <c r="U11" s="327">
        <v>19898983</v>
      </c>
      <c r="V11" s="327">
        <v>19958577</v>
      </c>
      <c r="W11" s="328">
        <v>97015651</v>
      </c>
      <c r="X11" s="330">
        <v>101047132</v>
      </c>
      <c r="Y11" s="326">
        <v>0</v>
      </c>
      <c r="Z11" s="327">
        <v>0</v>
      </c>
      <c r="AA11" s="328">
        <v>0</v>
      </c>
      <c r="AB11" s="326">
        <v>0</v>
      </c>
      <c r="AC11" s="327">
        <v>6159859</v>
      </c>
      <c r="AD11" s="327">
        <v>9596217</v>
      </c>
      <c r="AE11" s="327">
        <v>7288218</v>
      </c>
      <c r="AF11" s="327">
        <v>10140987</v>
      </c>
      <c r="AG11" s="327">
        <v>11826591</v>
      </c>
      <c r="AH11" s="328">
        <v>45011872</v>
      </c>
      <c r="AI11" s="330">
        <v>45011872</v>
      </c>
      <c r="AJ11" s="326">
        <v>0</v>
      </c>
      <c r="AK11" s="327">
        <v>0</v>
      </c>
      <c r="AL11" s="328">
        <v>0</v>
      </c>
      <c r="AM11" s="326">
        <v>0</v>
      </c>
      <c r="AN11" s="327">
        <v>129369</v>
      </c>
      <c r="AO11" s="327">
        <v>106724</v>
      </c>
      <c r="AP11" s="327">
        <v>651526</v>
      </c>
      <c r="AQ11" s="327">
        <v>1432955</v>
      </c>
      <c r="AR11" s="327">
        <v>1314076</v>
      </c>
      <c r="AS11" s="328">
        <v>3634650</v>
      </c>
      <c r="AT11" s="330">
        <v>3634650</v>
      </c>
      <c r="AU11" s="326">
        <v>867712</v>
      </c>
      <c r="AV11" s="327">
        <v>1844554</v>
      </c>
      <c r="AW11" s="328">
        <v>2712266</v>
      </c>
      <c r="AX11" s="326">
        <v>0</v>
      </c>
      <c r="AY11" s="327">
        <v>7148706</v>
      </c>
      <c r="AZ11" s="327">
        <v>8387849</v>
      </c>
      <c r="BA11" s="327">
        <v>5712176</v>
      </c>
      <c r="BB11" s="327">
        <v>4523662</v>
      </c>
      <c r="BC11" s="327">
        <v>3824775</v>
      </c>
      <c r="BD11" s="328">
        <v>29597168</v>
      </c>
      <c r="BE11" s="330">
        <v>32309434</v>
      </c>
      <c r="BF11" s="326">
        <v>24493</v>
      </c>
      <c r="BG11" s="327">
        <v>203009</v>
      </c>
      <c r="BH11" s="331">
        <v>227502</v>
      </c>
      <c r="BI11" s="332">
        <v>0</v>
      </c>
      <c r="BJ11" s="327">
        <v>603923</v>
      </c>
      <c r="BK11" s="327">
        <v>742554</v>
      </c>
      <c r="BL11" s="327">
        <v>430927</v>
      </c>
      <c r="BM11" s="327">
        <v>522012</v>
      </c>
      <c r="BN11" s="327">
        <v>166934</v>
      </c>
      <c r="BO11" s="328">
        <v>2466350</v>
      </c>
      <c r="BP11" s="330">
        <v>2693852</v>
      </c>
      <c r="BQ11" s="326">
        <v>598752</v>
      </c>
      <c r="BR11" s="327">
        <v>492961</v>
      </c>
      <c r="BS11" s="328">
        <v>1091713</v>
      </c>
      <c r="BT11" s="326">
        <v>0</v>
      </c>
      <c r="BU11" s="327">
        <v>3558688</v>
      </c>
      <c r="BV11" s="327">
        <v>3698345</v>
      </c>
      <c r="BW11" s="327">
        <v>2943010</v>
      </c>
      <c r="BX11" s="327">
        <v>3279367</v>
      </c>
      <c r="BY11" s="327">
        <v>2826201</v>
      </c>
      <c r="BZ11" s="328">
        <v>16305611</v>
      </c>
      <c r="CA11" s="330">
        <v>17397324</v>
      </c>
      <c r="CB11" s="326">
        <v>249336</v>
      </c>
      <c r="CC11" s="327">
        <v>495000</v>
      </c>
      <c r="CD11" s="328">
        <v>744336</v>
      </c>
      <c r="CE11" s="326">
        <v>0</v>
      </c>
      <c r="CF11" s="327">
        <v>13280972</v>
      </c>
      <c r="CG11" s="327">
        <v>13855978</v>
      </c>
      <c r="CH11" s="327">
        <v>8872749</v>
      </c>
      <c r="CI11" s="327">
        <v>5996482</v>
      </c>
      <c r="CJ11" s="327">
        <v>2288034</v>
      </c>
      <c r="CK11" s="328">
        <v>44294215</v>
      </c>
      <c r="CL11" s="330">
        <v>45038551</v>
      </c>
      <c r="CM11" s="326">
        <v>0</v>
      </c>
      <c r="CN11" s="327">
        <v>0</v>
      </c>
      <c r="CO11" s="328">
        <v>0</v>
      </c>
      <c r="CP11" s="332">
        <v>0</v>
      </c>
      <c r="CQ11" s="327">
        <v>10111603</v>
      </c>
      <c r="CR11" s="327">
        <v>10769612</v>
      </c>
      <c r="CS11" s="327">
        <v>6735637</v>
      </c>
      <c r="CT11" s="327">
        <v>4398338</v>
      </c>
      <c r="CU11" s="327">
        <v>1815282</v>
      </c>
      <c r="CV11" s="328">
        <v>33830472</v>
      </c>
      <c r="CW11" s="330">
        <v>33830472</v>
      </c>
      <c r="CX11" s="326">
        <v>249336</v>
      </c>
      <c r="CY11" s="327">
        <v>495000</v>
      </c>
      <c r="CZ11" s="328">
        <v>744336</v>
      </c>
      <c r="DA11" s="326">
        <v>0</v>
      </c>
      <c r="DB11" s="327">
        <v>3169369</v>
      </c>
      <c r="DC11" s="327">
        <v>3086366</v>
      </c>
      <c r="DD11" s="327">
        <v>2137112</v>
      </c>
      <c r="DE11" s="327">
        <v>1598144</v>
      </c>
      <c r="DF11" s="327">
        <v>472752</v>
      </c>
      <c r="DG11" s="328">
        <v>10463743</v>
      </c>
      <c r="DH11" s="330">
        <v>11208079</v>
      </c>
      <c r="DI11" s="326">
        <v>0</v>
      </c>
      <c r="DJ11" s="327">
        <v>40128</v>
      </c>
      <c r="DK11" s="331">
        <v>40128</v>
      </c>
      <c r="DL11" s="332">
        <v>0</v>
      </c>
      <c r="DM11" s="327">
        <v>1209631</v>
      </c>
      <c r="DN11" s="327">
        <v>2591826</v>
      </c>
      <c r="DO11" s="327">
        <v>3218995</v>
      </c>
      <c r="DP11" s="327">
        <v>3143617</v>
      </c>
      <c r="DQ11" s="327">
        <v>1204210</v>
      </c>
      <c r="DR11" s="328">
        <v>11368279</v>
      </c>
      <c r="DS11" s="330">
        <v>11408407</v>
      </c>
      <c r="DT11" s="326">
        <v>0</v>
      </c>
      <c r="DU11" s="327">
        <v>40128</v>
      </c>
      <c r="DV11" s="328">
        <v>40128</v>
      </c>
      <c r="DW11" s="326">
        <v>0</v>
      </c>
      <c r="DX11" s="327">
        <v>1120949</v>
      </c>
      <c r="DY11" s="327">
        <v>1993186</v>
      </c>
      <c r="DZ11" s="327">
        <v>2563402</v>
      </c>
      <c r="EA11" s="327">
        <v>2343314</v>
      </c>
      <c r="EB11" s="327">
        <v>736549</v>
      </c>
      <c r="EC11" s="328">
        <v>8757400</v>
      </c>
      <c r="ED11" s="330">
        <v>8797528</v>
      </c>
      <c r="EE11" s="326">
        <v>0</v>
      </c>
      <c r="EF11" s="331">
        <v>0</v>
      </c>
      <c r="EG11" s="328">
        <v>0</v>
      </c>
      <c r="EH11" s="326">
        <v>0</v>
      </c>
      <c r="EI11" s="327">
        <v>88682</v>
      </c>
      <c r="EJ11" s="327">
        <v>598640</v>
      </c>
      <c r="EK11" s="327">
        <v>655593</v>
      </c>
      <c r="EL11" s="327">
        <v>800303</v>
      </c>
      <c r="EM11" s="327">
        <v>467661</v>
      </c>
      <c r="EN11" s="331">
        <v>2610879</v>
      </c>
      <c r="EO11" s="330">
        <v>2610879</v>
      </c>
      <c r="EP11" s="326">
        <v>0</v>
      </c>
      <c r="EQ11" s="327">
        <v>0</v>
      </c>
      <c r="ER11" s="331">
        <v>0</v>
      </c>
      <c r="ES11" s="332">
        <v>0</v>
      </c>
      <c r="ET11" s="327">
        <v>0</v>
      </c>
      <c r="EU11" s="327">
        <v>0</v>
      </c>
      <c r="EV11" s="327">
        <v>0</v>
      </c>
      <c r="EW11" s="327">
        <v>0</v>
      </c>
      <c r="EX11" s="327">
        <v>0</v>
      </c>
      <c r="EY11" s="328">
        <v>0</v>
      </c>
      <c r="EZ11" s="330">
        <v>0</v>
      </c>
      <c r="FA11" s="326">
        <v>0</v>
      </c>
      <c r="FB11" s="327">
        <v>0</v>
      </c>
      <c r="FC11" s="331">
        <v>0</v>
      </c>
      <c r="FD11" s="404">
        <v>0</v>
      </c>
      <c r="FE11" s="327">
        <v>0</v>
      </c>
      <c r="FF11" s="327">
        <v>0</v>
      </c>
      <c r="FG11" s="327">
        <v>0</v>
      </c>
      <c r="FH11" s="327">
        <v>0</v>
      </c>
      <c r="FI11" s="327">
        <v>0</v>
      </c>
      <c r="FJ11" s="328">
        <v>0</v>
      </c>
      <c r="FK11" s="330">
        <v>0</v>
      </c>
      <c r="FL11" s="326">
        <v>700627</v>
      </c>
      <c r="FM11" s="327">
        <v>1237516</v>
      </c>
      <c r="FN11" s="328">
        <v>1938143</v>
      </c>
      <c r="FO11" s="326">
        <v>0</v>
      </c>
      <c r="FP11" s="327">
        <v>2505818</v>
      </c>
      <c r="FQ11" s="327">
        <v>5844457</v>
      </c>
      <c r="FR11" s="327">
        <v>3928477</v>
      </c>
      <c r="FS11" s="327">
        <v>3999960</v>
      </c>
      <c r="FT11" s="327">
        <v>2541091</v>
      </c>
      <c r="FU11" s="328">
        <v>18819803</v>
      </c>
      <c r="FV11" s="330">
        <v>20757946</v>
      </c>
      <c r="FW11" s="333">
        <v>495691</v>
      </c>
      <c r="FX11" s="327">
        <v>977193</v>
      </c>
      <c r="FY11" s="331">
        <v>1472884</v>
      </c>
      <c r="FZ11" s="332">
        <v>0</v>
      </c>
      <c r="GA11" s="327">
        <v>2254840</v>
      </c>
      <c r="GB11" s="327">
        <v>5360470</v>
      </c>
      <c r="GC11" s="327">
        <v>3718330</v>
      </c>
      <c r="GD11" s="327">
        <v>3337578</v>
      </c>
      <c r="GE11" s="327">
        <v>2508723</v>
      </c>
      <c r="GF11" s="328">
        <v>17179941</v>
      </c>
      <c r="GG11" s="334">
        <v>18652825</v>
      </c>
      <c r="GH11" s="333">
        <v>39270</v>
      </c>
      <c r="GI11" s="327">
        <v>79093</v>
      </c>
      <c r="GJ11" s="331">
        <v>118363</v>
      </c>
      <c r="GK11" s="332">
        <v>0</v>
      </c>
      <c r="GL11" s="327">
        <v>104188</v>
      </c>
      <c r="GM11" s="327">
        <v>162988</v>
      </c>
      <c r="GN11" s="327">
        <v>76307</v>
      </c>
      <c r="GO11" s="327">
        <v>273042</v>
      </c>
      <c r="GP11" s="327">
        <v>32368</v>
      </c>
      <c r="GQ11" s="328">
        <v>648893</v>
      </c>
      <c r="GR11" s="330">
        <v>767256</v>
      </c>
      <c r="GS11" s="326">
        <v>165666</v>
      </c>
      <c r="GT11" s="327">
        <v>181230</v>
      </c>
      <c r="GU11" s="328">
        <v>346896</v>
      </c>
      <c r="GV11" s="326">
        <v>0</v>
      </c>
      <c r="GW11" s="327">
        <v>146790</v>
      </c>
      <c r="GX11" s="327">
        <v>320999</v>
      </c>
      <c r="GY11" s="327">
        <v>133840</v>
      </c>
      <c r="GZ11" s="327">
        <v>389340</v>
      </c>
      <c r="HA11" s="327">
        <v>0</v>
      </c>
      <c r="HB11" s="331">
        <v>990969</v>
      </c>
      <c r="HC11" s="330">
        <v>1337865</v>
      </c>
      <c r="HD11" s="326">
        <v>1714842</v>
      </c>
      <c r="HE11" s="327">
        <v>1471552</v>
      </c>
      <c r="HF11" s="331">
        <v>3186394</v>
      </c>
      <c r="HG11" s="332">
        <v>0</v>
      </c>
      <c r="HH11" s="327">
        <v>20393384</v>
      </c>
      <c r="HI11" s="327">
        <v>19787477</v>
      </c>
      <c r="HJ11" s="327">
        <v>18170453</v>
      </c>
      <c r="HK11" s="327">
        <v>23360846</v>
      </c>
      <c r="HL11" s="327">
        <v>18255169</v>
      </c>
      <c r="HM11" s="328">
        <v>99967329</v>
      </c>
      <c r="HN11" s="329">
        <v>103153723</v>
      </c>
      <c r="HO11" s="333">
        <v>0</v>
      </c>
      <c r="HP11" s="327">
        <v>0</v>
      </c>
      <c r="HQ11" s="328">
        <v>0</v>
      </c>
      <c r="HR11" s="326">
        <v>0</v>
      </c>
      <c r="HS11" s="327">
        <v>0</v>
      </c>
      <c r="HT11" s="327">
        <v>0</v>
      </c>
      <c r="HU11" s="327">
        <v>0</v>
      </c>
      <c r="HV11" s="327">
        <v>0</v>
      </c>
      <c r="HW11" s="327">
        <v>0</v>
      </c>
      <c r="HX11" s="331">
        <v>0</v>
      </c>
      <c r="HY11" s="330">
        <v>0</v>
      </c>
      <c r="HZ11" s="335">
        <v>40936</v>
      </c>
      <c r="IA11" s="336">
        <v>293440</v>
      </c>
      <c r="IB11" s="337">
        <v>334376</v>
      </c>
      <c r="IC11" s="338">
        <v>0</v>
      </c>
      <c r="ID11" s="336">
        <v>11019844</v>
      </c>
      <c r="IE11" s="339">
        <v>16143432</v>
      </c>
      <c r="IF11" s="337">
        <v>16424994</v>
      </c>
      <c r="IG11" s="336">
        <v>12414650</v>
      </c>
      <c r="IH11" s="337">
        <v>13383153</v>
      </c>
      <c r="II11" s="340">
        <v>69386073</v>
      </c>
      <c r="IJ11" s="341">
        <v>69720449</v>
      </c>
      <c r="IK11" s="342">
        <v>0</v>
      </c>
      <c r="IL11" s="343">
        <v>0</v>
      </c>
      <c r="IM11" s="344">
        <v>0</v>
      </c>
      <c r="IN11" s="404">
        <v>0</v>
      </c>
      <c r="IO11" s="345">
        <v>369493</v>
      </c>
      <c r="IP11" s="345">
        <v>870157</v>
      </c>
      <c r="IQ11" s="345">
        <v>481687</v>
      </c>
      <c r="IR11" s="345">
        <v>1648949</v>
      </c>
      <c r="IS11" s="345">
        <v>1531414</v>
      </c>
      <c r="IT11" s="346">
        <v>4901700</v>
      </c>
      <c r="IU11" s="347">
        <v>4901700</v>
      </c>
      <c r="IV11" s="348">
        <v>0</v>
      </c>
      <c r="IW11" s="345">
        <v>0</v>
      </c>
      <c r="IX11" s="349">
        <v>0</v>
      </c>
      <c r="IY11" s="404">
        <v>0</v>
      </c>
      <c r="IZ11" s="345">
        <v>92552</v>
      </c>
      <c r="JA11" s="345">
        <v>92187</v>
      </c>
      <c r="JB11" s="345">
        <v>202698</v>
      </c>
      <c r="JC11" s="345">
        <v>84288</v>
      </c>
      <c r="JD11" s="345">
        <v>345906</v>
      </c>
      <c r="JE11" s="349">
        <v>817631</v>
      </c>
      <c r="JF11" s="350">
        <v>817631</v>
      </c>
      <c r="JG11" s="348">
        <v>0</v>
      </c>
      <c r="JH11" s="345">
        <v>0</v>
      </c>
      <c r="JI11" s="346">
        <v>0</v>
      </c>
      <c r="JJ11" s="351">
        <v>0</v>
      </c>
      <c r="JK11" s="345">
        <v>4488550</v>
      </c>
      <c r="JL11" s="345">
        <v>4543256</v>
      </c>
      <c r="JM11" s="345">
        <v>2350543</v>
      </c>
      <c r="JN11" s="345">
        <v>1825729</v>
      </c>
      <c r="JO11" s="345">
        <v>657575</v>
      </c>
      <c r="JP11" s="349">
        <v>13865653</v>
      </c>
      <c r="JQ11" s="347">
        <v>13865653</v>
      </c>
      <c r="JR11" s="348">
        <v>0</v>
      </c>
      <c r="JS11" s="345">
        <v>0</v>
      </c>
      <c r="JT11" s="346">
        <v>0</v>
      </c>
      <c r="JU11" s="351">
        <v>0</v>
      </c>
      <c r="JV11" s="345">
        <v>557865</v>
      </c>
      <c r="JW11" s="345">
        <v>1599096</v>
      </c>
      <c r="JX11" s="345">
        <v>1524483</v>
      </c>
      <c r="JY11" s="345">
        <v>493856</v>
      </c>
      <c r="JZ11" s="345">
        <v>947426</v>
      </c>
      <c r="KA11" s="349">
        <v>5122726</v>
      </c>
      <c r="KB11" s="347">
        <v>5122726</v>
      </c>
      <c r="KC11" s="352">
        <v>40936</v>
      </c>
      <c r="KD11" s="353">
        <v>293440</v>
      </c>
      <c r="KE11" s="349">
        <v>334376</v>
      </c>
      <c r="KF11" s="351">
        <v>0</v>
      </c>
      <c r="KG11" s="345">
        <v>1011709</v>
      </c>
      <c r="KH11" s="345">
        <v>1178538</v>
      </c>
      <c r="KI11" s="345">
        <v>2369264</v>
      </c>
      <c r="KJ11" s="345">
        <v>841261</v>
      </c>
      <c r="KK11" s="345">
        <v>375406</v>
      </c>
      <c r="KL11" s="349">
        <v>5776178</v>
      </c>
      <c r="KM11" s="354">
        <v>6110554</v>
      </c>
      <c r="KN11" s="342">
        <v>0</v>
      </c>
      <c r="KO11" s="343">
        <v>0</v>
      </c>
      <c r="KP11" s="344">
        <v>0</v>
      </c>
      <c r="KQ11" s="404">
        <v>0</v>
      </c>
      <c r="KR11" s="345">
        <v>3585272</v>
      </c>
      <c r="KS11" s="345">
        <v>6579753</v>
      </c>
      <c r="KT11" s="345">
        <v>6852892</v>
      </c>
      <c r="KU11" s="345">
        <v>4177394</v>
      </c>
      <c r="KV11" s="345">
        <v>4300391</v>
      </c>
      <c r="KW11" s="349">
        <v>25495702</v>
      </c>
      <c r="KX11" s="347">
        <v>25495702</v>
      </c>
      <c r="KY11" s="348">
        <v>0</v>
      </c>
      <c r="KZ11" s="345">
        <v>0</v>
      </c>
      <c r="LA11" s="349">
        <v>0</v>
      </c>
      <c r="LB11" s="404">
        <v>0</v>
      </c>
      <c r="LC11" s="345">
        <v>0</v>
      </c>
      <c r="LD11" s="345">
        <v>0</v>
      </c>
      <c r="LE11" s="345">
        <v>0</v>
      </c>
      <c r="LF11" s="345">
        <v>0</v>
      </c>
      <c r="LG11" s="345">
        <v>0</v>
      </c>
      <c r="LH11" s="349">
        <v>0</v>
      </c>
      <c r="LI11" s="350">
        <v>0</v>
      </c>
      <c r="LJ11" s="348">
        <v>0</v>
      </c>
      <c r="LK11" s="345">
        <v>0</v>
      </c>
      <c r="LL11" s="349">
        <v>0</v>
      </c>
      <c r="LM11" s="404">
        <v>0</v>
      </c>
      <c r="LN11" s="345">
        <v>0</v>
      </c>
      <c r="LO11" s="345">
        <v>221209</v>
      </c>
      <c r="LP11" s="345">
        <v>1021780</v>
      </c>
      <c r="LQ11" s="345">
        <v>1992800</v>
      </c>
      <c r="LR11" s="345">
        <v>700391</v>
      </c>
      <c r="LS11" s="349">
        <v>3936180</v>
      </c>
      <c r="LT11" s="347">
        <v>3936180</v>
      </c>
      <c r="LU11" s="348">
        <v>0</v>
      </c>
      <c r="LV11" s="345">
        <v>0</v>
      </c>
      <c r="LW11" s="349">
        <v>0</v>
      </c>
      <c r="LX11" s="404">
        <v>0</v>
      </c>
      <c r="LY11" s="345">
        <v>914403</v>
      </c>
      <c r="LZ11" s="345">
        <v>1059236</v>
      </c>
      <c r="MA11" s="345">
        <v>1621647</v>
      </c>
      <c r="MB11" s="345">
        <v>1350373</v>
      </c>
      <c r="MC11" s="345">
        <v>4524644</v>
      </c>
      <c r="MD11" s="349">
        <v>9470303</v>
      </c>
      <c r="ME11" s="350">
        <v>9470303</v>
      </c>
      <c r="MF11" s="348">
        <v>0</v>
      </c>
      <c r="MG11" s="345">
        <v>0</v>
      </c>
      <c r="MH11" s="349">
        <v>0</v>
      </c>
      <c r="MI11" s="404">
        <v>0</v>
      </c>
      <c r="MJ11" s="345">
        <v>2770734</v>
      </c>
      <c r="MK11" s="345">
        <v>6218350</v>
      </c>
      <c r="ML11" s="345">
        <v>14964180</v>
      </c>
      <c r="MM11" s="345">
        <v>23396477</v>
      </c>
      <c r="MN11" s="345">
        <v>15445028</v>
      </c>
      <c r="MO11" s="349">
        <v>62794769</v>
      </c>
      <c r="MP11" s="354">
        <v>62794769</v>
      </c>
      <c r="MQ11" s="348">
        <v>0</v>
      </c>
      <c r="MR11" s="345">
        <v>0</v>
      </c>
      <c r="MS11" s="349">
        <v>0</v>
      </c>
      <c r="MT11" s="404">
        <v>0</v>
      </c>
      <c r="MU11" s="345">
        <v>399241</v>
      </c>
      <c r="MV11" s="345">
        <v>1411324</v>
      </c>
      <c r="MW11" s="345">
        <v>7780314</v>
      </c>
      <c r="MX11" s="345">
        <v>12906510</v>
      </c>
      <c r="MY11" s="345">
        <v>9655642</v>
      </c>
      <c r="MZ11" s="349">
        <v>32153031</v>
      </c>
      <c r="NA11" s="354">
        <v>32153031</v>
      </c>
      <c r="NB11" s="348">
        <v>0</v>
      </c>
      <c r="NC11" s="345">
        <v>0</v>
      </c>
      <c r="ND11" s="349">
        <v>0</v>
      </c>
      <c r="NE11" s="404">
        <v>0</v>
      </c>
      <c r="NF11" s="345">
        <v>2371493</v>
      </c>
      <c r="NG11" s="345">
        <v>4726271</v>
      </c>
      <c r="NH11" s="345">
        <v>7183866</v>
      </c>
      <c r="NI11" s="345">
        <v>9858082</v>
      </c>
      <c r="NJ11" s="345">
        <v>5472823</v>
      </c>
      <c r="NK11" s="349">
        <v>29612535</v>
      </c>
      <c r="NL11" s="347">
        <v>29612535</v>
      </c>
      <c r="NM11" s="348">
        <v>0</v>
      </c>
      <c r="NN11" s="345">
        <v>0</v>
      </c>
      <c r="NO11" s="349">
        <v>0</v>
      </c>
      <c r="NP11" s="404">
        <v>0</v>
      </c>
      <c r="NQ11" s="345">
        <v>0</v>
      </c>
      <c r="NR11" s="345">
        <v>0</v>
      </c>
      <c r="NS11" s="345">
        <v>0</v>
      </c>
      <c r="NT11" s="345">
        <v>0</v>
      </c>
      <c r="NU11" s="345">
        <v>0</v>
      </c>
      <c r="NV11" s="349">
        <v>0</v>
      </c>
      <c r="NW11" s="350">
        <v>0</v>
      </c>
      <c r="NX11" s="348">
        <v>0</v>
      </c>
      <c r="NY11" s="345">
        <v>0</v>
      </c>
      <c r="NZ11" s="349">
        <v>0</v>
      </c>
      <c r="OA11" s="404">
        <v>0</v>
      </c>
      <c r="OB11" s="345">
        <v>0</v>
      </c>
      <c r="OC11" s="345">
        <v>80755</v>
      </c>
      <c r="OD11" s="345">
        <v>0</v>
      </c>
      <c r="OE11" s="345">
        <v>631885</v>
      </c>
      <c r="OF11" s="345">
        <v>316563</v>
      </c>
      <c r="OG11" s="349">
        <v>1029203</v>
      </c>
      <c r="OH11" s="350">
        <v>1029203</v>
      </c>
      <c r="OI11" s="348">
        <v>4196698</v>
      </c>
      <c r="OJ11" s="345">
        <v>6078160</v>
      </c>
      <c r="OK11" s="346">
        <v>10274858</v>
      </c>
      <c r="OL11" s="351">
        <v>0</v>
      </c>
      <c r="OM11" s="345">
        <v>68780928</v>
      </c>
      <c r="ON11" s="345">
        <v>86973209</v>
      </c>
      <c r="OO11" s="345">
        <v>82605705</v>
      </c>
      <c r="OP11" s="345">
        <v>92211015</v>
      </c>
      <c r="OQ11" s="345">
        <v>73075262</v>
      </c>
      <c r="OR11" s="349">
        <v>403646119</v>
      </c>
      <c r="OS11" s="354">
        <v>413920977</v>
      </c>
    </row>
    <row r="12" spans="2:409" s="70" customFormat="1" ht="21" customHeight="1" x14ac:dyDescent="0.2">
      <c r="B12" s="106" t="s">
        <v>14</v>
      </c>
      <c r="C12" s="326">
        <v>1242570</v>
      </c>
      <c r="D12" s="327">
        <v>2811976</v>
      </c>
      <c r="E12" s="328">
        <v>4054546</v>
      </c>
      <c r="F12" s="329">
        <v>0</v>
      </c>
      <c r="G12" s="327">
        <v>13071739</v>
      </c>
      <c r="H12" s="327">
        <v>23770838</v>
      </c>
      <c r="I12" s="327">
        <v>20523021</v>
      </c>
      <c r="J12" s="327">
        <v>19103619</v>
      </c>
      <c r="K12" s="327">
        <v>15672718</v>
      </c>
      <c r="L12" s="331">
        <v>92141935</v>
      </c>
      <c r="M12" s="330">
        <v>96196481</v>
      </c>
      <c r="N12" s="326">
        <v>246998</v>
      </c>
      <c r="O12" s="327">
        <v>887646</v>
      </c>
      <c r="P12" s="328">
        <v>1134644</v>
      </c>
      <c r="Q12" s="326">
        <v>0</v>
      </c>
      <c r="R12" s="327">
        <v>3884997</v>
      </c>
      <c r="S12" s="327">
        <v>8157689</v>
      </c>
      <c r="T12" s="327">
        <v>6702323</v>
      </c>
      <c r="U12" s="327">
        <v>6344439</v>
      </c>
      <c r="V12" s="327">
        <v>8241468</v>
      </c>
      <c r="W12" s="328">
        <v>33330916</v>
      </c>
      <c r="X12" s="330">
        <v>34465560</v>
      </c>
      <c r="Y12" s="326">
        <v>0</v>
      </c>
      <c r="Z12" s="327">
        <v>0</v>
      </c>
      <c r="AA12" s="328">
        <v>0</v>
      </c>
      <c r="AB12" s="326">
        <v>0</v>
      </c>
      <c r="AC12" s="327">
        <v>1595383</v>
      </c>
      <c r="AD12" s="327">
        <v>3800231</v>
      </c>
      <c r="AE12" s="327">
        <v>3372293</v>
      </c>
      <c r="AF12" s="327">
        <v>3021382</v>
      </c>
      <c r="AG12" s="327">
        <v>4887102</v>
      </c>
      <c r="AH12" s="328">
        <v>16676391</v>
      </c>
      <c r="AI12" s="330">
        <v>16676391</v>
      </c>
      <c r="AJ12" s="326">
        <v>0</v>
      </c>
      <c r="AK12" s="327">
        <v>0</v>
      </c>
      <c r="AL12" s="328">
        <v>0</v>
      </c>
      <c r="AM12" s="326">
        <v>0</v>
      </c>
      <c r="AN12" s="327">
        <v>0</v>
      </c>
      <c r="AO12" s="327">
        <v>42037</v>
      </c>
      <c r="AP12" s="327">
        <v>309113</v>
      </c>
      <c r="AQ12" s="327">
        <v>548142</v>
      </c>
      <c r="AR12" s="327">
        <v>783210</v>
      </c>
      <c r="AS12" s="328">
        <v>1682502</v>
      </c>
      <c r="AT12" s="330">
        <v>1682502</v>
      </c>
      <c r="AU12" s="326">
        <v>94685</v>
      </c>
      <c r="AV12" s="327">
        <v>594961</v>
      </c>
      <c r="AW12" s="328">
        <v>689646</v>
      </c>
      <c r="AX12" s="326">
        <v>0</v>
      </c>
      <c r="AY12" s="327">
        <v>1424386</v>
      </c>
      <c r="AZ12" s="327">
        <v>2759920</v>
      </c>
      <c r="BA12" s="327">
        <v>1849143</v>
      </c>
      <c r="BB12" s="327">
        <v>1587977</v>
      </c>
      <c r="BC12" s="327">
        <v>1425862</v>
      </c>
      <c r="BD12" s="328">
        <v>9047288</v>
      </c>
      <c r="BE12" s="330">
        <v>9736934</v>
      </c>
      <c r="BF12" s="326">
        <v>0</v>
      </c>
      <c r="BG12" s="327">
        <v>52725</v>
      </c>
      <c r="BH12" s="331">
        <v>52725</v>
      </c>
      <c r="BI12" s="332">
        <v>0</v>
      </c>
      <c r="BJ12" s="327">
        <v>0</v>
      </c>
      <c r="BK12" s="327">
        <v>267487</v>
      </c>
      <c r="BL12" s="327">
        <v>14058</v>
      </c>
      <c r="BM12" s="327">
        <v>177600</v>
      </c>
      <c r="BN12" s="327">
        <v>105864</v>
      </c>
      <c r="BO12" s="328">
        <v>565009</v>
      </c>
      <c r="BP12" s="330">
        <v>617734</v>
      </c>
      <c r="BQ12" s="326">
        <v>152313</v>
      </c>
      <c r="BR12" s="327">
        <v>239960</v>
      </c>
      <c r="BS12" s="328">
        <v>392273</v>
      </c>
      <c r="BT12" s="326">
        <v>0</v>
      </c>
      <c r="BU12" s="327">
        <v>865228</v>
      </c>
      <c r="BV12" s="327">
        <v>1288014</v>
      </c>
      <c r="BW12" s="327">
        <v>1157716</v>
      </c>
      <c r="BX12" s="327">
        <v>1009338</v>
      </c>
      <c r="BY12" s="327">
        <v>1039430</v>
      </c>
      <c r="BZ12" s="328">
        <v>5359726</v>
      </c>
      <c r="CA12" s="330">
        <v>5751999</v>
      </c>
      <c r="CB12" s="326">
        <v>126265</v>
      </c>
      <c r="CC12" s="327">
        <v>308828</v>
      </c>
      <c r="CD12" s="328">
        <v>435093</v>
      </c>
      <c r="CE12" s="326">
        <v>0</v>
      </c>
      <c r="CF12" s="327">
        <v>4083174</v>
      </c>
      <c r="CG12" s="327">
        <v>6121622</v>
      </c>
      <c r="CH12" s="327">
        <v>5855986</v>
      </c>
      <c r="CI12" s="327">
        <v>3154856</v>
      </c>
      <c r="CJ12" s="327">
        <v>1642300</v>
      </c>
      <c r="CK12" s="328">
        <v>20857938</v>
      </c>
      <c r="CL12" s="330">
        <v>21293031</v>
      </c>
      <c r="CM12" s="326">
        <v>0</v>
      </c>
      <c r="CN12" s="327">
        <v>0</v>
      </c>
      <c r="CO12" s="328">
        <v>0</v>
      </c>
      <c r="CP12" s="332">
        <v>0</v>
      </c>
      <c r="CQ12" s="327">
        <v>3969766</v>
      </c>
      <c r="CR12" s="327">
        <v>5365062</v>
      </c>
      <c r="CS12" s="327">
        <v>4830306</v>
      </c>
      <c r="CT12" s="327">
        <v>2180553</v>
      </c>
      <c r="CU12" s="327">
        <v>1555691</v>
      </c>
      <c r="CV12" s="328">
        <v>17901378</v>
      </c>
      <c r="CW12" s="330">
        <v>17901378</v>
      </c>
      <c r="CX12" s="326">
        <v>126265</v>
      </c>
      <c r="CY12" s="327">
        <v>308828</v>
      </c>
      <c r="CZ12" s="328">
        <v>435093</v>
      </c>
      <c r="DA12" s="326">
        <v>0</v>
      </c>
      <c r="DB12" s="327">
        <v>113408</v>
      </c>
      <c r="DC12" s="327">
        <v>756560</v>
      </c>
      <c r="DD12" s="327">
        <v>1025680</v>
      </c>
      <c r="DE12" s="327">
        <v>974303</v>
      </c>
      <c r="DF12" s="327">
        <v>86609</v>
      </c>
      <c r="DG12" s="328">
        <v>2956560</v>
      </c>
      <c r="DH12" s="330">
        <v>3391653</v>
      </c>
      <c r="DI12" s="326">
        <v>0</v>
      </c>
      <c r="DJ12" s="327">
        <v>0</v>
      </c>
      <c r="DK12" s="331">
        <v>0</v>
      </c>
      <c r="DL12" s="332">
        <v>0</v>
      </c>
      <c r="DM12" s="327">
        <v>477761</v>
      </c>
      <c r="DN12" s="327">
        <v>747595</v>
      </c>
      <c r="DO12" s="327">
        <v>1636652</v>
      </c>
      <c r="DP12" s="327">
        <v>2349721</v>
      </c>
      <c r="DQ12" s="327">
        <v>588305</v>
      </c>
      <c r="DR12" s="328">
        <v>5800034</v>
      </c>
      <c r="DS12" s="330">
        <v>5800034</v>
      </c>
      <c r="DT12" s="326">
        <v>0</v>
      </c>
      <c r="DU12" s="327">
        <v>0</v>
      </c>
      <c r="DV12" s="328">
        <v>0</v>
      </c>
      <c r="DW12" s="326">
        <v>0</v>
      </c>
      <c r="DX12" s="327">
        <v>344552</v>
      </c>
      <c r="DY12" s="327">
        <v>703431</v>
      </c>
      <c r="DZ12" s="327">
        <v>1579577</v>
      </c>
      <c r="EA12" s="327">
        <v>2349721</v>
      </c>
      <c r="EB12" s="327">
        <v>588305</v>
      </c>
      <c r="EC12" s="328">
        <v>5565586</v>
      </c>
      <c r="ED12" s="330">
        <v>5565586</v>
      </c>
      <c r="EE12" s="326">
        <v>0</v>
      </c>
      <c r="EF12" s="331">
        <v>0</v>
      </c>
      <c r="EG12" s="328">
        <v>0</v>
      </c>
      <c r="EH12" s="326">
        <v>0</v>
      </c>
      <c r="EI12" s="327">
        <v>133209</v>
      </c>
      <c r="EJ12" s="327">
        <v>44164</v>
      </c>
      <c r="EK12" s="327">
        <v>57075</v>
      </c>
      <c r="EL12" s="327">
        <v>0</v>
      </c>
      <c r="EM12" s="327">
        <v>0</v>
      </c>
      <c r="EN12" s="331">
        <v>234448</v>
      </c>
      <c r="EO12" s="330">
        <v>234448</v>
      </c>
      <c r="EP12" s="326">
        <v>0</v>
      </c>
      <c r="EQ12" s="327">
        <v>0</v>
      </c>
      <c r="ER12" s="331">
        <v>0</v>
      </c>
      <c r="ES12" s="332">
        <v>0</v>
      </c>
      <c r="ET12" s="327">
        <v>0</v>
      </c>
      <c r="EU12" s="327">
        <v>0</v>
      </c>
      <c r="EV12" s="327">
        <v>0</v>
      </c>
      <c r="EW12" s="327">
        <v>0</v>
      </c>
      <c r="EX12" s="327">
        <v>0</v>
      </c>
      <c r="EY12" s="328">
        <v>0</v>
      </c>
      <c r="EZ12" s="330">
        <v>0</v>
      </c>
      <c r="FA12" s="326">
        <v>0</v>
      </c>
      <c r="FB12" s="327">
        <v>0</v>
      </c>
      <c r="FC12" s="331">
        <v>0</v>
      </c>
      <c r="FD12" s="404">
        <v>0</v>
      </c>
      <c r="FE12" s="327">
        <v>0</v>
      </c>
      <c r="FF12" s="327">
        <v>0</v>
      </c>
      <c r="FG12" s="327">
        <v>0</v>
      </c>
      <c r="FH12" s="327">
        <v>0</v>
      </c>
      <c r="FI12" s="327">
        <v>0</v>
      </c>
      <c r="FJ12" s="328">
        <v>0</v>
      </c>
      <c r="FK12" s="330">
        <v>0</v>
      </c>
      <c r="FL12" s="326">
        <v>421809</v>
      </c>
      <c r="FM12" s="327">
        <v>791525</v>
      </c>
      <c r="FN12" s="328">
        <v>1213334</v>
      </c>
      <c r="FO12" s="326">
        <v>0</v>
      </c>
      <c r="FP12" s="327">
        <v>804013</v>
      </c>
      <c r="FQ12" s="327">
        <v>2696926</v>
      </c>
      <c r="FR12" s="327">
        <v>1830584</v>
      </c>
      <c r="FS12" s="327">
        <v>1453032</v>
      </c>
      <c r="FT12" s="327">
        <v>1125915</v>
      </c>
      <c r="FU12" s="328">
        <v>7910470</v>
      </c>
      <c r="FV12" s="330">
        <v>9123804</v>
      </c>
      <c r="FW12" s="333">
        <v>134722</v>
      </c>
      <c r="FX12" s="327">
        <v>630805</v>
      </c>
      <c r="FY12" s="331">
        <v>765527</v>
      </c>
      <c r="FZ12" s="332">
        <v>0</v>
      </c>
      <c r="GA12" s="327">
        <v>567063</v>
      </c>
      <c r="GB12" s="327">
        <v>2507043</v>
      </c>
      <c r="GC12" s="327">
        <v>1794156</v>
      </c>
      <c r="GD12" s="327">
        <v>1285277</v>
      </c>
      <c r="GE12" s="327">
        <v>1125915</v>
      </c>
      <c r="GF12" s="328">
        <v>7279454</v>
      </c>
      <c r="GG12" s="334">
        <v>8044981</v>
      </c>
      <c r="GH12" s="333">
        <v>8870</v>
      </c>
      <c r="GI12" s="327">
        <v>48020</v>
      </c>
      <c r="GJ12" s="331">
        <v>56890</v>
      </c>
      <c r="GK12" s="332">
        <v>0</v>
      </c>
      <c r="GL12" s="327">
        <v>109900</v>
      </c>
      <c r="GM12" s="327">
        <v>68433</v>
      </c>
      <c r="GN12" s="327">
        <v>36428</v>
      </c>
      <c r="GO12" s="327">
        <v>43785</v>
      </c>
      <c r="GP12" s="327">
        <v>0</v>
      </c>
      <c r="GQ12" s="328">
        <v>258546</v>
      </c>
      <c r="GR12" s="330">
        <v>315436</v>
      </c>
      <c r="GS12" s="326">
        <v>278217</v>
      </c>
      <c r="GT12" s="327">
        <v>112700</v>
      </c>
      <c r="GU12" s="328">
        <v>390917</v>
      </c>
      <c r="GV12" s="326">
        <v>0</v>
      </c>
      <c r="GW12" s="327">
        <v>127050</v>
      </c>
      <c r="GX12" s="327">
        <v>121450</v>
      </c>
      <c r="GY12" s="327">
        <v>0</v>
      </c>
      <c r="GZ12" s="327">
        <v>123970</v>
      </c>
      <c r="HA12" s="327">
        <v>0</v>
      </c>
      <c r="HB12" s="331">
        <v>372470</v>
      </c>
      <c r="HC12" s="330">
        <v>763387</v>
      </c>
      <c r="HD12" s="326">
        <v>447498</v>
      </c>
      <c r="HE12" s="327">
        <v>823977</v>
      </c>
      <c r="HF12" s="331">
        <v>1271475</v>
      </c>
      <c r="HG12" s="332">
        <v>0</v>
      </c>
      <c r="HH12" s="327">
        <v>3821794</v>
      </c>
      <c r="HI12" s="327">
        <v>6047006</v>
      </c>
      <c r="HJ12" s="327">
        <v>4497476</v>
      </c>
      <c r="HK12" s="327">
        <v>5801571</v>
      </c>
      <c r="HL12" s="327">
        <v>4074730</v>
      </c>
      <c r="HM12" s="328">
        <v>24242577</v>
      </c>
      <c r="HN12" s="329">
        <v>25514052</v>
      </c>
      <c r="HO12" s="333">
        <v>0</v>
      </c>
      <c r="HP12" s="327">
        <v>0</v>
      </c>
      <c r="HQ12" s="328">
        <v>0</v>
      </c>
      <c r="HR12" s="326">
        <v>0</v>
      </c>
      <c r="HS12" s="327">
        <v>0</v>
      </c>
      <c r="HT12" s="327">
        <v>0</v>
      </c>
      <c r="HU12" s="327">
        <v>0</v>
      </c>
      <c r="HV12" s="327">
        <v>0</v>
      </c>
      <c r="HW12" s="327">
        <v>0</v>
      </c>
      <c r="HX12" s="331">
        <v>0</v>
      </c>
      <c r="HY12" s="330">
        <v>0</v>
      </c>
      <c r="HZ12" s="335">
        <v>69611</v>
      </c>
      <c r="IA12" s="336">
        <v>0</v>
      </c>
      <c r="IB12" s="337">
        <v>69611</v>
      </c>
      <c r="IC12" s="355">
        <v>0</v>
      </c>
      <c r="ID12" s="356">
        <v>3181158</v>
      </c>
      <c r="IE12" s="357">
        <v>5076895</v>
      </c>
      <c r="IF12" s="358">
        <v>5216727</v>
      </c>
      <c r="IG12" s="356">
        <v>3765953</v>
      </c>
      <c r="IH12" s="358">
        <v>3065392</v>
      </c>
      <c r="II12" s="359">
        <v>20306125</v>
      </c>
      <c r="IJ12" s="341">
        <v>20375736</v>
      </c>
      <c r="IK12" s="342">
        <v>0</v>
      </c>
      <c r="IL12" s="343">
        <v>0</v>
      </c>
      <c r="IM12" s="344">
        <v>0</v>
      </c>
      <c r="IN12" s="404">
        <v>0</v>
      </c>
      <c r="IO12" s="345">
        <v>0</v>
      </c>
      <c r="IP12" s="345">
        <v>471858</v>
      </c>
      <c r="IQ12" s="345">
        <v>0</v>
      </c>
      <c r="IR12" s="345">
        <v>0</v>
      </c>
      <c r="IS12" s="345">
        <v>407140</v>
      </c>
      <c r="IT12" s="346">
        <v>878998</v>
      </c>
      <c r="IU12" s="347">
        <v>878998</v>
      </c>
      <c r="IV12" s="348">
        <v>0</v>
      </c>
      <c r="IW12" s="345">
        <v>0</v>
      </c>
      <c r="IX12" s="349">
        <v>0</v>
      </c>
      <c r="IY12" s="404">
        <v>0</v>
      </c>
      <c r="IZ12" s="345">
        <v>0</v>
      </c>
      <c r="JA12" s="345">
        <v>0</v>
      </c>
      <c r="JB12" s="345">
        <v>0</v>
      </c>
      <c r="JC12" s="345">
        <v>0</v>
      </c>
      <c r="JD12" s="345">
        <v>0</v>
      </c>
      <c r="JE12" s="349">
        <v>0</v>
      </c>
      <c r="JF12" s="350">
        <v>0</v>
      </c>
      <c r="JG12" s="348">
        <v>0</v>
      </c>
      <c r="JH12" s="345">
        <v>0</v>
      </c>
      <c r="JI12" s="346">
        <v>0</v>
      </c>
      <c r="JJ12" s="351">
        <v>0</v>
      </c>
      <c r="JK12" s="345">
        <v>1550461</v>
      </c>
      <c r="JL12" s="345">
        <v>2358385</v>
      </c>
      <c r="JM12" s="345">
        <v>1461920</v>
      </c>
      <c r="JN12" s="345">
        <v>877966</v>
      </c>
      <c r="JO12" s="345">
        <v>779636</v>
      </c>
      <c r="JP12" s="349">
        <v>7028368</v>
      </c>
      <c r="JQ12" s="347">
        <v>7028368</v>
      </c>
      <c r="JR12" s="348">
        <v>0</v>
      </c>
      <c r="JS12" s="345">
        <v>0</v>
      </c>
      <c r="JT12" s="346">
        <v>0</v>
      </c>
      <c r="JU12" s="351">
        <v>0</v>
      </c>
      <c r="JV12" s="345">
        <v>0</v>
      </c>
      <c r="JW12" s="345">
        <v>84215</v>
      </c>
      <c r="JX12" s="345">
        <v>0</v>
      </c>
      <c r="JY12" s="345">
        <v>25273</v>
      </c>
      <c r="JZ12" s="345">
        <v>0</v>
      </c>
      <c r="KA12" s="349">
        <v>109488</v>
      </c>
      <c r="KB12" s="347">
        <v>109488</v>
      </c>
      <c r="KC12" s="352">
        <v>69611</v>
      </c>
      <c r="KD12" s="353">
        <v>0</v>
      </c>
      <c r="KE12" s="349">
        <v>69611</v>
      </c>
      <c r="KF12" s="351">
        <v>0</v>
      </c>
      <c r="KG12" s="345">
        <v>558362</v>
      </c>
      <c r="KH12" s="345">
        <v>720617</v>
      </c>
      <c r="KI12" s="345">
        <v>412498</v>
      </c>
      <c r="KJ12" s="345">
        <v>414834</v>
      </c>
      <c r="KK12" s="345">
        <v>259527</v>
      </c>
      <c r="KL12" s="349">
        <v>2365838</v>
      </c>
      <c r="KM12" s="354">
        <v>2435449</v>
      </c>
      <c r="KN12" s="342">
        <v>0</v>
      </c>
      <c r="KO12" s="343">
        <v>0</v>
      </c>
      <c r="KP12" s="344">
        <v>0</v>
      </c>
      <c r="KQ12" s="404">
        <v>0</v>
      </c>
      <c r="KR12" s="345">
        <v>1072335</v>
      </c>
      <c r="KS12" s="345">
        <v>1297438</v>
      </c>
      <c r="KT12" s="345">
        <v>3342309</v>
      </c>
      <c r="KU12" s="345">
        <v>1121982</v>
      </c>
      <c r="KV12" s="345">
        <v>1619089</v>
      </c>
      <c r="KW12" s="349">
        <v>8453153</v>
      </c>
      <c r="KX12" s="347">
        <v>8453153</v>
      </c>
      <c r="KY12" s="348">
        <v>0</v>
      </c>
      <c r="KZ12" s="345">
        <v>0</v>
      </c>
      <c r="LA12" s="349">
        <v>0</v>
      </c>
      <c r="LB12" s="404">
        <v>0</v>
      </c>
      <c r="LC12" s="345">
        <v>0</v>
      </c>
      <c r="LD12" s="345">
        <v>0</v>
      </c>
      <c r="LE12" s="345">
        <v>0</v>
      </c>
      <c r="LF12" s="345">
        <v>0</v>
      </c>
      <c r="LG12" s="345">
        <v>0</v>
      </c>
      <c r="LH12" s="349">
        <v>0</v>
      </c>
      <c r="LI12" s="350">
        <v>0</v>
      </c>
      <c r="LJ12" s="348">
        <v>0</v>
      </c>
      <c r="LK12" s="345">
        <v>0</v>
      </c>
      <c r="LL12" s="349">
        <v>0</v>
      </c>
      <c r="LM12" s="404">
        <v>0</v>
      </c>
      <c r="LN12" s="345">
        <v>0</v>
      </c>
      <c r="LO12" s="345">
        <v>0</v>
      </c>
      <c r="LP12" s="345">
        <v>0</v>
      </c>
      <c r="LQ12" s="345">
        <v>701697</v>
      </c>
      <c r="LR12" s="345">
        <v>0</v>
      </c>
      <c r="LS12" s="349">
        <v>701697</v>
      </c>
      <c r="LT12" s="347">
        <v>701697</v>
      </c>
      <c r="LU12" s="348">
        <v>0</v>
      </c>
      <c r="LV12" s="345">
        <v>0</v>
      </c>
      <c r="LW12" s="349">
        <v>0</v>
      </c>
      <c r="LX12" s="404">
        <v>0</v>
      </c>
      <c r="LY12" s="345">
        <v>0</v>
      </c>
      <c r="LZ12" s="345">
        <v>144382</v>
      </c>
      <c r="MA12" s="345">
        <v>0</v>
      </c>
      <c r="MB12" s="345">
        <v>624201</v>
      </c>
      <c r="MC12" s="345">
        <v>0</v>
      </c>
      <c r="MD12" s="349">
        <v>768583</v>
      </c>
      <c r="ME12" s="350">
        <v>768583</v>
      </c>
      <c r="MF12" s="348">
        <v>0</v>
      </c>
      <c r="MG12" s="345">
        <v>0</v>
      </c>
      <c r="MH12" s="349">
        <v>0</v>
      </c>
      <c r="MI12" s="404">
        <v>0</v>
      </c>
      <c r="MJ12" s="345">
        <v>430870</v>
      </c>
      <c r="MK12" s="345">
        <v>2460111</v>
      </c>
      <c r="ML12" s="345">
        <v>9131841</v>
      </c>
      <c r="MM12" s="345">
        <v>14530096</v>
      </c>
      <c r="MN12" s="345">
        <v>7787948</v>
      </c>
      <c r="MO12" s="349">
        <v>34340866</v>
      </c>
      <c r="MP12" s="354">
        <v>34340866</v>
      </c>
      <c r="MQ12" s="348">
        <v>0</v>
      </c>
      <c r="MR12" s="345">
        <v>0</v>
      </c>
      <c r="MS12" s="349">
        <v>0</v>
      </c>
      <c r="MT12" s="404">
        <v>0</v>
      </c>
      <c r="MU12" s="345">
        <v>0</v>
      </c>
      <c r="MV12" s="345">
        <v>0</v>
      </c>
      <c r="MW12" s="345">
        <v>6077733</v>
      </c>
      <c r="MX12" s="345">
        <v>10992885</v>
      </c>
      <c r="MY12" s="345">
        <v>5711526</v>
      </c>
      <c r="MZ12" s="349">
        <v>22782144</v>
      </c>
      <c r="NA12" s="354">
        <v>22782144</v>
      </c>
      <c r="NB12" s="348">
        <v>0</v>
      </c>
      <c r="NC12" s="345">
        <v>0</v>
      </c>
      <c r="ND12" s="349">
        <v>0</v>
      </c>
      <c r="NE12" s="404">
        <v>0</v>
      </c>
      <c r="NF12" s="345">
        <v>430870</v>
      </c>
      <c r="NG12" s="345">
        <v>2460111</v>
      </c>
      <c r="NH12" s="345">
        <v>2776153</v>
      </c>
      <c r="NI12" s="345">
        <v>2944853</v>
      </c>
      <c r="NJ12" s="345">
        <v>830635</v>
      </c>
      <c r="NK12" s="349">
        <v>9442622</v>
      </c>
      <c r="NL12" s="347">
        <v>9442622</v>
      </c>
      <c r="NM12" s="348">
        <v>0</v>
      </c>
      <c r="NN12" s="345">
        <v>0</v>
      </c>
      <c r="NO12" s="349">
        <v>0</v>
      </c>
      <c r="NP12" s="404">
        <v>0</v>
      </c>
      <c r="NQ12" s="345">
        <v>0</v>
      </c>
      <c r="NR12" s="345">
        <v>0</v>
      </c>
      <c r="NS12" s="345">
        <v>0</v>
      </c>
      <c r="NT12" s="345">
        <v>0</v>
      </c>
      <c r="NU12" s="345">
        <v>0</v>
      </c>
      <c r="NV12" s="349">
        <v>0</v>
      </c>
      <c r="NW12" s="350">
        <v>0</v>
      </c>
      <c r="NX12" s="348">
        <v>0</v>
      </c>
      <c r="NY12" s="345">
        <v>0</v>
      </c>
      <c r="NZ12" s="349">
        <v>0</v>
      </c>
      <c r="OA12" s="404">
        <v>0</v>
      </c>
      <c r="OB12" s="345">
        <v>0</v>
      </c>
      <c r="OC12" s="345">
        <v>0</v>
      </c>
      <c r="OD12" s="345">
        <v>277955</v>
      </c>
      <c r="OE12" s="345">
        <v>592358</v>
      </c>
      <c r="OF12" s="345">
        <v>1245787</v>
      </c>
      <c r="OG12" s="349">
        <v>2116100</v>
      </c>
      <c r="OH12" s="350">
        <v>2116100</v>
      </c>
      <c r="OI12" s="348">
        <v>1312181</v>
      </c>
      <c r="OJ12" s="345">
        <v>2811976</v>
      </c>
      <c r="OK12" s="346">
        <v>4124157</v>
      </c>
      <c r="OL12" s="351">
        <v>0</v>
      </c>
      <c r="OM12" s="345">
        <v>16683767</v>
      </c>
      <c r="ON12" s="345">
        <v>31307844</v>
      </c>
      <c r="OO12" s="345">
        <v>34871589</v>
      </c>
      <c r="OP12" s="345">
        <v>37399668</v>
      </c>
      <c r="OQ12" s="345">
        <v>26526058</v>
      </c>
      <c r="OR12" s="349">
        <v>146788926</v>
      </c>
      <c r="OS12" s="354">
        <v>150913083</v>
      </c>
    </row>
    <row r="13" spans="2:409" s="70" customFormat="1" ht="21" customHeight="1" x14ac:dyDescent="0.2">
      <c r="B13" s="106" t="s">
        <v>7</v>
      </c>
      <c r="C13" s="326">
        <v>1223675</v>
      </c>
      <c r="D13" s="327">
        <v>1205587</v>
      </c>
      <c r="E13" s="328">
        <v>2429262</v>
      </c>
      <c r="F13" s="329">
        <v>0</v>
      </c>
      <c r="G13" s="327">
        <v>13777149</v>
      </c>
      <c r="H13" s="327">
        <v>10512298</v>
      </c>
      <c r="I13" s="327">
        <v>10496281</v>
      </c>
      <c r="J13" s="327">
        <v>10416424</v>
      </c>
      <c r="K13" s="327">
        <v>5880875</v>
      </c>
      <c r="L13" s="329">
        <v>51083027</v>
      </c>
      <c r="M13" s="330">
        <v>53512289</v>
      </c>
      <c r="N13" s="326">
        <v>215498</v>
      </c>
      <c r="O13" s="327">
        <v>280033</v>
      </c>
      <c r="P13" s="328">
        <v>495531</v>
      </c>
      <c r="Q13" s="326">
        <v>0</v>
      </c>
      <c r="R13" s="327">
        <v>3975480</v>
      </c>
      <c r="S13" s="327">
        <v>3215343</v>
      </c>
      <c r="T13" s="327">
        <v>4256861</v>
      </c>
      <c r="U13" s="327">
        <v>4323238</v>
      </c>
      <c r="V13" s="327">
        <v>3265741</v>
      </c>
      <c r="W13" s="328">
        <v>19036663</v>
      </c>
      <c r="X13" s="330">
        <v>19532194</v>
      </c>
      <c r="Y13" s="326">
        <v>0</v>
      </c>
      <c r="Z13" s="327">
        <v>0</v>
      </c>
      <c r="AA13" s="328">
        <v>0</v>
      </c>
      <c r="AB13" s="326">
        <v>0</v>
      </c>
      <c r="AC13" s="327">
        <v>1842167</v>
      </c>
      <c r="AD13" s="327">
        <v>1453048</v>
      </c>
      <c r="AE13" s="327">
        <v>2373658</v>
      </c>
      <c r="AF13" s="327">
        <v>2344556</v>
      </c>
      <c r="AG13" s="327">
        <v>1561755</v>
      </c>
      <c r="AH13" s="328">
        <v>9575184</v>
      </c>
      <c r="AI13" s="330">
        <v>9575184</v>
      </c>
      <c r="AJ13" s="326">
        <v>0</v>
      </c>
      <c r="AK13" s="327">
        <v>0</v>
      </c>
      <c r="AL13" s="328">
        <v>0</v>
      </c>
      <c r="AM13" s="326">
        <v>0</v>
      </c>
      <c r="AN13" s="327">
        <v>31004</v>
      </c>
      <c r="AO13" s="327">
        <v>0</v>
      </c>
      <c r="AP13" s="327">
        <v>66377</v>
      </c>
      <c r="AQ13" s="327">
        <v>400066</v>
      </c>
      <c r="AR13" s="327">
        <v>632457</v>
      </c>
      <c r="AS13" s="328">
        <v>1129904</v>
      </c>
      <c r="AT13" s="330">
        <v>1129904</v>
      </c>
      <c r="AU13" s="326">
        <v>0</v>
      </c>
      <c r="AV13" s="327">
        <v>96590</v>
      </c>
      <c r="AW13" s="328">
        <v>96590</v>
      </c>
      <c r="AX13" s="326">
        <v>0</v>
      </c>
      <c r="AY13" s="327">
        <v>1111938</v>
      </c>
      <c r="AZ13" s="327">
        <v>1047067</v>
      </c>
      <c r="BA13" s="327">
        <v>1099741</v>
      </c>
      <c r="BB13" s="327">
        <v>754682</v>
      </c>
      <c r="BC13" s="327">
        <v>755619</v>
      </c>
      <c r="BD13" s="328">
        <v>4769047</v>
      </c>
      <c r="BE13" s="330">
        <v>4865637</v>
      </c>
      <c r="BF13" s="326">
        <v>18147</v>
      </c>
      <c r="BG13" s="327">
        <v>9073</v>
      </c>
      <c r="BH13" s="331">
        <v>27220</v>
      </c>
      <c r="BI13" s="332">
        <v>0</v>
      </c>
      <c r="BJ13" s="327">
        <v>135678</v>
      </c>
      <c r="BK13" s="327">
        <v>139611</v>
      </c>
      <c r="BL13" s="327">
        <v>74133</v>
      </c>
      <c r="BM13" s="327">
        <v>118285</v>
      </c>
      <c r="BN13" s="327">
        <v>0</v>
      </c>
      <c r="BO13" s="328">
        <v>467707</v>
      </c>
      <c r="BP13" s="330">
        <v>494927</v>
      </c>
      <c r="BQ13" s="326">
        <v>197351</v>
      </c>
      <c r="BR13" s="327">
        <v>174370</v>
      </c>
      <c r="BS13" s="328">
        <v>371721</v>
      </c>
      <c r="BT13" s="326">
        <v>0</v>
      </c>
      <c r="BU13" s="327">
        <v>854693</v>
      </c>
      <c r="BV13" s="327">
        <v>575617</v>
      </c>
      <c r="BW13" s="327">
        <v>642952</v>
      </c>
      <c r="BX13" s="327">
        <v>705649</v>
      </c>
      <c r="BY13" s="327">
        <v>315910</v>
      </c>
      <c r="BZ13" s="328">
        <v>3094821</v>
      </c>
      <c r="CA13" s="330">
        <v>3466542</v>
      </c>
      <c r="CB13" s="326">
        <v>0</v>
      </c>
      <c r="CC13" s="327">
        <v>70506</v>
      </c>
      <c r="CD13" s="328">
        <v>70506</v>
      </c>
      <c r="CE13" s="326">
        <v>0</v>
      </c>
      <c r="CF13" s="327">
        <v>4259731</v>
      </c>
      <c r="CG13" s="327">
        <v>2338357</v>
      </c>
      <c r="CH13" s="327">
        <v>1715820</v>
      </c>
      <c r="CI13" s="327">
        <v>1077346</v>
      </c>
      <c r="CJ13" s="327">
        <v>183860</v>
      </c>
      <c r="CK13" s="328">
        <v>9575114</v>
      </c>
      <c r="CL13" s="330">
        <v>9645620</v>
      </c>
      <c r="CM13" s="326">
        <v>0</v>
      </c>
      <c r="CN13" s="327">
        <v>0</v>
      </c>
      <c r="CO13" s="328">
        <v>0</v>
      </c>
      <c r="CP13" s="332">
        <v>0</v>
      </c>
      <c r="CQ13" s="327">
        <v>3527943</v>
      </c>
      <c r="CR13" s="327">
        <v>1782019</v>
      </c>
      <c r="CS13" s="327">
        <v>1267867</v>
      </c>
      <c r="CT13" s="327">
        <v>661775</v>
      </c>
      <c r="CU13" s="327">
        <v>183860</v>
      </c>
      <c r="CV13" s="328">
        <v>7423464</v>
      </c>
      <c r="CW13" s="330">
        <v>7423464</v>
      </c>
      <c r="CX13" s="326">
        <v>0</v>
      </c>
      <c r="CY13" s="327">
        <v>70506</v>
      </c>
      <c r="CZ13" s="328">
        <v>70506</v>
      </c>
      <c r="DA13" s="326">
        <v>0</v>
      </c>
      <c r="DB13" s="327">
        <v>731788</v>
      </c>
      <c r="DC13" s="327">
        <v>556338</v>
      </c>
      <c r="DD13" s="327">
        <v>447953</v>
      </c>
      <c r="DE13" s="327">
        <v>415571</v>
      </c>
      <c r="DF13" s="327">
        <v>0</v>
      </c>
      <c r="DG13" s="328">
        <v>2151650</v>
      </c>
      <c r="DH13" s="330">
        <v>2222156</v>
      </c>
      <c r="DI13" s="326">
        <v>0</v>
      </c>
      <c r="DJ13" s="327">
        <v>0</v>
      </c>
      <c r="DK13" s="331">
        <v>0</v>
      </c>
      <c r="DL13" s="332">
        <v>0</v>
      </c>
      <c r="DM13" s="327">
        <v>512354</v>
      </c>
      <c r="DN13" s="327">
        <v>394343</v>
      </c>
      <c r="DO13" s="327">
        <v>236503</v>
      </c>
      <c r="DP13" s="327">
        <v>609395</v>
      </c>
      <c r="DQ13" s="327">
        <v>257226</v>
      </c>
      <c r="DR13" s="328">
        <v>2009821</v>
      </c>
      <c r="DS13" s="330">
        <v>2009821</v>
      </c>
      <c r="DT13" s="326">
        <v>0</v>
      </c>
      <c r="DU13" s="327">
        <v>0</v>
      </c>
      <c r="DV13" s="328">
        <v>0</v>
      </c>
      <c r="DW13" s="326">
        <v>0</v>
      </c>
      <c r="DX13" s="327">
        <v>512354</v>
      </c>
      <c r="DY13" s="327">
        <v>278907</v>
      </c>
      <c r="DZ13" s="327">
        <v>154461</v>
      </c>
      <c r="EA13" s="327">
        <v>609395</v>
      </c>
      <c r="EB13" s="327">
        <v>257226</v>
      </c>
      <c r="EC13" s="328">
        <v>1812343</v>
      </c>
      <c r="ED13" s="330">
        <v>1812343</v>
      </c>
      <c r="EE13" s="326">
        <v>0</v>
      </c>
      <c r="EF13" s="331">
        <v>0</v>
      </c>
      <c r="EG13" s="328">
        <v>0</v>
      </c>
      <c r="EH13" s="326">
        <v>0</v>
      </c>
      <c r="EI13" s="327">
        <v>0</v>
      </c>
      <c r="EJ13" s="327">
        <v>115436</v>
      </c>
      <c r="EK13" s="327">
        <v>82042</v>
      </c>
      <c r="EL13" s="327">
        <v>0</v>
      </c>
      <c r="EM13" s="327">
        <v>0</v>
      </c>
      <c r="EN13" s="331">
        <v>197478</v>
      </c>
      <c r="EO13" s="330">
        <v>197478</v>
      </c>
      <c r="EP13" s="326">
        <v>0</v>
      </c>
      <c r="EQ13" s="327">
        <v>0</v>
      </c>
      <c r="ER13" s="331">
        <v>0</v>
      </c>
      <c r="ES13" s="332">
        <v>0</v>
      </c>
      <c r="ET13" s="327">
        <v>0</v>
      </c>
      <c r="EU13" s="327">
        <v>0</v>
      </c>
      <c r="EV13" s="327">
        <v>0</v>
      </c>
      <c r="EW13" s="327">
        <v>0</v>
      </c>
      <c r="EX13" s="327">
        <v>0</v>
      </c>
      <c r="EY13" s="328">
        <v>0</v>
      </c>
      <c r="EZ13" s="330">
        <v>0</v>
      </c>
      <c r="FA13" s="326">
        <v>0</v>
      </c>
      <c r="FB13" s="327">
        <v>0</v>
      </c>
      <c r="FC13" s="331">
        <v>0</v>
      </c>
      <c r="FD13" s="404">
        <v>0</v>
      </c>
      <c r="FE13" s="327">
        <v>0</v>
      </c>
      <c r="FF13" s="327">
        <v>0</v>
      </c>
      <c r="FG13" s="327">
        <v>0</v>
      </c>
      <c r="FH13" s="327">
        <v>0</v>
      </c>
      <c r="FI13" s="327">
        <v>0</v>
      </c>
      <c r="FJ13" s="328">
        <v>0</v>
      </c>
      <c r="FK13" s="330">
        <v>0</v>
      </c>
      <c r="FL13" s="326">
        <v>355397</v>
      </c>
      <c r="FM13" s="327">
        <v>201719</v>
      </c>
      <c r="FN13" s="328">
        <v>557116</v>
      </c>
      <c r="FO13" s="326">
        <v>0</v>
      </c>
      <c r="FP13" s="327">
        <v>801234</v>
      </c>
      <c r="FQ13" s="327">
        <v>1089907</v>
      </c>
      <c r="FR13" s="327">
        <v>754995</v>
      </c>
      <c r="FS13" s="327">
        <v>734643</v>
      </c>
      <c r="FT13" s="327">
        <v>315819</v>
      </c>
      <c r="FU13" s="328">
        <v>3696598</v>
      </c>
      <c r="FV13" s="330">
        <v>4253714</v>
      </c>
      <c r="FW13" s="333">
        <v>133091</v>
      </c>
      <c r="FX13" s="327">
        <v>61719</v>
      </c>
      <c r="FY13" s="331">
        <v>194810</v>
      </c>
      <c r="FZ13" s="332">
        <v>0</v>
      </c>
      <c r="GA13" s="327">
        <v>459634</v>
      </c>
      <c r="GB13" s="327">
        <v>910959</v>
      </c>
      <c r="GC13" s="327">
        <v>690315</v>
      </c>
      <c r="GD13" s="327">
        <v>562366</v>
      </c>
      <c r="GE13" s="327">
        <v>296723</v>
      </c>
      <c r="GF13" s="328">
        <v>2919997</v>
      </c>
      <c r="GG13" s="334">
        <v>3114807</v>
      </c>
      <c r="GH13" s="333">
        <v>22176</v>
      </c>
      <c r="GI13" s="327">
        <v>0</v>
      </c>
      <c r="GJ13" s="331">
        <v>22176</v>
      </c>
      <c r="GK13" s="332">
        <v>0</v>
      </c>
      <c r="GL13" s="327">
        <v>0</v>
      </c>
      <c r="GM13" s="327">
        <v>71848</v>
      </c>
      <c r="GN13" s="327">
        <v>64680</v>
      </c>
      <c r="GO13" s="327">
        <v>0</v>
      </c>
      <c r="GP13" s="327">
        <v>19096</v>
      </c>
      <c r="GQ13" s="328">
        <v>155624</v>
      </c>
      <c r="GR13" s="330">
        <v>177800</v>
      </c>
      <c r="GS13" s="326">
        <v>200130</v>
      </c>
      <c r="GT13" s="327">
        <v>140000</v>
      </c>
      <c r="GU13" s="328">
        <v>340130</v>
      </c>
      <c r="GV13" s="326">
        <v>0</v>
      </c>
      <c r="GW13" s="327">
        <v>341600</v>
      </c>
      <c r="GX13" s="327">
        <v>107100</v>
      </c>
      <c r="GY13" s="327">
        <v>0</v>
      </c>
      <c r="GZ13" s="327">
        <v>172277</v>
      </c>
      <c r="HA13" s="327">
        <v>0</v>
      </c>
      <c r="HB13" s="331">
        <v>620977</v>
      </c>
      <c r="HC13" s="330">
        <v>961107</v>
      </c>
      <c r="HD13" s="326">
        <v>652780</v>
      </c>
      <c r="HE13" s="327">
        <v>653329</v>
      </c>
      <c r="HF13" s="331">
        <v>1306109</v>
      </c>
      <c r="HG13" s="332">
        <v>0</v>
      </c>
      <c r="HH13" s="327">
        <v>4228350</v>
      </c>
      <c r="HI13" s="327">
        <v>3474348</v>
      </c>
      <c r="HJ13" s="327">
        <v>3532102</v>
      </c>
      <c r="HK13" s="327">
        <v>3671802</v>
      </c>
      <c r="HL13" s="327">
        <v>1858229</v>
      </c>
      <c r="HM13" s="328">
        <v>16764831</v>
      </c>
      <c r="HN13" s="329">
        <v>18070940</v>
      </c>
      <c r="HO13" s="333">
        <v>0</v>
      </c>
      <c r="HP13" s="327">
        <v>0</v>
      </c>
      <c r="HQ13" s="328">
        <v>0</v>
      </c>
      <c r="HR13" s="326">
        <v>0</v>
      </c>
      <c r="HS13" s="327">
        <v>0</v>
      </c>
      <c r="HT13" s="327">
        <v>0</v>
      </c>
      <c r="HU13" s="327">
        <v>0</v>
      </c>
      <c r="HV13" s="327">
        <v>0</v>
      </c>
      <c r="HW13" s="327">
        <v>0</v>
      </c>
      <c r="HX13" s="331">
        <v>0</v>
      </c>
      <c r="HY13" s="330">
        <v>0</v>
      </c>
      <c r="HZ13" s="335">
        <v>0</v>
      </c>
      <c r="IA13" s="336">
        <v>0</v>
      </c>
      <c r="IB13" s="337">
        <v>0</v>
      </c>
      <c r="IC13" s="338">
        <v>0</v>
      </c>
      <c r="ID13" s="336">
        <v>2684635</v>
      </c>
      <c r="IE13" s="339">
        <v>2079153</v>
      </c>
      <c r="IF13" s="337">
        <v>1983246</v>
      </c>
      <c r="IG13" s="336">
        <v>1618077</v>
      </c>
      <c r="IH13" s="337">
        <v>933703</v>
      </c>
      <c r="II13" s="340">
        <v>9298814</v>
      </c>
      <c r="IJ13" s="341">
        <v>9298814</v>
      </c>
      <c r="IK13" s="342">
        <v>0</v>
      </c>
      <c r="IL13" s="343">
        <v>0</v>
      </c>
      <c r="IM13" s="344">
        <v>0</v>
      </c>
      <c r="IN13" s="404">
        <v>0</v>
      </c>
      <c r="IO13" s="345">
        <v>0</v>
      </c>
      <c r="IP13" s="345">
        <v>123289</v>
      </c>
      <c r="IQ13" s="345">
        <v>0</v>
      </c>
      <c r="IR13" s="345">
        <v>0</v>
      </c>
      <c r="IS13" s="345">
        <v>287068</v>
      </c>
      <c r="IT13" s="346">
        <v>410357</v>
      </c>
      <c r="IU13" s="347">
        <v>410357</v>
      </c>
      <c r="IV13" s="348">
        <v>0</v>
      </c>
      <c r="IW13" s="345">
        <v>0</v>
      </c>
      <c r="IX13" s="349">
        <v>0</v>
      </c>
      <c r="IY13" s="404">
        <v>0</v>
      </c>
      <c r="IZ13" s="345">
        <v>0</v>
      </c>
      <c r="JA13" s="345">
        <v>0</v>
      </c>
      <c r="JB13" s="345">
        <v>0</v>
      </c>
      <c r="JC13" s="345">
        <v>0</v>
      </c>
      <c r="JD13" s="345">
        <v>0</v>
      </c>
      <c r="JE13" s="349">
        <v>0</v>
      </c>
      <c r="JF13" s="350">
        <v>0</v>
      </c>
      <c r="JG13" s="348">
        <v>0</v>
      </c>
      <c r="JH13" s="345">
        <v>0</v>
      </c>
      <c r="JI13" s="346">
        <v>0</v>
      </c>
      <c r="JJ13" s="351">
        <v>0</v>
      </c>
      <c r="JK13" s="345">
        <v>1570175</v>
      </c>
      <c r="JL13" s="345">
        <v>913683</v>
      </c>
      <c r="JM13" s="345">
        <v>475491</v>
      </c>
      <c r="JN13" s="345">
        <v>296090</v>
      </c>
      <c r="JO13" s="345">
        <v>42526</v>
      </c>
      <c r="JP13" s="349">
        <v>3297965</v>
      </c>
      <c r="JQ13" s="347">
        <v>3297965</v>
      </c>
      <c r="JR13" s="348">
        <v>0</v>
      </c>
      <c r="JS13" s="345">
        <v>0</v>
      </c>
      <c r="JT13" s="346">
        <v>0</v>
      </c>
      <c r="JU13" s="351">
        <v>0</v>
      </c>
      <c r="JV13" s="345">
        <v>270038</v>
      </c>
      <c r="JW13" s="345">
        <v>93071</v>
      </c>
      <c r="JX13" s="345">
        <v>412004</v>
      </c>
      <c r="JY13" s="345">
        <v>169983</v>
      </c>
      <c r="JZ13" s="345">
        <v>0</v>
      </c>
      <c r="KA13" s="349">
        <v>945096</v>
      </c>
      <c r="KB13" s="347">
        <v>945096</v>
      </c>
      <c r="KC13" s="352">
        <v>0</v>
      </c>
      <c r="KD13" s="353">
        <v>0</v>
      </c>
      <c r="KE13" s="349">
        <v>0</v>
      </c>
      <c r="KF13" s="351">
        <v>0</v>
      </c>
      <c r="KG13" s="345">
        <v>305229</v>
      </c>
      <c r="KH13" s="345">
        <v>0</v>
      </c>
      <c r="KI13" s="345">
        <v>189198</v>
      </c>
      <c r="KJ13" s="345">
        <v>0</v>
      </c>
      <c r="KK13" s="345">
        <v>0</v>
      </c>
      <c r="KL13" s="349">
        <v>494427</v>
      </c>
      <c r="KM13" s="354">
        <v>494427</v>
      </c>
      <c r="KN13" s="342">
        <v>0</v>
      </c>
      <c r="KO13" s="343">
        <v>0</v>
      </c>
      <c r="KP13" s="344">
        <v>0</v>
      </c>
      <c r="KQ13" s="404">
        <v>0</v>
      </c>
      <c r="KR13" s="345">
        <v>415534</v>
      </c>
      <c r="KS13" s="345">
        <v>949110</v>
      </c>
      <c r="KT13" s="345">
        <v>906553</v>
      </c>
      <c r="KU13" s="345">
        <v>1152004</v>
      </c>
      <c r="KV13" s="345">
        <v>689730</v>
      </c>
      <c r="KW13" s="349">
        <v>4112931</v>
      </c>
      <c r="KX13" s="347">
        <v>4112931</v>
      </c>
      <c r="KY13" s="348">
        <v>0</v>
      </c>
      <c r="KZ13" s="345">
        <v>0</v>
      </c>
      <c r="LA13" s="349">
        <v>0</v>
      </c>
      <c r="LB13" s="404">
        <v>0</v>
      </c>
      <c r="LC13" s="345">
        <v>0</v>
      </c>
      <c r="LD13" s="345">
        <v>0</v>
      </c>
      <c r="LE13" s="345">
        <v>0</v>
      </c>
      <c r="LF13" s="345">
        <v>0</v>
      </c>
      <c r="LG13" s="345">
        <v>0</v>
      </c>
      <c r="LH13" s="349">
        <v>0</v>
      </c>
      <c r="LI13" s="350">
        <v>0</v>
      </c>
      <c r="LJ13" s="348">
        <v>0</v>
      </c>
      <c r="LK13" s="345">
        <v>0</v>
      </c>
      <c r="LL13" s="349">
        <v>0</v>
      </c>
      <c r="LM13" s="404">
        <v>0</v>
      </c>
      <c r="LN13" s="345">
        <v>0</v>
      </c>
      <c r="LO13" s="345">
        <v>0</v>
      </c>
      <c r="LP13" s="345">
        <v>0</v>
      </c>
      <c r="LQ13" s="345">
        <v>0</v>
      </c>
      <c r="LR13" s="345">
        <v>0</v>
      </c>
      <c r="LS13" s="349">
        <v>0</v>
      </c>
      <c r="LT13" s="347">
        <v>0</v>
      </c>
      <c r="LU13" s="348">
        <v>0</v>
      </c>
      <c r="LV13" s="345">
        <v>0</v>
      </c>
      <c r="LW13" s="349">
        <v>0</v>
      </c>
      <c r="LX13" s="404">
        <v>0</v>
      </c>
      <c r="LY13" s="345">
        <v>123659</v>
      </c>
      <c r="LZ13" s="345">
        <v>0</v>
      </c>
      <c r="MA13" s="345">
        <v>0</v>
      </c>
      <c r="MB13" s="345">
        <v>0</v>
      </c>
      <c r="MC13" s="345">
        <v>-85621</v>
      </c>
      <c r="MD13" s="349">
        <v>38038</v>
      </c>
      <c r="ME13" s="350">
        <v>38038</v>
      </c>
      <c r="MF13" s="348">
        <v>0</v>
      </c>
      <c r="MG13" s="345">
        <v>0</v>
      </c>
      <c r="MH13" s="349">
        <v>0</v>
      </c>
      <c r="MI13" s="404">
        <v>0</v>
      </c>
      <c r="MJ13" s="345">
        <v>235690</v>
      </c>
      <c r="MK13" s="345">
        <v>757194</v>
      </c>
      <c r="ML13" s="345">
        <v>3467785</v>
      </c>
      <c r="MM13" s="345">
        <v>5289225</v>
      </c>
      <c r="MN13" s="345">
        <v>2928978</v>
      </c>
      <c r="MO13" s="349">
        <v>12678872</v>
      </c>
      <c r="MP13" s="354">
        <v>12678872</v>
      </c>
      <c r="MQ13" s="348">
        <v>0</v>
      </c>
      <c r="MR13" s="345">
        <v>0</v>
      </c>
      <c r="MS13" s="349">
        <v>0</v>
      </c>
      <c r="MT13" s="404">
        <v>0</v>
      </c>
      <c r="MU13" s="345">
        <v>0</v>
      </c>
      <c r="MV13" s="345">
        <v>0</v>
      </c>
      <c r="MW13" s="345">
        <v>1979060</v>
      </c>
      <c r="MX13" s="345">
        <v>3645162</v>
      </c>
      <c r="MY13" s="345">
        <v>2104814</v>
      </c>
      <c r="MZ13" s="349">
        <v>7729036</v>
      </c>
      <c r="NA13" s="354">
        <v>7729036</v>
      </c>
      <c r="NB13" s="348">
        <v>0</v>
      </c>
      <c r="NC13" s="345">
        <v>0</v>
      </c>
      <c r="ND13" s="349">
        <v>0</v>
      </c>
      <c r="NE13" s="404">
        <v>0</v>
      </c>
      <c r="NF13" s="345">
        <v>235690</v>
      </c>
      <c r="NG13" s="345">
        <v>757194</v>
      </c>
      <c r="NH13" s="345">
        <v>1488725</v>
      </c>
      <c r="NI13" s="345">
        <v>1644063</v>
      </c>
      <c r="NJ13" s="345">
        <v>824164</v>
      </c>
      <c r="NK13" s="349">
        <v>4949836</v>
      </c>
      <c r="NL13" s="347">
        <v>4949836</v>
      </c>
      <c r="NM13" s="348">
        <v>0</v>
      </c>
      <c r="NN13" s="345">
        <v>0</v>
      </c>
      <c r="NO13" s="349">
        <v>0</v>
      </c>
      <c r="NP13" s="404">
        <v>0</v>
      </c>
      <c r="NQ13" s="345">
        <v>0</v>
      </c>
      <c r="NR13" s="345">
        <v>0</v>
      </c>
      <c r="NS13" s="345">
        <v>0</v>
      </c>
      <c r="NT13" s="345">
        <v>0</v>
      </c>
      <c r="NU13" s="345">
        <v>0</v>
      </c>
      <c r="NV13" s="349">
        <v>0</v>
      </c>
      <c r="NW13" s="350">
        <v>0</v>
      </c>
      <c r="NX13" s="348">
        <v>0</v>
      </c>
      <c r="NY13" s="345">
        <v>0</v>
      </c>
      <c r="NZ13" s="349">
        <v>0</v>
      </c>
      <c r="OA13" s="404">
        <v>0</v>
      </c>
      <c r="OB13" s="345">
        <v>0</v>
      </c>
      <c r="OC13" s="345">
        <v>0</v>
      </c>
      <c r="OD13" s="345">
        <v>0</v>
      </c>
      <c r="OE13" s="345">
        <v>0</v>
      </c>
      <c r="OF13" s="345">
        <v>0</v>
      </c>
      <c r="OG13" s="349">
        <v>0</v>
      </c>
      <c r="OH13" s="350">
        <v>0</v>
      </c>
      <c r="OI13" s="348">
        <v>1223675</v>
      </c>
      <c r="OJ13" s="345">
        <v>1205587</v>
      </c>
      <c r="OK13" s="346">
        <v>2429262</v>
      </c>
      <c r="OL13" s="351">
        <v>0</v>
      </c>
      <c r="OM13" s="345">
        <v>16697474</v>
      </c>
      <c r="ON13" s="345">
        <v>13348645</v>
      </c>
      <c r="OO13" s="345">
        <v>15947312</v>
      </c>
      <c r="OP13" s="345">
        <v>17323726</v>
      </c>
      <c r="OQ13" s="345">
        <v>9743556</v>
      </c>
      <c r="OR13" s="349">
        <v>73060713</v>
      </c>
      <c r="OS13" s="354">
        <v>75489975</v>
      </c>
    </row>
    <row r="14" spans="2:409" s="70" customFormat="1" ht="21" customHeight="1" x14ac:dyDescent="0.2">
      <c r="B14" s="106" t="s">
        <v>8</v>
      </c>
      <c r="C14" s="326">
        <v>504541</v>
      </c>
      <c r="D14" s="327">
        <v>556798</v>
      </c>
      <c r="E14" s="328">
        <v>1061339</v>
      </c>
      <c r="F14" s="329">
        <v>0</v>
      </c>
      <c r="G14" s="327">
        <v>5761315</v>
      </c>
      <c r="H14" s="327">
        <v>8365844</v>
      </c>
      <c r="I14" s="327">
        <v>7159210</v>
      </c>
      <c r="J14" s="327">
        <v>6802630</v>
      </c>
      <c r="K14" s="327">
        <v>5618984</v>
      </c>
      <c r="L14" s="329">
        <v>33707983</v>
      </c>
      <c r="M14" s="330">
        <v>34769322</v>
      </c>
      <c r="N14" s="326">
        <v>139182</v>
      </c>
      <c r="O14" s="327">
        <v>193526</v>
      </c>
      <c r="P14" s="328">
        <v>332708</v>
      </c>
      <c r="Q14" s="326">
        <v>0</v>
      </c>
      <c r="R14" s="327">
        <v>2050009</v>
      </c>
      <c r="S14" s="327">
        <v>2493427</v>
      </c>
      <c r="T14" s="327">
        <v>2738498</v>
      </c>
      <c r="U14" s="327">
        <v>2733624</v>
      </c>
      <c r="V14" s="327">
        <v>3187200</v>
      </c>
      <c r="W14" s="328">
        <v>13202758</v>
      </c>
      <c r="X14" s="330">
        <v>13535466</v>
      </c>
      <c r="Y14" s="326">
        <v>0</v>
      </c>
      <c r="Z14" s="327">
        <v>0</v>
      </c>
      <c r="AA14" s="328">
        <v>0</v>
      </c>
      <c r="AB14" s="326">
        <v>0</v>
      </c>
      <c r="AC14" s="327">
        <v>743409</v>
      </c>
      <c r="AD14" s="327">
        <v>983652</v>
      </c>
      <c r="AE14" s="327">
        <v>1860775</v>
      </c>
      <c r="AF14" s="327">
        <v>1435229</v>
      </c>
      <c r="AG14" s="327">
        <v>2166218</v>
      </c>
      <c r="AH14" s="328">
        <v>7189283</v>
      </c>
      <c r="AI14" s="330">
        <v>7189283</v>
      </c>
      <c r="AJ14" s="326">
        <v>0</v>
      </c>
      <c r="AK14" s="327">
        <v>0</v>
      </c>
      <c r="AL14" s="328">
        <v>0</v>
      </c>
      <c r="AM14" s="326">
        <v>0</v>
      </c>
      <c r="AN14" s="327">
        <v>0</v>
      </c>
      <c r="AO14" s="327">
        <v>93362</v>
      </c>
      <c r="AP14" s="327">
        <v>82989</v>
      </c>
      <c r="AQ14" s="327">
        <v>22805</v>
      </c>
      <c r="AR14" s="327">
        <v>192175</v>
      </c>
      <c r="AS14" s="328">
        <v>391331</v>
      </c>
      <c r="AT14" s="330">
        <v>391331</v>
      </c>
      <c r="AU14" s="326">
        <v>104322</v>
      </c>
      <c r="AV14" s="327">
        <v>130512</v>
      </c>
      <c r="AW14" s="328">
        <v>234834</v>
      </c>
      <c r="AX14" s="326">
        <v>0</v>
      </c>
      <c r="AY14" s="327">
        <v>571730</v>
      </c>
      <c r="AZ14" s="327">
        <v>936623</v>
      </c>
      <c r="BA14" s="327">
        <v>488204</v>
      </c>
      <c r="BB14" s="327">
        <v>842013</v>
      </c>
      <c r="BC14" s="327">
        <v>562315</v>
      </c>
      <c r="BD14" s="328">
        <v>3400885</v>
      </c>
      <c r="BE14" s="330">
        <v>3635719</v>
      </c>
      <c r="BF14" s="326">
        <v>0</v>
      </c>
      <c r="BG14" s="327">
        <v>31430</v>
      </c>
      <c r="BH14" s="331">
        <v>31430</v>
      </c>
      <c r="BI14" s="332">
        <v>0</v>
      </c>
      <c r="BJ14" s="327">
        <v>317264</v>
      </c>
      <c r="BK14" s="327">
        <v>147815</v>
      </c>
      <c r="BL14" s="327">
        <v>48363</v>
      </c>
      <c r="BM14" s="327">
        <v>73014</v>
      </c>
      <c r="BN14" s="327">
        <v>15619</v>
      </c>
      <c r="BO14" s="328">
        <v>602075</v>
      </c>
      <c r="BP14" s="330">
        <v>633505</v>
      </c>
      <c r="BQ14" s="326">
        <v>34860</v>
      </c>
      <c r="BR14" s="327">
        <v>31584</v>
      </c>
      <c r="BS14" s="328">
        <v>66444</v>
      </c>
      <c r="BT14" s="326">
        <v>0</v>
      </c>
      <c r="BU14" s="327">
        <v>417606</v>
      </c>
      <c r="BV14" s="327">
        <v>331975</v>
      </c>
      <c r="BW14" s="327">
        <v>258167</v>
      </c>
      <c r="BX14" s="327">
        <v>360563</v>
      </c>
      <c r="BY14" s="327">
        <v>250873</v>
      </c>
      <c r="BZ14" s="328">
        <v>1619184</v>
      </c>
      <c r="CA14" s="330">
        <v>1685628</v>
      </c>
      <c r="CB14" s="326">
        <v>72217</v>
      </c>
      <c r="CC14" s="327">
        <v>100454</v>
      </c>
      <c r="CD14" s="328">
        <v>172671</v>
      </c>
      <c r="CE14" s="326">
        <v>0</v>
      </c>
      <c r="CF14" s="327">
        <v>1485123</v>
      </c>
      <c r="CG14" s="327">
        <v>1871328</v>
      </c>
      <c r="CH14" s="327">
        <v>1964735</v>
      </c>
      <c r="CI14" s="327">
        <v>842300</v>
      </c>
      <c r="CJ14" s="327">
        <v>703380</v>
      </c>
      <c r="CK14" s="328">
        <v>6866866</v>
      </c>
      <c r="CL14" s="330">
        <v>7039537</v>
      </c>
      <c r="CM14" s="326">
        <v>0</v>
      </c>
      <c r="CN14" s="327">
        <v>0</v>
      </c>
      <c r="CO14" s="328">
        <v>0</v>
      </c>
      <c r="CP14" s="332">
        <v>0</v>
      </c>
      <c r="CQ14" s="327">
        <v>1116282</v>
      </c>
      <c r="CR14" s="327">
        <v>1546606</v>
      </c>
      <c r="CS14" s="327">
        <v>1252217</v>
      </c>
      <c r="CT14" s="327">
        <v>425348</v>
      </c>
      <c r="CU14" s="327">
        <v>513603</v>
      </c>
      <c r="CV14" s="328">
        <v>4854056</v>
      </c>
      <c r="CW14" s="330">
        <v>4854056</v>
      </c>
      <c r="CX14" s="326">
        <v>72217</v>
      </c>
      <c r="CY14" s="327">
        <v>100454</v>
      </c>
      <c r="CZ14" s="328">
        <v>172671</v>
      </c>
      <c r="DA14" s="326">
        <v>0</v>
      </c>
      <c r="DB14" s="327">
        <v>368841</v>
      </c>
      <c r="DC14" s="327">
        <v>324722</v>
      </c>
      <c r="DD14" s="327">
        <v>712518</v>
      </c>
      <c r="DE14" s="327">
        <v>416952</v>
      </c>
      <c r="DF14" s="327">
        <v>189777</v>
      </c>
      <c r="DG14" s="328">
        <v>2012810</v>
      </c>
      <c r="DH14" s="330">
        <v>2185481</v>
      </c>
      <c r="DI14" s="326">
        <v>27029</v>
      </c>
      <c r="DJ14" s="327">
        <v>0</v>
      </c>
      <c r="DK14" s="331">
        <v>27029</v>
      </c>
      <c r="DL14" s="332">
        <v>0</v>
      </c>
      <c r="DM14" s="327">
        <v>367342</v>
      </c>
      <c r="DN14" s="327">
        <v>484952</v>
      </c>
      <c r="DO14" s="327">
        <v>1073179</v>
      </c>
      <c r="DP14" s="327">
        <v>170928</v>
      </c>
      <c r="DQ14" s="327">
        <v>330010</v>
      </c>
      <c r="DR14" s="328">
        <v>2426411</v>
      </c>
      <c r="DS14" s="330">
        <v>2453440</v>
      </c>
      <c r="DT14" s="326">
        <v>27029</v>
      </c>
      <c r="DU14" s="327">
        <v>0</v>
      </c>
      <c r="DV14" s="328">
        <v>27029</v>
      </c>
      <c r="DW14" s="326">
        <v>0</v>
      </c>
      <c r="DX14" s="327">
        <v>367342</v>
      </c>
      <c r="DY14" s="327">
        <v>484952</v>
      </c>
      <c r="DZ14" s="327">
        <v>1040729</v>
      </c>
      <c r="EA14" s="327">
        <v>146328</v>
      </c>
      <c r="EB14" s="327">
        <v>258170</v>
      </c>
      <c r="EC14" s="328">
        <v>2297521</v>
      </c>
      <c r="ED14" s="330">
        <v>2324550</v>
      </c>
      <c r="EE14" s="326">
        <v>0</v>
      </c>
      <c r="EF14" s="331">
        <v>0</v>
      </c>
      <c r="EG14" s="328">
        <v>0</v>
      </c>
      <c r="EH14" s="326">
        <v>0</v>
      </c>
      <c r="EI14" s="327">
        <v>0</v>
      </c>
      <c r="EJ14" s="327">
        <v>0</v>
      </c>
      <c r="EK14" s="327">
        <v>32450</v>
      </c>
      <c r="EL14" s="327">
        <v>24600</v>
      </c>
      <c r="EM14" s="327">
        <v>71840</v>
      </c>
      <c r="EN14" s="331">
        <v>128890</v>
      </c>
      <c r="EO14" s="330">
        <v>128890</v>
      </c>
      <c r="EP14" s="326">
        <v>0</v>
      </c>
      <c r="EQ14" s="327">
        <v>0</v>
      </c>
      <c r="ER14" s="331">
        <v>0</v>
      </c>
      <c r="ES14" s="332">
        <v>0</v>
      </c>
      <c r="ET14" s="327">
        <v>0</v>
      </c>
      <c r="EU14" s="327">
        <v>0</v>
      </c>
      <c r="EV14" s="327">
        <v>0</v>
      </c>
      <c r="EW14" s="327">
        <v>0</v>
      </c>
      <c r="EX14" s="327">
        <v>0</v>
      </c>
      <c r="EY14" s="328">
        <v>0</v>
      </c>
      <c r="EZ14" s="330">
        <v>0</v>
      </c>
      <c r="FA14" s="326">
        <v>0</v>
      </c>
      <c r="FB14" s="327">
        <v>0</v>
      </c>
      <c r="FC14" s="331">
        <v>0</v>
      </c>
      <c r="FD14" s="404">
        <v>0</v>
      </c>
      <c r="FE14" s="327">
        <v>0</v>
      </c>
      <c r="FF14" s="327">
        <v>0</v>
      </c>
      <c r="FG14" s="327">
        <v>0</v>
      </c>
      <c r="FH14" s="327">
        <v>0</v>
      </c>
      <c r="FI14" s="327">
        <v>0</v>
      </c>
      <c r="FJ14" s="328">
        <v>0</v>
      </c>
      <c r="FK14" s="330">
        <v>0</v>
      </c>
      <c r="FL14" s="326">
        <v>105924</v>
      </c>
      <c r="FM14" s="327">
        <v>94675</v>
      </c>
      <c r="FN14" s="328">
        <v>200599</v>
      </c>
      <c r="FO14" s="326">
        <v>0</v>
      </c>
      <c r="FP14" s="327">
        <v>287490</v>
      </c>
      <c r="FQ14" s="327">
        <v>1023940</v>
      </c>
      <c r="FR14" s="327">
        <v>699083</v>
      </c>
      <c r="FS14" s="327">
        <v>449218</v>
      </c>
      <c r="FT14" s="327">
        <v>306747</v>
      </c>
      <c r="FU14" s="328">
        <v>2766478</v>
      </c>
      <c r="FV14" s="330">
        <v>2967077</v>
      </c>
      <c r="FW14" s="333">
        <v>76524</v>
      </c>
      <c r="FX14" s="327">
        <v>94675</v>
      </c>
      <c r="FY14" s="331">
        <v>171199</v>
      </c>
      <c r="FZ14" s="332">
        <v>0</v>
      </c>
      <c r="GA14" s="327">
        <v>268394</v>
      </c>
      <c r="GB14" s="327">
        <v>672609</v>
      </c>
      <c r="GC14" s="327">
        <v>680603</v>
      </c>
      <c r="GD14" s="327">
        <v>449218</v>
      </c>
      <c r="GE14" s="327">
        <v>306747</v>
      </c>
      <c r="GF14" s="328">
        <v>2377571</v>
      </c>
      <c r="GG14" s="334">
        <v>2548770</v>
      </c>
      <c r="GH14" s="333">
        <v>0</v>
      </c>
      <c r="GI14" s="327">
        <v>0</v>
      </c>
      <c r="GJ14" s="331">
        <v>0</v>
      </c>
      <c r="GK14" s="332">
        <v>0</v>
      </c>
      <c r="GL14" s="327">
        <v>19096</v>
      </c>
      <c r="GM14" s="327">
        <v>99645</v>
      </c>
      <c r="GN14" s="327">
        <v>18480</v>
      </c>
      <c r="GO14" s="327">
        <v>0</v>
      </c>
      <c r="GP14" s="327">
        <v>0</v>
      </c>
      <c r="GQ14" s="328">
        <v>137221</v>
      </c>
      <c r="GR14" s="330">
        <v>137221</v>
      </c>
      <c r="GS14" s="326">
        <v>29400</v>
      </c>
      <c r="GT14" s="327">
        <v>0</v>
      </c>
      <c r="GU14" s="328">
        <v>29400</v>
      </c>
      <c r="GV14" s="326">
        <v>0</v>
      </c>
      <c r="GW14" s="327">
        <v>0</v>
      </c>
      <c r="GX14" s="327">
        <v>251686</v>
      </c>
      <c r="GY14" s="327">
        <v>0</v>
      </c>
      <c r="GZ14" s="327">
        <v>0</v>
      </c>
      <c r="HA14" s="327">
        <v>0</v>
      </c>
      <c r="HB14" s="331">
        <v>251686</v>
      </c>
      <c r="HC14" s="330">
        <v>281086</v>
      </c>
      <c r="HD14" s="326">
        <v>160189</v>
      </c>
      <c r="HE14" s="327">
        <v>168143</v>
      </c>
      <c r="HF14" s="331">
        <v>328332</v>
      </c>
      <c r="HG14" s="332">
        <v>0</v>
      </c>
      <c r="HH14" s="327">
        <v>1571351</v>
      </c>
      <c r="HI14" s="327">
        <v>2492197</v>
      </c>
      <c r="HJ14" s="327">
        <v>683715</v>
      </c>
      <c r="HK14" s="327">
        <v>2606560</v>
      </c>
      <c r="HL14" s="327">
        <v>1091647</v>
      </c>
      <c r="HM14" s="328">
        <v>8445470</v>
      </c>
      <c r="HN14" s="329">
        <v>8773802</v>
      </c>
      <c r="HO14" s="333">
        <v>0</v>
      </c>
      <c r="HP14" s="327">
        <v>0</v>
      </c>
      <c r="HQ14" s="328">
        <v>0</v>
      </c>
      <c r="HR14" s="326">
        <v>0</v>
      </c>
      <c r="HS14" s="327">
        <v>0</v>
      </c>
      <c r="HT14" s="327">
        <v>0</v>
      </c>
      <c r="HU14" s="327">
        <v>0</v>
      </c>
      <c r="HV14" s="327">
        <v>0</v>
      </c>
      <c r="HW14" s="327">
        <v>0</v>
      </c>
      <c r="HX14" s="331">
        <v>0</v>
      </c>
      <c r="HY14" s="330">
        <v>0</v>
      </c>
      <c r="HZ14" s="335">
        <v>0</v>
      </c>
      <c r="IA14" s="336">
        <v>66117</v>
      </c>
      <c r="IB14" s="337">
        <v>66117</v>
      </c>
      <c r="IC14" s="355">
        <v>0</v>
      </c>
      <c r="ID14" s="356">
        <v>2055423</v>
      </c>
      <c r="IE14" s="357">
        <v>1512149</v>
      </c>
      <c r="IF14" s="358">
        <v>1365297</v>
      </c>
      <c r="IG14" s="356">
        <v>2117424</v>
      </c>
      <c r="IH14" s="358">
        <v>441023</v>
      </c>
      <c r="II14" s="359">
        <v>7491316</v>
      </c>
      <c r="IJ14" s="341">
        <v>7557433</v>
      </c>
      <c r="IK14" s="342">
        <v>0</v>
      </c>
      <c r="IL14" s="343">
        <v>0</v>
      </c>
      <c r="IM14" s="344">
        <v>0</v>
      </c>
      <c r="IN14" s="404">
        <v>0</v>
      </c>
      <c r="IO14" s="345">
        <v>0</v>
      </c>
      <c r="IP14" s="345">
        <v>0</v>
      </c>
      <c r="IQ14" s="345">
        <v>0</v>
      </c>
      <c r="IR14" s="345">
        <v>0</v>
      </c>
      <c r="IS14" s="345">
        <v>0</v>
      </c>
      <c r="IT14" s="346">
        <v>0</v>
      </c>
      <c r="IU14" s="347">
        <v>0</v>
      </c>
      <c r="IV14" s="348">
        <v>0</v>
      </c>
      <c r="IW14" s="345">
        <v>0</v>
      </c>
      <c r="IX14" s="349">
        <v>0</v>
      </c>
      <c r="IY14" s="404">
        <v>0</v>
      </c>
      <c r="IZ14" s="345">
        <v>0</v>
      </c>
      <c r="JA14" s="345">
        <v>0</v>
      </c>
      <c r="JB14" s="345">
        <v>0</v>
      </c>
      <c r="JC14" s="345">
        <v>0</v>
      </c>
      <c r="JD14" s="345">
        <v>0</v>
      </c>
      <c r="JE14" s="349">
        <v>0</v>
      </c>
      <c r="JF14" s="350">
        <v>0</v>
      </c>
      <c r="JG14" s="348">
        <v>0</v>
      </c>
      <c r="JH14" s="345">
        <v>0</v>
      </c>
      <c r="JI14" s="346">
        <v>0</v>
      </c>
      <c r="JJ14" s="351">
        <v>0</v>
      </c>
      <c r="JK14" s="345">
        <v>949078</v>
      </c>
      <c r="JL14" s="345">
        <v>689948</v>
      </c>
      <c r="JM14" s="345">
        <v>345160</v>
      </c>
      <c r="JN14" s="345">
        <v>538058</v>
      </c>
      <c r="JO14" s="345">
        <v>136225</v>
      </c>
      <c r="JP14" s="349">
        <v>2658469</v>
      </c>
      <c r="JQ14" s="347">
        <v>2658469</v>
      </c>
      <c r="JR14" s="348">
        <v>0</v>
      </c>
      <c r="JS14" s="345">
        <v>0</v>
      </c>
      <c r="JT14" s="346">
        <v>0</v>
      </c>
      <c r="JU14" s="351">
        <v>0</v>
      </c>
      <c r="JV14" s="345">
        <v>0</v>
      </c>
      <c r="JW14" s="345">
        <v>0</v>
      </c>
      <c r="JX14" s="345">
        <v>0</v>
      </c>
      <c r="JY14" s="345">
        <v>0</v>
      </c>
      <c r="JZ14" s="345">
        <v>101749</v>
      </c>
      <c r="KA14" s="349">
        <v>101749</v>
      </c>
      <c r="KB14" s="347">
        <v>101749</v>
      </c>
      <c r="KC14" s="352">
        <v>0</v>
      </c>
      <c r="KD14" s="353">
        <v>66117</v>
      </c>
      <c r="KE14" s="349">
        <v>66117</v>
      </c>
      <c r="KF14" s="351">
        <v>0</v>
      </c>
      <c r="KG14" s="345">
        <v>113263</v>
      </c>
      <c r="KH14" s="345">
        <v>83125</v>
      </c>
      <c r="KI14" s="345">
        <v>0</v>
      </c>
      <c r="KJ14" s="345">
        <v>231881</v>
      </c>
      <c r="KK14" s="345">
        <v>0</v>
      </c>
      <c r="KL14" s="349">
        <v>428269</v>
      </c>
      <c r="KM14" s="354">
        <v>494386</v>
      </c>
      <c r="KN14" s="342">
        <v>0</v>
      </c>
      <c r="KO14" s="343">
        <v>0</v>
      </c>
      <c r="KP14" s="344">
        <v>0</v>
      </c>
      <c r="KQ14" s="404">
        <v>0</v>
      </c>
      <c r="KR14" s="345">
        <v>993082</v>
      </c>
      <c r="KS14" s="345">
        <v>641713</v>
      </c>
      <c r="KT14" s="345">
        <v>838916</v>
      </c>
      <c r="KU14" s="345">
        <v>457823</v>
      </c>
      <c r="KV14" s="345">
        <v>0</v>
      </c>
      <c r="KW14" s="349">
        <v>2931534</v>
      </c>
      <c r="KX14" s="347">
        <v>2931534</v>
      </c>
      <c r="KY14" s="348">
        <v>0</v>
      </c>
      <c r="KZ14" s="345">
        <v>0</v>
      </c>
      <c r="LA14" s="349">
        <v>0</v>
      </c>
      <c r="LB14" s="404">
        <v>0</v>
      </c>
      <c r="LC14" s="345">
        <v>0</v>
      </c>
      <c r="LD14" s="345">
        <v>0</v>
      </c>
      <c r="LE14" s="345">
        <v>181221</v>
      </c>
      <c r="LF14" s="345">
        <v>383041</v>
      </c>
      <c r="LG14" s="345">
        <v>203049</v>
      </c>
      <c r="LH14" s="349">
        <v>767311</v>
      </c>
      <c r="LI14" s="350">
        <v>767311</v>
      </c>
      <c r="LJ14" s="348">
        <v>0</v>
      </c>
      <c r="LK14" s="345">
        <v>0</v>
      </c>
      <c r="LL14" s="349">
        <v>0</v>
      </c>
      <c r="LM14" s="404">
        <v>0</v>
      </c>
      <c r="LN14" s="345">
        <v>0</v>
      </c>
      <c r="LO14" s="345">
        <v>0</v>
      </c>
      <c r="LP14" s="345">
        <v>0</v>
      </c>
      <c r="LQ14" s="345">
        <v>252674</v>
      </c>
      <c r="LR14" s="345">
        <v>0</v>
      </c>
      <c r="LS14" s="349">
        <v>252674</v>
      </c>
      <c r="LT14" s="347">
        <v>252674</v>
      </c>
      <c r="LU14" s="348">
        <v>0</v>
      </c>
      <c r="LV14" s="345">
        <v>0</v>
      </c>
      <c r="LW14" s="349">
        <v>0</v>
      </c>
      <c r="LX14" s="404">
        <v>0</v>
      </c>
      <c r="LY14" s="345">
        <v>0</v>
      </c>
      <c r="LZ14" s="345">
        <v>97363</v>
      </c>
      <c r="MA14" s="345">
        <v>0</v>
      </c>
      <c r="MB14" s="345">
        <v>253947</v>
      </c>
      <c r="MC14" s="345">
        <v>0</v>
      </c>
      <c r="MD14" s="349">
        <v>351310</v>
      </c>
      <c r="ME14" s="350">
        <v>351310</v>
      </c>
      <c r="MF14" s="348">
        <v>0</v>
      </c>
      <c r="MG14" s="345">
        <v>0</v>
      </c>
      <c r="MH14" s="349">
        <v>0</v>
      </c>
      <c r="MI14" s="404">
        <v>0</v>
      </c>
      <c r="MJ14" s="345">
        <v>223809</v>
      </c>
      <c r="MK14" s="345">
        <v>705265</v>
      </c>
      <c r="ML14" s="345">
        <v>2660751</v>
      </c>
      <c r="MM14" s="345">
        <v>2789214</v>
      </c>
      <c r="MN14" s="345">
        <v>2303908</v>
      </c>
      <c r="MO14" s="349">
        <v>8682947</v>
      </c>
      <c r="MP14" s="354">
        <v>8682947</v>
      </c>
      <c r="MQ14" s="348">
        <v>0</v>
      </c>
      <c r="MR14" s="345">
        <v>0</v>
      </c>
      <c r="MS14" s="349">
        <v>0</v>
      </c>
      <c r="MT14" s="404">
        <v>0</v>
      </c>
      <c r="MU14" s="345">
        <v>0</v>
      </c>
      <c r="MV14" s="345">
        <v>0</v>
      </c>
      <c r="MW14" s="345">
        <v>1285406</v>
      </c>
      <c r="MX14" s="345">
        <v>1428659</v>
      </c>
      <c r="MY14" s="345">
        <v>2023781</v>
      </c>
      <c r="MZ14" s="349">
        <v>4737846</v>
      </c>
      <c r="NA14" s="354">
        <v>4737846</v>
      </c>
      <c r="NB14" s="348">
        <v>0</v>
      </c>
      <c r="NC14" s="345">
        <v>0</v>
      </c>
      <c r="ND14" s="349">
        <v>0</v>
      </c>
      <c r="NE14" s="404">
        <v>0</v>
      </c>
      <c r="NF14" s="345">
        <v>223809</v>
      </c>
      <c r="NG14" s="345">
        <v>705265</v>
      </c>
      <c r="NH14" s="345">
        <v>1375345</v>
      </c>
      <c r="NI14" s="345">
        <v>1360555</v>
      </c>
      <c r="NJ14" s="345">
        <v>280127</v>
      </c>
      <c r="NK14" s="349">
        <v>3945101</v>
      </c>
      <c r="NL14" s="347">
        <v>3945101</v>
      </c>
      <c r="NM14" s="348">
        <v>0</v>
      </c>
      <c r="NN14" s="345">
        <v>0</v>
      </c>
      <c r="NO14" s="349">
        <v>0</v>
      </c>
      <c r="NP14" s="404">
        <v>0</v>
      </c>
      <c r="NQ14" s="345">
        <v>0</v>
      </c>
      <c r="NR14" s="345">
        <v>0</v>
      </c>
      <c r="NS14" s="345">
        <v>0</v>
      </c>
      <c r="NT14" s="345">
        <v>0</v>
      </c>
      <c r="NU14" s="345">
        <v>0</v>
      </c>
      <c r="NV14" s="349">
        <v>0</v>
      </c>
      <c r="NW14" s="350">
        <v>0</v>
      </c>
      <c r="NX14" s="348">
        <v>0</v>
      </c>
      <c r="NY14" s="345">
        <v>0</v>
      </c>
      <c r="NZ14" s="349">
        <v>0</v>
      </c>
      <c r="OA14" s="404">
        <v>0</v>
      </c>
      <c r="OB14" s="345">
        <v>0</v>
      </c>
      <c r="OC14" s="345">
        <v>0</v>
      </c>
      <c r="OD14" s="345">
        <v>0</v>
      </c>
      <c r="OE14" s="345">
        <v>0</v>
      </c>
      <c r="OF14" s="345">
        <v>0</v>
      </c>
      <c r="OG14" s="349">
        <v>0</v>
      </c>
      <c r="OH14" s="350">
        <v>0</v>
      </c>
      <c r="OI14" s="348">
        <v>504541</v>
      </c>
      <c r="OJ14" s="345">
        <v>622915</v>
      </c>
      <c r="OK14" s="346">
        <v>1127456</v>
      </c>
      <c r="OL14" s="351">
        <v>0</v>
      </c>
      <c r="OM14" s="345">
        <v>8040547</v>
      </c>
      <c r="ON14" s="345">
        <v>10583258</v>
      </c>
      <c r="OO14" s="345">
        <v>11185258</v>
      </c>
      <c r="OP14" s="345">
        <v>11709268</v>
      </c>
      <c r="OQ14" s="345">
        <v>8363915</v>
      </c>
      <c r="OR14" s="349">
        <v>49882246</v>
      </c>
      <c r="OS14" s="354">
        <v>51009702</v>
      </c>
    </row>
    <row r="15" spans="2:409" s="70" customFormat="1" ht="21" customHeight="1" x14ac:dyDescent="0.2">
      <c r="B15" s="106" t="s">
        <v>9</v>
      </c>
      <c r="C15" s="326">
        <v>1601910</v>
      </c>
      <c r="D15" s="327">
        <v>2136043</v>
      </c>
      <c r="E15" s="328">
        <v>3737953</v>
      </c>
      <c r="F15" s="332">
        <v>0</v>
      </c>
      <c r="G15" s="327">
        <v>18077041</v>
      </c>
      <c r="H15" s="327">
        <v>13760810</v>
      </c>
      <c r="I15" s="327">
        <v>14736648</v>
      </c>
      <c r="J15" s="327">
        <v>16092257</v>
      </c>
      <c r="K15" s="327">
        <v>9246195</v>
      </c>
      <c r="L15" s="329">
        <v>71912951</v>
      </c>
      <c r="M15" s="330">
        <v>75650904</v>
      </c>
      <c r="N15" s="326">
        <v>331253</v>
      </c>
      <c r="O15" s="327">
        <v>535806</v>
      </c>
      <c r="P15" s="328">
        <v>867059</v>
      </c>
      <c r="Q15" s="326">
        <v>0</v>
      </c>
      <c r="R15" s="327">
        <v>4277623</v>
      </c>
      <c r="S15" s="327">
        <v>4931913</v>
      </c>
      <c r="T15" s="327">
        <v>4832568</v>
      </c>
      <c r="U15" s="327">
        <v>6829977</v>
      </c>
      <c r="V15" s="327">
        <v>4105878</v>
      </c>
      <c r="W15" s="328">
        <v>24977959</v>
      </c>
      <c r="X15" s="330">
        <v>25845018</v>
      </c>
      <c r="Y15" s="326">
        <v>0</v>
      </c>
      <c r="Z15" s="327">
        <v>0</v>
      </c>
      <c r="AA15" s="328">
        <v>0</v>
      </c>
      <c r="AB15" s="326">
        <v>0</v>
      </c>
      <c r="AC15" s="327">
        <v>1763540</v>
      </c>
      <c r="AD15" s="327">
        <v>1982845</v>
      </c>
      <c r="AE15" s="327">
        <v>2886285</v>
      </c>
      <c r="AF15" s="327">
        <v>3852790</v>
      </c>
      <c r="AG15" s="327">
        <v>2513072</v>
      </c>
      <c r="AH15" s="328">
        <v>12998532</v>
      </c>
      <c r="AI15" s="330">
        <v>12998532</v>
      </c>
      <c r="AJ15" s="326">
        <v>0</v>
      </c>
      <c r="AK15" s="327">
        <v>0</v>
      </c>
      <c r="AL15" s="328">
        <v>0</v>
      </c>
      <c r="AM15" s="326">
        <v>0</v>
      </c>
      <c r="AN15" s="327">
        <v>64276</v>
      </c>
      <c r="AO15" s="327">
        <v>0</v>
      </c>
      <c r="AP15" s="327">
        <v>42851</v>
      </c>
      <c r="AQ15" s="327">
        <v>482240</v>
      </c>
      <c r="AR15" s="327">
        <v>264301</v>
      </c>
      <c r="AS15" s="328">
        <v>853668</v>
      </c>
      <c r="AT15" s="330">
        <v>853668</v>
      </c>
      <c r="AU15" s="326">
        <v>170449</v>
      </c>
      <c r="AV15" s="327">
        <v>419837</v>
      </c>
      <c r="AW15" s="328">
        <v>590286</v>
      </c>
      <c r="AX15" s="326">
        <v>0</v>
      </c>
      <c r="AY15" s="327">
        <v>1592274</v>
      </c>
      <c r="AZ15" s="327">
        <v>1900619</v>
      </c>
      <c r="BA15" s="327">
        <v>1072171</v>
      </c>
      <c r="BB15" s="327">
        <v>1381002</v>
      </c>
      <c r="BC15" s="327">
        <v>768785</v>
      </c>
      <c r="BD15" s="328">
        <v>6714851</v>
      </c>
      <c r="BE15" s="330">
        <v>7305137</v>
      </c>
      <c r="BF15" s="326">
        <v>0</v>
      </c>
      <c r="BG15" s="327">
        <v>0</v>
      </c>
      <c r="BH15" s="331">
        <v>0</v>
      </c>
      <c r="BI15" s="332">
        <v>0</v>
      </c>
      <c r="BJ15" s="327">
        <v>81177</v>
      </c>
      <c r="BK15" s="327">
        <v>245262</v>
      </c>
      <c r="BL15" s="327">
        <v>62920</v>
      </c>
      <c r="BM15" s="327">
        <v>145915</v>
      </c>
      <c r="BN15" s="327">
        <v>70355</v>
      </c>
      <c r="BO15" s="328">
        <v>605629</v>
      </c>
      <c r="BP15" s="330">
        <v>605629</v>
      </c>
      <c r="BQ15" s="326">
        <v>160804</v>
      </c>
      <c r="BR15" s="327">
        <v>115969</v>
      </c>
      <c r="BS15" s="328">
        <v>276773</v>
      </c>
      <c r="BT15" s="326">
        <v>0</v>
      </c>
      <c r="BU15" s="327">
        <v>776356</v>
      </c>
      <c r="BV15" s="327">
        <v>803187</v>
      </c>
      <c r="BW15" s="327">
        <v>768341</v>
      </c>
      <c r="BX15" s="327">
        <v>968030</v>
      </c>
      <c r="BY15" s="327">
        <v>489365</v>
      </c>
      <c r="BZ15" s="328">
        <v>3805279</v>
      </c>
      <c r="CA15" s="330">
        <v>4082052</v>
      </c>
      <c r="CB15" s="326">
        <v>116280</v>
      </c>
      <c r="CC15" s="327">
        <v>426111</v>
      </c>
      <c r="CD15" s="328">
        <v>542391</v>
      </c>
      <c r="CE15" s="326">
        <v>0</v>
      </c>
      <c r="CF15" s="327">
        <v>3128483</v>
      </c>
      <c r="CG15" s="327">
        <v>2594755</v>
      </c>
      <c r="CH15" s="327">
        <v>2684960</v>
      </c>
      <c r="CI15" s="327">
        <v>1806475</v>
      </c>
      <c r="CJ15" s="327">
        <v>645276</v>
      </c>
      <c r="CK15" s="328">
        <v>10859949</v>
      </c>
      <c r="CL15" s="330">
        <v>11402340</v>
      </c>
      <c r="CM15" s="326">
        <v>0</v>
      </c>
      <c r="CN15" s="327">
        <v>0</v>
      </c>
      <c r="CO15" s="328">
        <v>0</v>
      </c>
      <c r="CP15" s="332">
        <v>0</v>
      </c>
      <c r="CQ15" s="327">
        <v>2407667</v>
      </c>
      <c r="CR15" s="327">
        <v>2063684</v>
      </c>
      <c r="CS15" s="327">
        <v>2125220</v>
      </c>
      <c r="CT15" s="327">
        <v>1293636</v>
      </c>
      <c r="CU15" s="327">
        <v>251729</v>
      </c>
      <c r="CV15" s="328">
        <v>8141936</v>
      </c>
      <c r="CW15" s="330">
        <v>8141936</v>
      </c>
      <c r="CX15" s="326">
        <v>116280</v>
      </c>
      <c r="CY15" s="327">
        <v>426111</v>
      </c>
      <c r="CZ15" s="328">
        <v>542391</v>
      </c>
      <c r="DA15" s="326">
        <v>0</v>
      </c>
      <c r="DB15" s="327">
        <v>720816</v>
      </c>
      <c r="DC15" s="327">
        <v>531071</v>
      </c>
      <c r="DD15" s="327">
        <v>559740</v>
      </c>
      <c r="DE15" s="327">
        <v>512839</v>
      </c>
      <c r="DF15" s="327">
        <v>393547</v>
      </c>
      <c r="DG15" s="328">
        <v>2718013</v>
      </c>
      <c r="DH15" s="330">
        <v>3260404</v>
      </c>
      <c r="DI15" s="326">
        <v>4700</v>
      </c>
      <c r="DJ15" s="327">
        <v>33951</v>
      </c>
      <c r="DK15" s="331">
        <v>38651</v>
      </c>
      <c r="DL15" s="332">
        <v>0</v>
      </c>
      <c r="DM15" s="327">
        <v>158317</v>
      </c>
      <c r="DN15" s="327">
        <v>369883</v>
      </c>
      <c r="DO15" s="327">
        <v>1221715</v>
      </c>
      <c r="DP15" s="327">
        <v>1396411</v>
      </c>
      <c r="DQ15" s="327">
        <v>248016</v>
      </c>
      <c r="DR15" s="328">
        <v>3394342</v>
      </c>
      <c r="DS15" s="330">
        <v>3432993</v>
      </c>
      <c r="DT15" s="326">
        <v>4700</v>
      </c>
      <c r="DU15" s="327">
        <v>33951</v>
      </c>
      <c r="DV15" s="328">
        <v>38651</v>
      </c>
      <c r="DW15" s="326">
        <v>0</v>
      </c>
      <c r="DX15" s="327">
        <v>158317</v>
      </c>
      <c r="DY15" s="327">
        <v>270185</v>
      </c>
      <c r="DZ15" s="327">
        <v>926869</v>
      </c>
      <c r="EA15" s="327">
        <v>1027990</v>
      </c>
      <c r="EB15" s="327">
        <v>172525</v>
      </c>
      <c r="EC15" s="328">
        <v>2555886</v>
      </c>
      <c r="ED15" s="330">
        <v>2594537</v>
      </c>
      <c r="EE15" s="326">
        <v>0</v>
      </c>
      <c r="EF15" s="331">
        <v>0</v>
      </c>
      <c r="EG15" s="328">
        <v>0</v>
      </c>
      <c r="EH15" s="326">
        <v>0</v>
      </c>
      <c r="EI15" s="327">
        <v>0</v>
      </c>
      <c r="EJ15" s="327">
        <v>99698</v>
      </c>
      <c r="EK15" s="327">
        <v>294846</v>
      </c>
      <c r="EL15" s="327">
        <v>368421</v>
      </c>
      <c r="EM15" s="327">
        <v>75491</v>
      </c>
      <c r="EN15" s="331">
        <v>838456</v>
      </c>
      <c r="EO15" s="330">
        <v>838456</v>
      </c>
      <c r="EP15" s="326">
        <v>0</v>
      </c>
      <c r="EQ15" s="327">
        <v>0</v>
      </c>
      <c r="ER15" s="331">
        <v>0</v>
      </c>
      <c r="ES15" s="332">
        <v>0</v>
      </c>
      <c r="ET15" s="327">
        <v>0</v>
      </c>
      <c r="EU15" s="327">
        <v>0</v>
      </c>
      <c r="EV15" s="327">
        <v>0</v>
      </c>
      <c r="EW15" s="327">
        <v>0</v>
      </c>
      <c r="EX15" s="327">
        <v>0</v>
      </c>
      <c r="EY15" s="328">
        <v>0</v>
      </c>
      <c r="EZ15" s="330">
        <v>0</v>
      </c>
      <c r="FA15" s="326">
        <v>0</v>
      </c>
      <c r="FB15" s="327">
        <v>0</v>
      </c>
      <c r="FC15" s="331">
        <v>0</v>
      </c>
      <c r="FD15" s="404">
        <v>0</v>
      </c>
      <c r="FE15" s="327">
        <v>0</v>
      </c>
      <c r="FF15" s="327">
        <v>0</v>
      </c>
      <c r="FG15" s="327">
        <v>0</v>
      </c>
      <c r="FH15" s="327">
        <v>0</v>
      </c>
      <c r="FI15" s="327">
        <v>0</v>
      </c>
      <c r="FJ15" s="328">
        <v>0</v>
      </c>
      <c r="FK15" s="330">
        <v>0</v>
      </c>
      <c r="FL15" s="326">
        <v>310527</v>
      </c>
      <c r="FM15" s="327">
        <v>407848</v>
      </c>
      <c r="FN15" s="328">
        <v>718375</v>
      </c>
      <c r="FO15" s="326">
        <v>0</v>
      </c>
      <c r="FP15" s="327">
        <v>1438459</v>
      </c>
      <c r="FQ15" s="327">
        <v>1326472</v>
      </c>
      <c r="FR15" s="327">
        <v>1093988</v>
      </c>
      <c r="FS15" s="327">
        <v>1200251</v>
      </c>
      <c r="FT15" s="327">
        <v>539028</v>
      </c>
      <c r="FU15" s="328">
        <v>5598198</v>
      </c>
      <c r="FV15" s="330">
        <v>6316573</v>
      </c>
      <c r="FW15" s="333">
        <v>116312</v>
      </c>
      <c r="FX15" s="327">
        <v>216958</v>
      </c>
      <c r="FY15" s="331">
        <v>333270</v>
      </c>
      <c r="FZ15" s="332">
        <v>0</v>
      </c>
      <c r="GA15" s="327">
        <v>775481</v>
      </c>
      <c r="GB15" s="327">
        <v>1293439</v>
      </c>
      <c r="GC15" s="327">
        <v>953988</v>
      </c>
      <c r="GD15" s="327">
        <v>1073366</v>
      </c>
      <c r="GE15" s="327">
        <v>473592</v>
      </c>
      <c r="GF15" s="328">
        <v>4569866</v>
      </c>
      <c r="GG15" s="334">
        <v>4903136</v>
      </c>
      <c r="GH15" s="333">
        <v>38115</v>
      </c>
      <c r="GI15" s="327">
        <v>0</v>
      </c>
      <c r="GJ15" s="331">
        <v>38115</v>
      </c>
      <c r="GK15" s="332">
        <v>0</v>
      </c>
      <c r="GL15" s="327">
        <v>73088</v>
      </c>
      <c r="GM15" s="327">
        <v>33033</v>
      </c>
      <c r="GN15" s="327">
        <v>0</v>
      </c>
      <c r="GO15" s="327">
        <v>73265</v>
      </c>
      <c r="GP15" s="327">
        <v>36036</v>
      </c>
      <c r="GQ15" s="328">
        <v>215422</v>
      </c>
      <c r="GR15" s="330">
        <v>253537</v>
      </c>
      <c r="GS15" s="326">
        <v>156100</v>
      </c>
      <c r="GT15" s="327">
        <v>190890</v>
      </c>
      <c r="GU15" s="328">
        <v>346990</v>
      </c>
      <c r="GV15" s="326">
        <v>0</v>
      </c>
      <c r="GW15" s="327">
        <v>589890</v>
      </c>
      <c r="GX15" s="327">
        <v>0</v>
      </c>
      <c r="GY15" s="327">
        <v>140000</v>
      </c>
      <c r="GZ15" s="327">
        <v>53620</v>
      </c>
      <c r="HA15" s="327">
        <v>29400</v>
      </c>
      <c r="HB15" s="331">
        <v>812910</v>
      </c>
      <c r="HC15" s="330">
        <v>1159900</v>
      </c>
      <c r="HD15" s="326">
        <v>839150</v>
      </c>
      <c r="HE15" s="327">
        <v>732327</v>
      </c>
      <c r="HF15" s="331">
        <v>1571477</v>
      </c>
      <c r="HG15" s="332">
        <v>0</v>
      </c>
      <c r="HH15" s="327">
        <v>9074159</v>
      </c>
      <c r="HI15" s="327">
        <v>4537787</v>
      </c>
      <c r="HJ15" s="327">
        <v>4903417</v>
      </c>
      <c r="HK15" s="327">
        <v>4859143</v>
      </c>
      <c r="HL15" s="327">
        <v>3707997</v>
      </c>
      <c r="HM15" s="328">
        <v>27082503</v>
      </c>
      <c r="HN15" s="329">
        <v>28653980</v>
      </c>
      <c r="HO15" s="333">
        <v>0</v>
      </c>
      <c r="HP15" s="327">
        <v>0</v>
      </c>
      <c r="HQ15" s="328">
        <v>0</v>
      </c>
      <c r="HR15" s="326">
        <v>0</v>
      </c>
      <c r="HS15" s="327">
        <v>0</v>
      </c>
      <c r="HT15" s="327">
        <v>0</v>
      </c>
      <c r="HU15" s="327">
        <v>0</v>
      </c>
      <c r="HV15" s="327">
        <v>0</v>
      </c>
      <c r="HW15" s="327">
        <v>0</v>
      </c>
      <c r="HX15" s="331">
        <v>0</v>
      </c>
      <c r="HY15" s="330">
        <v>0</v>
      </c>
      <c r="HZ15" s="360">
        <v>0</v>
      </c>
      <c r="IA15" s="361">
        <v>67523</v>
      </c>
      <c r="IB15" s="362">
        <v>67523</v>
      </c>
      <c r="IC15" s="338">
        <v>0</v>
      </c>
      <c r="ID15" s="336">
        <v>1814510</v>
      </c>
      <c r="IE15" s="339">
        <v>2167982</v>
      </c>
      <c r="IF15" s="337">
        <v>2400889</v>
      </c>
      <c r="IG15" s="336">
        <v>2906889</v>
      </c>
      <c r="IH15" s="337">
        <v>1562384</v>
      </c>
      <c r="II15" s="340">
        <v>10852654</v>
      </c>
      <c r="IJ15" s="363">
        <v>10920177</v>
      </c>
      <c r="IK15" s="342">
        <v>0</v>
      </c>
      <c r="IL15" s="343">
        <v>0</v>
      </c>
      <c r="IM15" s="344">
        <v>0</v>
      </c>
      <c r="IN15" s="404">
        <v>0</v>
      </c>
      <c r="IO15" s="345">
        <v>0</v>
      </c>
      <c r="IP15" s="345">
        <v>111321</v>
      </c>
      <c r="IQ15" s="345">
        <v>150035</v>
      </c>
      <c r="IR15" s="345">
        <v>198626</v>
      </c>
      <c r="IS15" s="345">
        <v>33360</v>
      </c>
      <c r="IT15" s="346">
        <v>493342</v>
      </c>
      <c r="IU15" s="347">
        <v>493342</v>
      </c>
      <c r="IV15" s="348">
        <v>0</v>
      </c>
      <c r="IW15" s="345">
        <v>0</v>
      </c>
      <c r="IX15" s="349">
        <v>0</v>
      </c>
      <c r="IY15" s="404">
        <v>0</v>
      </c>
      <c r="IZ15" s="345">
        <v>0</v>
      </c>
      <c r="JA15" s="345">
        <v>0</v>
      </c>
      <c r="JB15" s="345">
        <v>0</v>
      </c>
      <c r="JC15" s="345">
        <v>0</v>
      </c>
      <c r="JD15" s="345">
        <v>0</v>
      </c>
      <c r="JE15" s="349">
        <v>0</v>
      </c>
      <c r="JF15" s="350">
        <v>0</v>
      </c>
      <c r="JG15" s="348">
        <v>0</v>
      </c>
      <c r="JH15" s="345">
        <v>0</v>
      </c>
      <c r="JI15" s="346">
        <v>0</v>
      </c>
      <c r="JJ15" s="351">
        <v>0</v>
      </c>
      <c r="JK15" s="345">
        <v>1029450</v>
      </c>
      <c r="JL15" s="345">
        <v>1070479</v>
      </c>
      <c r="JM15" s="345">
        <v>890306</v>
      </c>
      <c r="JN15" s="345">
        <v>857279</v>
      </c>
      <c r="JO15" s="345">
        <v>261245</v>
      </c>
      <c r="JP15" s="349">
        <v>4108759</v>
      </c>
      <c r="JQ15" s="347">
        <v>4108759</v>
      </c>
      <c r="JR15" s="348">
        <v>0</v>
      </c>
      <c r="JS15" s="345">
        <v>0</v>
      </c>
      <c r="JT15" s="346">
        <v>0</v>
      </c>
      <c r="JU15" s="351">
        <v>0</v>
      </c>
      <c r="JV15" s="345">
        <v>0</v>
      </c>
      <c r="JW15" s="345">
        <v>0</v>
      </c>
      <c r="JX15" s="345">
        <v>87453</v>
      </c>
      <c r="JY15" s="345">
        <v>0</v>
      </c>
      <c r="JZ15" s="345">
        <v>0</v>
      </c>
      <c r="KA15" s="349">
        <v>87453</v>
      </c>
      <c r="KB15" s="347">
        <v>87453</v>
      </c>
      <c r="KC15" s="352">
        <v>0</v>
      </c>
      <c r="KD15" s="353">
        <v>67523</v>
      </c>
      <c r="KE15" s="349">
        <v>67523</v>
      </c>
      <c r="KF15" s="351">
        <v>0</v>
      </c>
      <c r="KG15" s="345">
        <v>659898</v>
      </c>
      <c r="KH15" s="345">
        <v>0</v>
      </c>
      <c r="KI15" s="345">
        <v>201199</v>
      </c>
      <c r="KJ15" s="345">
        <v>0</v>
      </c>
      <c r="KK15" s="345">
        <v>239831</v>
      </c>
      <c r="KL15" s="349">
        <v>1100928</v>
      </c>
      <c r="KM15" s="354">
        <v>1168451</v>
      </c>
      <c r="KN15" s="342">
        <v>0</v>
      </c>
      <c r="KO15" s="343">
        <v>0</v>
      </c>
      <c r="KP15" s="344">
        <v>0</v>
      </c>
      <c r="KQ15" s="404">
        <v>0</v>
      </c>
      <c r="KR15" s="345">
        <v>0</v>
      </c>
      <c r="KS15" s="345">
        <v>664591</v>
      </c>
      <c r="KT15" s="345">
        <v>896839</v>
      </c>
      <c r="KU15" s="345">
        <v>1850984</v>
      </c>
      <c r="KV15" s="345">
        <v>234783</v>
      </c>
      <c r="KW15" s="349">
        <v>3647197</v>
      </c>
      <c r="KX15" s="347">
        <v>3647197</v>
      </c>
      <c r="KY15" s="348">
        <v>0</v>
      </c>
      <c r="KZ15" s="345">
        <v>0</v>
      </c>
      <c r="LA15" s="349">
        <v>0</v>
      </c>
      <c r="LB15" s="404">
        <v>0</v>
      </c>
      <c r="LC15" s="345">
        <v>0</v>
      </c>
      <c r="LD15" s="345">
        <v>157189</v>
      </c>
      <c r="LE15" s="345">
        <v>175057</v>
      </c>
      <c r="LF15" s="345">
        <v>0</v>
      </c>
      <c r="LG15" s="345">
        <v>209028</v>
      </c>
      <c r="LH15" s="349">
        <v>541274</v>
      </c>
      <c r="LI15" s="350">
        <v>541274</v>
      </c>
      <c r="LJ15" s="348">
        <v>0</v>
      </c>
      <c r="LK15" s="345">
        <v>0</v>
      </c>
      <c r="LL15" s="349">
        <v>0</v>
      </c>
      <c r="LM15" s="404">
        <v>0</v>
      </c>
      <c r="LN15" s="345">
        <v>0</v>
      </c>
      <c r="LO15" s="345">
        <v>0</v>
      </c>
      <c r="LP15" s="345">
        <v>0</v>
      </c>
      <c r="LQ15" s="345">
        <v>0</v>
      </c>
      <c r="LR15" s="345">
        <v>0</v>
      </c>
      <c r="LS15" s="349">
        <v>0</v>
      </c>
      <c r="LT15" s="347">
        <v>0</v>
      </c>
      <c r="LU15" s="348">
        <v>0</v>
      </c>
      <c r="LV15" s="345">
        <v>0</v>
      </c>
      <c r="LW15" s="349">
        <v>0</v>
      </c>
      <c r="LX15" s="404">
        <v>0</v>
      </c>
      <c r="LY15" s="345">
        <v>125162</v>
      </c>
      <c r="LZ15" s="345">
        <v>164402</v>
      </c>
      <c r="MA15" s="345">
        <v>0</v>
      </c>
      <c r="MB15" s="345">
        <v>0</v>
      </c>
      <c r="MC15" s="345">
        <v>584137</v>
      </c>
      <c r="MD15" s="349">
        <v>873701</v>
      </c>
      <c r="ME15" s="350">
        <v>873701</v>
      </c>
      <c r="MF15" s="348">
        <v>0</v>
      </c>
      <c r="MG15" s="345">
        <v>0</v>
      </c>
      <c r="MH15" s="349">
        <v>0</v>
      </c>
      <c r="MI15" s="404">
        <v>0</v>
      </c>
      <c r="MJ15" s="345">
        <v>499189</v>
      </c>
      <c r="MK15" s="345">
        <v>1376132</v>
      </c>
      <c r="ML15" s="345">
        <v>4170257</v>
      </c>
      <c r="MM15" s="345">
        <v>6392678</v>
      </c>
      <c r="MN15" s="345">
        <v>4529811</v>
      </c>
      <c r="MO15" s="349">
        <v>16968067</v>
      </c>
      <c r="MP15" s="354">
        <v>16968067</v>
      </c>
      <c r="MQ15" s="348">
        <v>0</v>
      </c>
      <c r="MR15" s="345">
        <v>0</v>
      </c>
      <c r="MS15" s="349">
        <v>0</v>
      </c>
      <c r="MT15" s="404">
        <v>0</v>
      </c>
      <c r="MU15" s="345">
        <v>0</v>
      </c>
      <c r="MV15" s="345">
        <v>0</v>
      </c>
      <c r="MW15" s="345">
        <v>3078802</v>
      </c>
      <c r="MX15" s="345">
        <v>5151533</v>
      </c>
      <c r="MY15" s="345">
        <v>2876075</v>
      </c>
      <c r="MZ15" s="349">
        <v>11106410</v>
      </c>
      <c r="NA15" s="354">
        <v>11106410</v>
      </c>
      <c r="NB15" s="348">
        <v>0</v>
      </c>
      <c r="NC15" s="345">
        <v>0</v>
      </c>
      <c r="ND15" s="349">
        <v>0</v>
      </c>
      <c r="NE15" s="404">
        <v>0</v>
      </c>
      <c r="NF15" s="345">
        <v>499189</v>
      </c>
      <c r="NG15" s="345">
        <v>1376132</v>
      </c>
      <c r="NH15" s="345">
        <v>1091455</v>
      </c>
      <c r="NI15" s="345">
        <v>1241145</v>
      </c>
      <c r="NJ15" s="345">
        <v>1653736</v>
      </c>
      <c r="NK15" s="349">
        <v>5861657</v>
      </c>
      <c r="NL15" s="347">
        <v>5861657</v>
      </c>
      <c r="NM15" s="348">
        <v>0</v>
      </c>
      <c r="NN15" s="345">
        <v>0</v>
      </c>
      <c r="NO15" s="349">
        <v>0</v>
      </c>
      <c r="NP15" s="404">
        <v>0</v>
      </c>
      <c r="NQ15" s="345">
        <v>0</v>
      </c>
      <c r="NR15" s="345">
        <v>0</v>
      </c>
      <c r="NS15" s="345">
        <v>0</v>
      </c>
      <c r="NT15" s="345">
        <v>0</v>
      </c>
      <c r="NU15" s="345">
        <v>0</v>
      </c>
      <c r="NV15" s="349">
        <v>0</v>
      </c>
      <c r="NW15" s="350">
        <v>0</v>
      </c>
      <c r="NX15" s="348">
        <v>0</v>
      </c>
      <c r="NY15" s="345">
        <v>0</v>
      </c>
      <c r="NZ15" s="349">
        <v>0</v>
      </c>
      <c r="OA15" s="404">
        <v>0</v>
      </c>
      <c r="OB15" s="345">
        <v>0</v>
      </c>
      <c r="OC15" s="345">
        <v>0</v>
      </c>
      <c r="OD15" s="345">
        <v>0</v>
      </c>
      <c r="OE15" s="345">
        <v>0</v>
      </c>
      <c r="OF15" s="345">
        <v>0</v>
      </c>
      <c r="OG15" s="349">
        <v>0</v>
      </c>
      <c r="OH15" s="350">
        <v>0</v>
      </c>
      <c r="OI15" s="348">
        <v>1601910</v>
      </c>
      <c r="OJ15" s="345">
        <v>2203566</v>
      </c>
      <c r="OK15" s="346">
        <v>3805476</v>
      </c>
      <c r="OL15" s="351">
        <v>0</v>
      </c>
      <c r="OM15" s="345">
        <v>20390740</v>
      </c>
      <c r="ON15" s="345">
        <v>17304924</v>
      </c>
      <c r="OO15" s="345">
        <v>21307794</v>
      </c>
      <c r="OP15" s="345">
        <v>25391824</v>
      </c>
      <c r="OQ15" s="345">
        <v>15338390</v>
      </c>
      <c r="OR15" s="349">
        <v>99733672</v>
      </c>
      <c r="OS15" s="354">
        <v>103539148</v>
      </c>
    </row>
    <row r="16" spans="2:409" s="70" customFormat="1" ht="21" customHeight="1" x14ac:dyDescent="0.2">
      <c r="B16" s="106" t="s">
        <v>10</v>
      </c>
      <c r="C16" s="326">
        <v>1830548</v>
      </c>
      <c r="D16" s="327">
        <v>2621311</v>
      </c>
      <c r="E16" s="328">
        <v>4451859</v>
      </c>
      <c r="F16" s="364">
        <v>0</v>
      </c>
      <c r="G16" s="327">
        <v>18685349</v>
      </c>
      <c r="H16" s="327">
        <v>15779047</v>
      </c>
      <c r="I16" s="327">
        <v>16304857</v>
      </c>
      <c r="J16" s="327">
        <v>14360461</v>
      </c>
      <c r="K16" s="327">
        <v>11267563</v>
      </c>
      <c r="L16" s="329">
        <v>76397277</v>
      </c>
      <c r="M16" s="330">
        <v>80849136</v>
      </c>
      <c r="N16" s="326">
        <v>599213</v>
      </c>
      <c r="O16" s="327">
        <v>1124307</v>
      </c>
      <c r="P16" s="328">
        <v>1723520</v>
      </c>
      <c r="Q16" s="326">
        <v>0</v>
      </c>
      <c r="R16" s="327">
        <v>6333804</v>
      </c>
      <c r="S16" s="327">
        <v>6518680</v>
      </c>
      <c r="T16" s="327">
        <v>6636186</v>
      </c>
      <c r="U16" s="327">
        <v>6455535</v>
      </c>
      <c r="V16" s="327">
        <v>5064147</v>
      </c>
      <c r="W16" s="328">
        <v>31008352</v>
      </c>
      <c r="X16" s="330">
        <v>32731872</v>
      </c>
      <c r="Y16" s="326">
        <v>0</v>
      </c>
      <c r="Z16" s="327">
        <v>0</v>
      </c>
      <c r="AA16" s="328">
        <v>0</v>
      </c>
      <c r="AB16" s="326">
        <v>0</v>
      </c>
      <c r="AC16" s="327">
        <v>2844851</v>
      </c>
      <c r="AD16" s="327">
        <v>3577005</v>
      </c>
      <c r="AE16" s="327">
        <v>4265102</v>
      </c>
      <c r="AF16" s="327">
        <v>4003498</v>
      </c>
      <c r="AG16" s="327">
        <v>3185680</v>
      </c>
      <c r="AH16" s="328">
        <v>17876136</v>
      </c>
      <c r="AI16" s="330">
        <v>17876136</v>
      </c>
      <c r="AJ16" s="326">
        <v>0</v>
      </c>
      <c r="AK16" s="327">
        <v>0</v>
      </c>
      <c r="AL16" s="328">
        <v>0</v>
      </c>
      <c r="AM16" s="326">
        <v>0</v>
      </c>
      <c r="AN16" s="327">
        <v>23233</v>
      </c>
      <c r="AO16" s="327">
        <v>94584</v>
      </c>
      <c r="AP16" s="327">
        <v>227902</v>
      </c>
      <c r="AQ16" s="327">
        <v>196942</v>
      </c>
      <c r="AR16" s="327">
        <v>304562</v>
      </c>
      <c r="AS16" s="328">
        <v>847223</v>
      </c>
      <c r="AT16" s="330">
        <v>847223</v>
      </c>
      <c r="AU16" s="326">
        <v>396826</v>
      </c>
      <c r="AV16" s="327">
        <v>781268</v>
      </c>
      <c r="AW16" s="328">
        <v>1178094</v>
      </c>
      <c r="AX16" s="326">
        <v>0</v>
      </c>
      <c r="AY16" s="327">
        <v>2108313</v>
      </c>
      <c r="AZ16" s="327">
        <v>1643951</v>
      </c>
      <c r="BA16" s="327">
        <v>930379</v>
      </c>
      <c r="BB16" s="327">
        <v>1194558</v>
      </c>
      <c r="BC16" s="327">
        <v>617321</v>
      </c>
      <c r="BD16" s="328">
        <v>6494522</v>
      </c>
      <c r="BE16" s="330">
        <v>7672616</v>
      </c>
      <c r="BF16" s="326">
        <v>18147</v>
      </c>
      <c r="BG16" s="327">
        <v>91256</v>
      </c>
      <c r="BH16" s="331">
        <v>109403</v>
      </c>
      <c r="BI16" s="332">
        <v>0</v>
      </c>
      <c r="BJ16" s="327">
        <v>313343</v>
      </c>
      <c r="BK16" s="327">
        <v>174663</v>
      </c>
      <c r="BL16" s="327">
        <v>108889</v>
      </c>
      <c r="BM16" s="327">
        <v>107172</v>
      </c>
      <c r="BN16" s="327">
        <v>46591</v>
      </c>
      <c r="BO16" s="328">
        <v>750658</v>
      </c>
      <c r="BP16" s="330">
        <v>860061</v>
      </c>
      <c r="BQ16" s="326">
        <v>184240</v>
      </c>
      <c r="BR16" s="327">
        <v>251783</v>
      </c>
      <c r="BS16" s="328">
        <v>436023</v>
      </c>
      <c r="BT16" s="326">
        <v>0</v>
      </c>
      <c r="BU16" s="327">
        <v>1044064</v>
      </c>
      <c r="BV16" s="327">
        <v>1028477</v>
      </c>
      <c r="BW16" s="327">
        <v>1103914</v>
      </c>
      <c r="BX16" s="327">
        <v>953365</v>
      </c>
      <c r="BY16" s="327">
        <v>909993</v>
      </c>
      <c r="BZ16" s="328">
        <v>5039813</v>
      </c>
      <c r="CA16" s="330">
        <v>5475836</v>
      </c>
      <c r="CB16" s="326">
        <v>90414</v>
      </c>
      <c r="CC16" s="327">
        <v>101678</v>
      </c>
      <c r="CD16" s="328">
        <v>192092</v>
      </c>
      <c r="CE16" s="326">
        <v>0</v>
      </c>
      <c r="CF16" s="327">
        <v>6154039</v>
      </c>
      <c r="CG16" s="327">
        <v>3102344</v>
      </c>
      <c r="CH16" s="327">
        <v>3201812</v>
      </c>
      <c r="CI16" s="327">
        <v>1778124</v>
      </c>
      <c r="CJ16" s="327">
        <v>713720</v>
      </c>
      <c r="CK16" s="328">
        <v>14950039</v>
      </c>
      <c r="CL16" s="330">
        <v>15142131</v>
      </c>
      <c r="CM16" s="326">
        <v>0</v>
      </c>
      <c r="CN16" s="327">
        <v>0</v>
      </c>
      <c r="CO16" s="328">
        <v>0</v>
      </c>
      <c r="CP16" s="332">
        <v>0</v>
      </c>
      <c r="CQ16" s="327">
        <v>5112123</v>
      </c>
      <c r="CR16" s="327">
        <v>2286429</v>
      </c>
      <c r="CS16" s="327">
        <v>2405438</v>
      </c>
      <c r="CT16" s="327">
        <v>1570109</v>
      </c>
      <c r="CU16" s="327">
        <v>600433</v>
      </c>
      <c r="CV16" s="328">
        <v>11974532</v>
      </c>
      <c r="CW16" s="330">
        <v>11974532</v>
      </c>
      <c r="CX16" s="326">
        <v>90414</v>
      </c>
      <c r="CY16" s="327">
        <v>101678</v>
      </c>
      <c r="CZ16" s="328">
        <v>192092</v>
      </c>
      <c r="DA16" s="326">
        <v>0</v>
      </c>
      <c r="DB16" s="327">
        <v>1041916</v>
      </c>
      <c r="DC16" s="327">
        <v>815915</v>
      </c>
      <c r="DD16" s="327">
        <v>796374</v>
      </c>
      <c r="DE16" s="327">
        <v>208015</v>
      </c>
      <c r="DF16" s="327">
        <v>113287</v>
      </c>
      <c r="DG16" s="328">
        <v>2975507</v>
      </c>
      <c r="DH16" s="330">
        <v>3167599</v>
      </c>
      <c r="DI16" s="326">
        <v>0</v>
      </c>
      <c r="DJ16" s="327">
        <v>96311</v>
      </c>
      <c r="DK16" s="331">
        <v>96311</v>
      </c>
      <c r="DL16" s="332">
        <v>0</v>
      </c>
      <c r="DM16" s="327">
        <v>496218</v>
      </c>
      <c r="DN16" s="327">
        <v>535400</v>
      </c>
      <c r="DO16" s="327">
        <v>1096518</v>
      </c>
      <c r="DP16" s="327">
        <v>1424639</v>
      </c>
      <c r="DQ16" s="327">
        <v>237496</v>
      </c>
      <c r="DR16" s="328">
        <v>3790271</v>
      </c>
      <c r="DS16" s="330">
        <v>3886582</v>
      </c>
      <c r="DT16" s="326">
        <v>0</v>
      </c>
      <c r="DU16" s="327">
        <v>96311</v>
      </c>
      <c r="DV16" s="328">
        <v>96311</v>
      </c>
      <c r="DW16" s="326">
        <v>0</v>
      </c>
      <c r="DX16" s="327">
        <v>496218</v>
      </c>
      <c r="DY16" s="327">
        <v>535400</v>
      </c>
      <c r="DZ16" s="327">
        <v>1050465</v>
      </c>
      <c r="EA16" s="327">
        <v>1188123</v>
      </c>
      <c r="EB16" s="327">
        <v>176038</v>
      </c>
      <c r="EC16" s="328">
        <v>3446244</v>
      </c>
      <c r="ED16" s="330">
        <v>3542555</v>
      </c>
      <c r="EE16" s="326">
        <v>0</v>
      </c>
      <c r="EF16" s="331">
        <v>0</v>
      </c>
      <c r="EG16" s="328">
        <v>0</v>
      </c>
      <c r="EH16" s="326">
        <v>0</v>
      </c>
      <c r="EI16" s="327">
        <v>0</v>
      </c>
      <c r="EJ16" s="327">
        <v>0</v>
      </c>
      <c r="EK16" s="327">
        <v>46053</v>
      </c>
      <c r="EL16" s="327">
        <v>236516</v>
      </c>
      <c r="EM16" s="327">
        <v>61458</v>
      </c>
      <c r="EN16" s="331">
        <v>344027</v>
      </c>
      <c r="EO16" s="330">
        <v>344027</v>
      </c>
      <c r="EP16" s="326">
        <v>0</v>
      </c>
      <c r="EQ16" s="327">
        <v>0</v>
      </c>
      <c r="ER16" s="331">
        <v>0</v>
      </c>
      <c r="ES16" s="332">
        <v>0</v>
      </c>
      <c r="ET16" s="327">
        <v>0</v>
      </c>
      <c r="EU16" s="327">
        <v>0</v>
      </c>
      <c r="EV16" s="327">
        <v>0</v>
      </c>
      <c r="EW16" s="327">
        <v>0</v>
      </c>
      <c r="EX16" s="327">
        <v>0</v>
      </c>
      <c r="EY16" s="328">
        <v>0</v>
      </c>
      <c r="EZ16" s="330">
        <v>0</v>
      </c>
      <c r="FA16" s="326">
        <v>0</v>
      </c>
      <c r="FB16" s="327">
        <v>0</v>
      </c>
      <c r="FC16" s="331">
        <v>0</v>
      </c>
      <c r="FD16" s="404">
        <v>0</v>
      </c>
      <c r="FE16" s="327">
        <v>0</v>
      </c>
      <c r="FF16" s="327">
        <v>0</v>
      </c>
      <c r="FG16" s="327">
        <v>0</v>
      </c>
      <c r="FH16" s="327">
        <v>0</v>
      </c>
      <c r="FI16" s="327">
        <v>0</v>
      </c>
      <c r="FJ16" s="328">
        <v>0</v>
      </c>
      <c r="FK16" s="330">
        <v>0</v>
      </c>
      <c r="FL16" s="326">
        <v>550928</v>
      </c>
      <c r="FM16" s="327">
        <v>641968</v>
      </c>
      <c r="FN16" s="328">
        <v>1192896</v>
      </c>
      <c r="FO16" s="326">
        <v>0</v>
      </c>
      <c r="FP16" s="327">
        <v>1198007</v>
      </c>
      <c r="FQ16" s="327">
        <v>1393333</v>
      </c>
      <c r="FR16" s="327">
        <v>1123878</v>
      </c>
      <c r="FS16" s="327">
        <v>1005263</v>
      </c>
      <c r="FT16" s="327">
        <v>637084</v>
      </c>
      <c r="FU16" s="328">
        <v>5357565</v>
      </c>
      <c r="FV16" s="330">
        <v>6550461</v>
      </c>
      <c r="FW16" s="333">
        <v>261100</v>
      </c>
      <c r="FX16" s="327">
        <v>550039</v>
      </c>
      <c r="FY16" s="331">
        <v>811139</v>
      </c>
      <c r="FZ16" s="332">
        <v>0</v>
      </c>
      <c r="GA16" s="327">
        <v>781669</v>
      </c>
      <c r="GB16" s="327">
        <v>1237285</v>
      </c>
      <c r="GC16" s="327">
        <v>1053878</v>
      </c>
      <c r="GD16" s="327">
        <v>845551</v>
      </c>
      <c r="GE16" s="327">
        <v>637084</v>
      </c>
      <c r="GF16" s="328">
        <v>4555467</v>
      </c>
      <c r="GG16" s="334">
        <v>5366606</v>
      </c>
      <c r="GH16" s="333">
        <v>20328</v>
      </c>
      <c r="GI16" s="327">
        <v>0</v>
      </c>
      <c r="GJ16" s="331">
        <v>20328</v>
      </c>
      <c r="GK16" s="332">
        <v>0</v>
      </c>
      <c r="GL16" s="327">
        <v>46038</v>
      </c>
      <c r="GM16" s="327">
        <v>52976</v>
      </c>
      <c r="GN16" s="327">
        <v>0</v>
      </c>
      <c r="GO16" s="327">
        <v>19712</v>
      </c>
      <c r="GP16" s="327">
        <v>0</v>
      </c>
      <c r="GQ16" s="328">
        <v>118726</v>
      </c>
      <c r="GR16" s="330">
        <v>139054</v>
      </c>
      <c r="GS16" s="326">
        <v>269500</v>
      </c>
      <c r="GT16" s="327">
        <v>91929</v>
      </c>
      <c r="GU16" s="328">
        <v>361429</v>
      </c>
      <c r="GV16" s="326">
        <v>0</v>
      </c>
      <c r="GW16" s="327">
        <v>370300</v>
      </c>
      <c r="GX16" s="327">
        <v>103072</v>
      </c>
      <c r="GY16" s="327">
        <v>70000</v>
      </c>
      <c r="GZ16" s="327">
        <v>140000</v>
      </c>
      <c r="HA16" s="327">
        <v>0</v>
      </c>
      <c r="HB16" s="331">
        <v>683372</v>
      </c>
      <c r="HC16" s="330">
        <v>1044801</v>
      </c>
      <c r="HD16" s="326">
        <v>589993</v>
      </c>
      <c r="HE16" s="327">
        <v>657047</v>
      </c>
      <c r="HF16" s="331">
        <v>1247040</v>
      </c>
      <c r="HG16" s="332">
        <v>0</v>
      </c>
      <c r="HH16" s="327">
        <v>4503281</v>
      </c>
      <c r="HI16" s="327">
        <v>4229290</v>
      </c>
      <c r="HJ16" s="327">
        <v>4246463</v>
      </c>
      <c r="HK16" s="327">
        <v>3696900</v>
      </c>
      <c r="HL16" s="327">
        <v>4615116</v>
      </c>
      <c r="HM16" s="328">
        <v>21291050</v>
      </c>
      <c r="HN16" s="329">
        <v>22538090</v>
      </c>
      <c r="HO16" s="333">
        <v>0</v>
      </c>
      <c r="HP16" s="327">
        <v>0</v>
      </c>
      <c r="HQ16" s="328">
        <v>0</v>
      </c>
      <c r="HR16" s="326">
        <v>0</v>
      </c>
      <c r="HS16" s="327">
        <v>0</v>
      </c>
      <c r="HT16" s="327">
        <v>0</v>
      </c>
      <c r="HU16" s="327">
        <v>0</v>
      </c>
      <c r="HV16" s="327">
        <v>0</v>
      </c>
      <c r="HW16" s="327">
        <v>0</v>
      </c>
      <c r="HX16" s="331">
        <v>0</v>
      </c>
      <c r="HY16" s="330">
        <v>0</v>
      </c>
      <c r="HZ16" s="358">
        <v>125619</v>
      </c>
      <c r="IA16" s="356">
        <v>72873</v>
      </c>
      <c r="IB16" s="358">
        <v>198492</v>
      </c>
      <c r="IC16" s="355">
        <v>0</v>
      </c>
      <c r="ID16" s="356">
        <v>3145282</v>
      </c>
      <c r="IE16" s="357">
        <v>2708114</v>
      </c>
      <c r="IF16" s="358">
        <v>4555010</v>
      </c>
      <c r="IG16" s="356">
        <v>3896270</v>
      </c>
      <c r="IH16" s="358">
        <v>3738164</v>
      </c>
      <c r="II16" s="359">
        <v>18042840</v>
      </c>
      <c r="IJ16" s="358">
        <v>18241332</v>
      </c>
      <c r="IK16" s="342">
        <v>0</v>
      </c>
      <c r="IL16" s="343">
        <v>0</v>
      </c>
      <c r="IM16" s="344">
        <v>0</v>
      </c>
      <c r="IN16" s="404">
        <v>0</v>
      </c>
      <c r="IO16" s="345">
        <v>58009</v>
      </c>
      <c r="IP16" s="345">
        <v>190260</v>
      </c>
      <c r="IQ16" s="345">
        <v>332710</v>
      </c>
      <c r="IR16" s="345">
        <v>0</v>
      </c>
      <c r="IS16" s="345">
        <v>508873</v>
      </c>
      <c r="IT16" s="346">
        <v>1089852</v>
      </c>
      <c r="IU16" s="347">
        <v>1089852</v>
      </c>
      <c r="IV16" s="348">
        <v>0</v>
      </c>
      <c r="IW16" s="345">
        <v>0</v>
      </c>
      <c r="IX16" s="349">
        <v>0</v>
      </c>
      <c r="IY16" s="404">
        <v>0</v>
      </c>
      <c r="IZ16" s="345">
        <v>0</v>
      </c>
      <c r="JA16" s="345">
        <v>0</v>
      </c>
      <c r="JB16" s="345">
        <v>0</v>
      </c>
      <c r="JC16" s="345">
        <v>0</v>
      </c>
      <c r="JD16" s="345">
        <v>0</v>
      </c>
      <c r="JE16" s="349">
        <v>0</v>
      </c>
      <c r="JF16" s="350">
        <v>0</v>
      </c>
      <c r="JG16" s="348">
        <v>0</v>
      </c>
      <c r="JH16" s="345">
        <v>0</v>
      </c>
      <c r="JI16" s="346">
        <v>0</v>
      </c>
      <c r="JJ16" s="351">
        <v>0</v>
      </c>
      <c r="JK16" s="345">
        <v>1052130</v>
      </c>
      <c r="JL16" s="345">
        <v>739693</v>
      </c>
      <c r="JM16" s="345">
        <v>668233</v>
      </c>
      <c r="JN16" s="345">
        <v>341805</v>
      </c>
      <c r="JO16" s="345">
        <v>0</v>
      </c>
      <c r="JP16" s="349">
        <v>2801861</v>
      </c>
      <c r="JQ16" s="347">
        <v>2801861</v>
      </c>
      <c r="JR16" s="348">
        <v>0</v>
      </c>
      <c r="JS16" s="345">
        <v>0</v>
      </c>
      <c r="JT16" s="346">
        <v>0</v>
      </c>
      <c r="JU16" s="351">
        <v>0</v>
      </c>
      <c r="JV16" s="345">
        <v>144746</v>
      </c>
      <c r="JW16" s="345">
        <v>0</v>
      </c>
      <c r="JX16" s="345">
        <v>129913</v>
      </c>
      <c r="JY16" s="345">
        <v>286800</v>
      </c>
      <c r="JZ16" s="345">
        <v>0</v>
      </c>
      <c r="KA16" s="349">
        <v>561459</v>
      </c>
      <c r="KB16" s="347">
        <v>561459</v>
      </c>
      <c r="KC16" s="352">
        <v>125619</v>
      </c>
      <c r="KD16" s="353">
        <v>72873</v>
      </c>
      <c r="KE16" s="349">
        <v>198492</v>
      </c>
      <c r="KF16" s="351">
        <v>0</v>
      </c>
      <c r="KG16" s="345">
        <v>510917</v>
      </c>
      <c r="KH16" s="345">
        <v>527403</v>
      </c>
      <c r="KI16" s="345">
        <v>818289</v>
      </c>
      <c r="KJ16" s="345">
        <v>239947</v>
      </c>
      <c r="KK16" s="345">
        <v>0</v>
      </c>
      <c r="KL16" s="349">
        <v>2096556</v>
      </c>
      <c r="KM16" s="354">
        <v>2295048</v>
      </c>
      <c r="KN16" s="342">
        <v>0</v>
      </c>
      <c r="KO16" s="343">
        <v>0</v>
      </c>
      <c r="KP16" s="344">
        <v>0</v>
      </c>
      <c r="KQ16" s="404">
        <v>0</v>
      </c>
      <c r="KR16" s="345">
        <v>834021</v>
      </c>
      <c r="KS16" s="345">
        <v>1095961</v>
      </c>
      <c r="KT16" s="345">
        <v>1345597</v>
      </c>
      <c r="KU16" s="345">
        <v>1139483</v>
      </c>
      <c r="KV16" s="345">
        <v>2341054</v>
      </c>
      <c r="KW16" s="349">
        <v>6756116</v>
      </c>
      <c r="KX16" s="347">
        <v>6756116</v>
      </c>
      <c r="KY16" s="348">
        <v>0</v>
      </c>
      <c r="KZ16" s="345">
        <v>0</v>
      </c>
      <c r="LA16" s="349">
        <v>0</v>
      </c>
      <c r="LB16" s="404">
        <v>0</v>
      </c>
      <c r="LC16" s="345">
        <v>137252</v>
      </c>
      <c r="LD16" s="345">
        <v>154797</v>
      </c>
      <c r="LE16" s="345">
        <v>1053862</v>
      </c>
      <c r="LF16" s="345">
        <v>263821</v>
      </c>
      <c r="LG16" s="345">
        <v>614644</v>
      </c>
      <c r="LH16" s="349">
        <v>2224376</v>
      </c>
      <c r="LI16" s="350">
        <v>2224376</v>
      </c>
      <c r="LJ16" s="348">
        <v>0</v>
      </c>
      <c r="LK16" s="345">
        <v>0</v>
      </c>
      <c r="LL16" s="349">
        <v>0</v>
      </c>
      <c r="LM16" s="404">
        <v>0</v>
      </c>
      <c r="LN16" s="345">
        <v>0</v>
      </c>
      <c r="LO16" s="345">
        <v>0</v>
      </c>
      <c r="LP16" s="345">
        <v>206406</v>
      </c>
      <c r="LQ16" s="345">
        <v>708352</v>
      </c>
      <c r="LR16" s="345">
        <v>0</v>
      </c>
      <c r="LS16" s="349">
        <v>914758</v>
      </c>
      <c r="LT16" s="347">
        <v>914758</v>
      </c>
      <c r="LU16" s="348">
        <v>0</v>
      </c>
      <c r="LV16" s="345">
        <v>0</v>
      </c>
      <c r="LW16" s="349">
        <v>0</v>
      </c>
      <c r="LX16" s="404">
        <v>0</v>
      </c>
      <c r="LY16" s="345">
        <v>408207</v>
      </c>
      <c r="LZ16" s="345">
        <v>0</v>
      </c>
      <c r="MA16" s="345">
        <v>0</v>
      </c>
      <c r="MB16" s="345">
        <v>916062</v>
      </c>
      <c r="MC16" s="345">
        <v>273593</v>
      </c>
      <c r="MD16" s="349">
        <v>1597862</v>
      </c>
      <c r="ME16" s="350">
        <v>1597862</v>
      </c>
      <c r="MF16" s="348">
        <v>0</v>
      </c>
      <c r="MG16" s="345">
        <v>0</v>
      </c>
      <c r="MH16" s="349">
        <v>0</v>
      </c>
      <c r="MI16" s="404">
        <v>0</v>
      </c>
      <c r="MJ16" s="345">
        <v>687612</v>
      </c>
      <c r="MK16" s="345">
        <v>474080</v>
      </c>
      <c r="ML16" s="345">
        <v>4342830</v>
      </c>
      <c r="MM16" s="345">
        <v>7590016</v>
      </c>
      <c r="MN16" s="345">
        <v>5892156</v>
      </c>
      <c r="MO16" s="349">
        <v>18986694</v>
      </c>
      <c r="MP16" s="354">
        <v>18986694</v>
      </c>
      <c r="MQ16" s="348">
        <v>0</v>
      </c>
      <c r="MR16" s="345">
        <v>0</v>
      </c>
      <c r="MS16" s="349">
        <v>0</v>
      </c>
      <c r="MT16" s="404">
        <v>0</v>
      </c>
      <c r="MU16" s="345">
        <v>0</v>
      </c>
      <c r="MV16" s="345">
        <v>0</v>
      </c>
      <c r="MW16" s="345">
        <v>2317801</v>
      </c>
      <c r="MX16" s="345">
        <v>4420562</v>
      </c>
      <c r="MY16" s="345">
        <v>4657112</v>
      </c>
      <c r="MZ16" s="349">
        <v>11395475</v>
      </c>
      <c r="NA16" s="354">
        <v>11395475</v>
      </c>
      <c r="NB16" s="348">
        <v>0</v>
      </c>
      <c r="NC16" s="345">
        <v>0</v>
      </c>
      <c r="ND16" s="349">
        <v>0</v>
      </c>
      <c r="NE16" s="404">
        <v>0</v>
      </c>
      <c r="NF16" s="345">
        <v>687612</v>
      </c>
      <c r="NG16" s="345">
        <v>474080</v>
      </c>
      <c r="NH16" s="345">
        <v>1747189</v>
      </c>
      <c r="NI16" s="345">
        <v>3169454</v>
      </c>
      <c r="NJ16" s="345">
        <v>600322</v>
      </c>
      <c r="NK16" s="349">
        <v>6678657</v>
      </c>
      <c r="NL16" s="347">
        <v>6678657</v>
      </c>
      <c r="NM16" s="348">
        <v>0</v>
      </c>
      <c r="NN16" s="345">
        <v>0</v>
      </c>
      <c r="NO16" s="349">
        <v>0</v>
      </c>
      <c r="NP16" s="404">
        <v>0</v>
      </c>
      <c r="NQ16" s="345">
        <v>0</v>
      </c>
      <c r="NR16" s="345">
        <v>0</v>
      </c>
      <c r="NS16" s="345">
        <v>0</v>
      </c>
      <c r="NT16" s="345">
        <v>0</v>
      </c>
      <c r="NU16" s="345">
        <v>0</v>
      </c>
      <c r="NV16" s="349">
        <v>0</v>
      </c>
      <c r="NW16" s="350">
        <v>0</v>
      </c>
      <c r="NX16" s="348">
        <v>0</v>
      </c>
      <c r="NY16" s="345">
        <v>0</v>
      </c>
      <c r="NZ16" s="349">
        <v>0</v>
      </c>
      <c r="OA16" s="404">
        <v>0</v>
      </c>
      <c r="OB16" s="345">
        <v>0</v>
      </c>
      <c r="OC16" s="345">
        <v>0</v>
      </c>
      <c r="OD16" s="345">
        <v>277840</v>
      </c>
      <c r="OE16" s="345">
        <v>0</v>
      </c>
      <c r="OF16" s="345">
        <v>634722</v>
      </c>
      <c r="OG16" s="349">
        <v>912562</v>
      </c>
      <c r="OH16" s="350">
        <v>912562</v>
      </c>
      <c r="OI16" s="348">
        <v>1956167</v>
      </c>
      <c r="OJ16" s="345">
        <v>2694184</v>
      </c>
      <c r="OK16" s="346">
        <v>4650351</v>
      </c>
      <c r="OL16" s="351">
        <v>0</v>
      </c>
      <c r="OM16" s="345">
        <v>22518243</v>
      </c>
      <c r="ON16" s="345">
        <v>18961241</v>
      </c>
      <c r="OO16" s="345">
        <v>25202697</v>
      </c>
      <c r="OP16" s="345">
        <v>25846747</v>
      </c>
      <c r="OQ16" s="345">
        <v>20897883</v>
      </c>
      <c r="OR16" s="349">
        <v>113426811</v>
      </c>
      <c r="OS16" s="354">
        <v>118077162</v>
      </c>
    </row>
    <row r="17" spans="2:409" s="70" customFormat="1" ht="21" customHeight="1" x14ac:dyDescent="0.2">
      <c r="B17" s="106" t="s">
        <v>11</v>
      </c>
      <c r="C17" s="326">
        <v>480218</v>
      </c>
      <c r="D17" s="327">
        <v>600081</v>
      </c>
      <c r="E17" s="365">
        <v>1080299</v>
      </c>
      <c r="F17" s="332">
        <v>0</v>
      </c>
      <c r="G17" s="327">
        <v>6432608</v>
      </c>
      <c r="H17" s="327">
        <v>5528051</v>
      </c>
      <c r="I17" s="327">
        <v>4300270</v>
      </c>
      <c r="J17" s="327">
        <v>6472267</v>
      </c>
      <c r="K17" s="327">
        <v>4699347</v>
      </c>
      <c r="L17" s="329">
        <v>27432543</v>
      </c>
      <c r="M17" s="330">
        <v>28512842</v>
      </c>
      <c r="N17" s="326">
        <v>33742</v>
      </c>
      <c r="O17" s="327">
        <v>87704</v>
      </c>
      <c r="P17" s="328">
        <v>121446</v>
      </c>
      <c r="Q17" s="326">
        <v>0</v>
      </c>
      <c r="R17" s="327">
        <v>1478711</v>
      </c>
      <c r="S17" s="327">
        <v>1722426</v>
      </c>
      <c r="T17" s="327">
        <v>1643353</v>
      </c>
      <c r="U17" s="327">
        <v>1622042</v>
      </c>
      <c r="V17" s="327">
        <v>1525245</v>
      </c>
      <c r="W17" s="328">
        <v>7991777</v>
      </c>
      <c r="X17" s="330">
        <v>8113223</v>
      </c>
      <c r="Y17" s="326">
        <v>0</v>
      </c>
      <c r="Z17" s="327">
        <v>0</v>
      </c>
      <c r="AA17" s="328">
        <v>0</v>
      </c>
      <c r="AB17" s="326">
        <v>0</v>
      </c>
      <c r="AC17" s="327">
        <v>486481</v>
      </c>
      <c r="AD17" s="327">
        <v>472127</v>
      </c>
      <c r="AE17" s="327">
        <v>1001104</v>
      </c>
      <c r="AF17" s="327">
        <v>701221</v>
      </c>
      <c r="AG17" s="327">
        <v>839249</v>
      </c>
      <c r="AH17" s="328">
        <v>3500182</v>
      </c>
      <c r="AI17" s="330">
        <v>3500182</v>
      </c>
      <c r="AJ17" s="326">
        <v>0</v>
      </c>
      <c r="AK17" s="327">
        <v>0</v>
      </c>
      <c r="AL17" s="328">
        <v>0</v>
      </c>
      <c r="AM17" s="326">
        <v>0</v>
      </c>
      <c r="AN17" s="327">
        <v>0</v>
      </c>
      <c r="AO17" s="327">
        <v>92321</v>
      </c>
      <c r="AP17" s="327">
        <v>51867</v>
      </c>
      <c r="AQ17" s="327">
        <v>193173</v>
      </c>
      <c r="AR17" s="327">
        <v>91461</v>
      </c>
      <c r="AS17" s="328">
        <v>428822</v>
      </c>
      <c r="AT17" s="330">
        <v>428822</v>
      </c>
      <c r="AU17" s="326">
        <v>88416</v>
      </c>
      <c r="AV17" s="327">
        <v>46719</v>
      </c>
      <c r="AW17" s="328">
        <v>135135</v>
      </c>
      <c r="AX17" s="326">
        <v>0</v>
      </c>
      <c r="AY17" s="327">
        <v>713150</v>
      </c>
      <c r="AZ17" s="327">
        <v>727131</v>
      </c>
      <c r="BA17" s="327">
        <v>224783</v>
      </c>
      <c r="BB17" s="327">
        <v>468353</v>
      </c>
      <c r="BC17" s="327">
        <v>326191</v>
      </c>
      <c r="BD17" s="328">
        <v>2459608</v>
      </c>
      <c r="BE17" s="330">
        <v>2594743</v>
      </c>
      <c r="BF17" s="326">
        <v>0</v>
      </c>
      <c r="BG17" s="327">
        <v>0</v>
      </c>
      <c r="BH17" s="331">
        <v>0</v>
      </c>
      <c r="BI17" s="332">
        <v>0</v>
      </c>
      <c r="BJ17" s="327">
        <v>22117</v>
      </c>
      <c r="BK17" s="327">
        <v>131275</v>
      </c>
      <c r="BL17" s="327">
        <v>124848</v>
      </c>
      <c r="BM17" s="327">
        <v>27308</v>
      </c>
      <c r="BN17" s="327">
        <v>51897</v>
      </c>
      <c r="BO17" s="328">
        <v>357445</v>
      </c>
      <c r="BP17" s="330">
        <v>357445</v>
      </c>
      <c r="BQ17" s="326">
        <v>-54674</v>
      </c>
      <c r="BR17" s="327">
        <v>40985</v>
      </c>
      <c r="BS17" s="328">
        <v>-13689</v>
      </c>
      <c r="BT17" s="326">
        <v>0</v>
      </c>
      <c r="BU17" s="327">
        <v>256963</v>
      </c>
      <c r="BV17" s="327">
        <v>299572</v>
      </c>
      <c r="BW17" s="327">
        <v>240751</v>
      </c>
      <c r="BX17" s="327">
        <v>231987</v>
      </c>
      <c r="BY17" s="327">
        <v>216447</v>
      </c>
      <c r="BZ17" s="328">
        <v>1245720</v>
      </c>
      <c r="CA17" s="330">
        <v>1232031</v>
      </c>
      <c r="CB17" s="326">
        <v>34258</v>
      </c>
      <c r="CC17" s="327">
        <v>165671</v>
      </c>
      <c r="CD17" s="328">
        <v>199929</v>
      </c>
      <c r="CE17" s="326">
        <v>0</v>
      </c>
      <c r="CF17" s="327">
        <v>1206084</v>
      </c>
      <c r="CG17" s="327">
        <v>1146167</v>
      </c>
      <c r="CH17" s="327">
        <v>1059475</v>
      </c>
      <c r="CI17" s="327">
        <v>925034</v>
      </c>
      <c r="CJ17" s="327">
        <v>310839</v>
      </c>
      <c r="CK17" s="328">
        <v>4647599</v>
      </c>
      <c r="CL17" s="330">
        <v>4847528</v>
      </c>
      <c r="CM17" s="326">
        <v>0</v>
      </c>
      <c r="CN17" s="327">
        <v>0</v>
      </c>
      <c r="CO17" s="328">
        <v>0</v>
      </c>
      <c r="CP17" s="332">
        <v>0</v>
      </c>
      <c r="CQ17" s="327">
        <v>846133</v>
      </c>
      <c r="CR17" s="327">
        <v>749903</v>
      </c>
      <c r="CS17" s="327">
        <v>737419</v>
      </c>
      <c r="CT17" s="327">
        <v>655381</v>
      </c>
      <c r="CU17" s="327">
        <v>260075</v>
      </c>
      <c r="CV17" s="328">
        <v>3248911</v>
      </c>
      <c r="CW17" s="330">
        <v>3248911</v>
      </c>
      <c r="CX17" s="326">
        <v>34258</v>
      </c>
      <c r="CY17" s="327">
        <v>165671</v>
      </c>
      <c r="CZ17" s="328">
        <v>199929</v>
      </c>
      <c r="DA17" s="326">
        <v>0</v>
      </c>
      <c r="DB17" s="327">
        <v>359951</v>
      </c>
      <c r="DC17" s="327">
        <v>396264</v>
      </c>
      <c r="DD17" s="327">
        <v>322056</v>
      </c>
      <c r="DE17" s="327">
        <v>269653</v>
      </c>
      <c r="DF17" s="327">
        <v>50764</v>
      </c>
      <c r="DG17" s="328">
        <v>1398688</v>
      </c>
      <c r="DH17" s="330">
        <v>1598617</v>
      </c>
      <c r="DI17" s="326">
        <v>0</v>
      </c>
      <c r="DJ17" s="327">
        <v>0</v>
      </c>
      <c r="DK17" s="331">
        <v>0</v>
      </c>
      <c r="DL17" s="332">
        <v>0</v>
      </c>
      <c r="DM17" s="327">
        <v>38726</v>
      </c>
      <c r="DN17" s="327">
        <v>66811</v>
      </c>
      <c r="DO17" s="327">
        <v>55877</v>
      </c>
      <c r="DP17" s="327">
        <v>0</v>
      </c>
      <c r="DQ17" s="327">
        <v>556197</v>
      </c>
      <c r="DR17" s="328">
        <v>717611</v>
      </c>
      <c r="DS17" s="330">
        <v>717611</v>
      </c>
      <c r="DT17" s="326">
        <v>0</v>
      </c>
      <c r="DU17" s="327">
        <v>0</v>
      </c>
      <c r="DV17" s="328">
        <v>0</v>
      </c>
      <c r="DW17" s="326">
        <v>0</v>
      </c>
      <c r="DX17" s="327">
        <v>38726</v>
      </c>
      <c r="DY17" s="327">
        <v>66811</v>
      </c>
      <c r="DZ17" s="327">
        <v>16940</v>
      </c>
      <c r="EA17" s="327">
        <v>0</v>
      </c>
      <c r="EB17" s="327">
        <v>351788</v>
      </c>
      <c r="EC17" s="328">
        <v>474265</v>
      </c>
      <c r="ED17" s="330">
        <v>474265</v>
      </c>
      <c r="EE17" s="326">
        <v>0</v>
      </c>
      <c r="EF17" s="331">
        <v>0</v>
      </c>
      <c r="EG17" s="328">
        <v>0</v>
      </c>
      <c r="EH17" s="326">
        <v>0</v>
      </c>
      <c r="EI17" s="327">
        <v>0</v>
      </c>
      <c r="EJ17" s="327">
        <v>0</v>
      </c>
      <c r="EK17" s="327">
        <v>38937</v>
      </c>
      <c r="EL17" s="327">
        <v>0</v>
      </c>
      <c r="EM17" s="327">
        <v>204409</v>
      </c>
      <c r="EN17" s="331">
        <v>243346</v>
      </c>
      <c r="EO17" s="330">
        <v>243346</v>
      </c>
      <c r="EP17" s="326">
        <v>0</v>
      </c>
      <c r="EQ17" s="327">
        <v>0</v>
      </c>
      <c r="ER17" s="331">
        <v>0</v>
      </c>
      <c r="ES17" s="332">
        <v>0</v>
      </c>
      <c r="ET17" s="327">
        <v>0</v>
      </c>
      <c r="EU17" s="327">
        <v>0</v>
      </c>
      <c r="EV17" s="327">
        <v>0</v>
      </c>
      <c r="EW17" s="327">
        <v>0</v>
      </c>
      <c r="EX17" s="327">
        <v>0</v>
      </c>
      <c r="EY17" s="328">
        <v>0</v>
      </c>
      <c r="EZ17" s="330">
        <v>0</v>
      </c>
      <c r="FA17" s="326">
        <v>0</v>
      </c>
      <c r="FB17" s="327">
        <v>0</v>
      </c>
      <c r="FC17" s="331">
        <v>0</v>
      </c>
      <c r="FD17" s="404">
        <v>0</v>
      </c>
      <c r="FE17" s="327">
        <v>0</v>
      </c>
      <c r="FF17" s="327">
        <v>0</v>
      </c>
      <c r="FG17" s="327">
        <v>0</v>
      </c>
      <c r="FH17" s="327">
        <v>0</v>
      </c>
      <c r="FI17" s="327">
        <v>0</v>
      </c>
      <c r="FJ17" s="328">
        <v>0</v>
      </c>
      <c r="FK17" s="330">
        <v>0</v>
      </c>
      <c r="FL17" s="326">
        <v>116550</v>
      </c>
      <c r="FM17" s="327">
        <v>99526</v>
      </c>
      <c r="FN17" s="328">
        <v>216076</v>
      </c>
      <c r="FO17" s="326">
        <v>0</v>
      </c>
      <c r="FP17" s="327">
        <v>314279</v>
      </c>
      <c r="FQ17" s="327">
        <v>560560</v>
      </c>
      <c r="FR17" s="327">
        <v>432418</v>
      </c>
      <c r="FS17" s="327">
        <v>787682</v>
      </c>
      <c r="FT17" s="327">
        <v>263396</v>
      </c>
      <c r="FU17" s="328">
        <v>2358335</v>
      </c>
      <c r="FV17" s="330">
        <v>2574411</v>
      </c>
      <c r="FW17" s="333">
        <v>116550</v>
      </c>
      <c r="FX17" s="327">
        <v>83510</v>
      </c>
      <c r="FY17" s="331">
        <v>200060</v>
      </c>
      <c r="FZ17" s="332">
        <v>0</v>
      </c>
      <c r="GA17" s="327">
        <v>314279</v>
      </c>
      <c r="GB17" s="327">
        <v>540232</v>
      </c>
      <c r="GC17" s="327">
        <v>338100</v>
      </c>
      <c r="GD17" s="327">
        <v>787682</v>
      </c>
      <c r="GE17" s="327">
        <v>263396</v>
      </c>
      <c r="GF17" s="328">
        <v>2243689</v>
      </c>
      <c r="GG17" s="334">
        <v>2443749</v>
      </c>
      <c r="GH17" s="333">
        <v>0</v>
      </c>
      <c r="GI17" s="327">
        <v>16016</v>
      </c>
      <c r="GJ17" s="331">
        <v>16016</v>
      </c>
      <c r="GK17" s="332">
        <v>0</v>
      </c>
      <c r="GL17" s="327">
        <v>0</v>
      </c>
      <c r="GM17" s="327">
        <v>20328</v>
      </c>
      <c r="GN17" s="327">
        <v>18018</v>
      </c>
      <c r="GO17" s="327">
        <v>0</v>
      </c>
      <c r="GP17" s="327">
        <v>0</v>
      </c>
      <c r="GQ17" s="328">
        <v>38346</v>
      </c>
      <c r="GR17" s="330">
        <v>54362</v>
      </c>
      <c r="GS17" s="326">
        <v>0</v>
      </c>
      <c r="GT17" s="327">
        <v>0</v>
      </c>
      <c r="GU17" s="328">
        <v>0</v>
      </c>
      <c r="GV17" s="326">
        <v>0</v>
      </c>
      <c r="GW17" s="327">
        <v>0</v>
      </c>
      <c r="GX17" s="327">
        <v>0</v>
      </c>
      <c r="GY17" s="327">
        <v>76300</v>
      </c>
      <c r="GZ17" s="327">
        <v>0</v>
      </c>
      <c r="HA17" s="327">
        <v>0</v>
      </c>
      <c r="HB17" s="331">
        <v>76300</v>
      </c>
      <c r="HC17" s="330">
        <v>76300</v>
      </c>
      <c r="HD17" s="326">
        <v>295668</v>
      </c>
      <c r="HE17" s="327">
        <v>247180</v>
      </c>
      <c r="HF17" s="331">
        <v>542848</v>
      </c>
      <c r="HG17" s="332">
        <v>0</v>
      </c>
      <c r="HH17" s="327">
        <v>3394808</v>
      </c>
      <c r="HI17" s="327">
        <v>2032087</v>
      </c>
      <c r="HJ17" s="327">
        <v>1109147</v>
      </c>
      <c r="HK17" s="327">
        <v>3137509</v>
      </c>
      <c r="HL17" s="327">
        <v>2043670</v>
      </c>
      <c r="HM17" s="328">
        <v>11717221</v>
      </c>
      <c r="HN17" s="329">
        <v>12260069</v>
      </c>
      <c r="HO17" s="333">
        <v>0</v>
      </c>
      <c r="HP17" s="327">
        <v>0</v>
      </c>
      <c r="HQ17" s="328">
        <v>0</v>
      </c>
      <c r="HR17" s="326">
        <v>0</v>
      </c>
      <c r="HS17" s="327">
        <v>0</v>
      </c>
      <c r="HT17" s="327">
        <v>0</v>
      </c>
      <c r="HU17" s="327">
        <v>0</v>
      </c>
      <c r="HV17" s="327">
        <v>0</v>
      </c>
      <c r="HW17" s="327">
        <v>0</v>
      </c>
      <c r="HX17" s="331">
        <v>0</v>
      </c>
      <c r="HY17" s="330">
        <v>0</v>
      </c>
      <c r="HZ17" s="335">
        <v>0</v>
      </c>
      <c r="IA17" s="336">
        <v>135002</v>
      </c>
      <c r="IB17" s="337">
        <v>135002</v>
      </c>
      <c r="IC17" s="338">
        <v>0</v>
      </c>
      <c r="ID17" s="336">
        <v>1431262</v>
      </c>
      <c r="IE17" s="339">
        <v>2376696</v>
      </c>
      <c r="IF17" s="337">
        <v>1680583</v>
      </c>
      <c r="IG17" s="336">
        <v>1207206</v>
      </c>
      <c r="IH17" s="337">
        <v>314696</v>
      </c>
      <c r="II17" s="340">
        <v>7010443</v>
      </c>
      <c r="IJ17" s="341">
        <v>7145445</v>
      </c>
      <c r="IK17" s="342">
        <v>0</v>
      </c>
      <c r="IL17" s="343">
        <v>0</v>
      </c>
      <c r="IM17" s="344">
        <v>0</v>
      </c>
      <c r="IN17" s="404">
        <v>0</v>
      </c>
      <c r="IO17" s="345">
        <v>0</v>
      </c>
      <c r="IP17" s="345">
        <v>290879</v>
      </c>
      <c r="IQ17" s="345">
        <v>0</v>
      </c>
      <c r="IR17" s="345">
        <v>0</v>
      </c>
      <c r="IS17" s="345">
        <v>0</v>
      </c>
      <c r="IT17" s="346">
        <v>290879</v>
      </c>
      <c r="IU17" s="347">
        <v>290879</v>
      </c>
      <c r="IV17" s="348">
        <v>0</v>
      </c>
      <c r="IW17" s="345">
        <v>0</v>
      </c>
      <c r="IX17" s="349">
        <v>0</v>
      </c>
      <c r="IY17" s="404">
        <v>0</v>
      </c>
      <c r="IZ17" s="345">
        <v>0</v>
      </c>
      <c r="JA17" s="345">
        <v>0</v>
      </c>
      <c r="JB17" s="345">
        <v>0</v>
      </c>
      <c r="JC17" s="345">
        <v>14657</v>
      </c>
      <c r="JD17" s="345">
        <v>0</v>
      </c>
      <c r="JE17" s="349">
        <v>14657</v>
      </c>
      <c r="JF17" s="350">
        <v>14657</v>
      </c>
      <c r="JG17" s="348">
        <v>0</v>
      </c>
      <c r="JH17" s="345">
        <v>0</v>
      </c>
      <c r="JI17" s="346">
        <v>0</v>
      </c>
      <c r="JJ17" s="351">
        <v>0</v>
      </c>
      <c r="JK17" s="345">
        <v>1226826</v>
      </c>
      <c r="JL17" s="345">
        <v>622085</v>
      </c>
      <c r="JM17" s="345">
        <v>148397</v>
      </c>
      <c r="JN17" s="345">
        <v>487963</v>
      </c>
      <c r="JO17" s="345">
        <v>120513</v>
      </c>
      <c r="JP17" s="349">
        <v>2605784</v>
      </c>
      <c r="JQ17" s="347">
        <v>2605784</v>
      </c>
      <c r="JR17" s="348">
        <v>0</v>
      </c>
      <c r="JS17" s="345">
        <v>0</v>
      </c>
      <c r="JT17" s="346">
        <v>0</v>
      </c>
      <c r="JU17" s="351">
        <v>0</v>
      </c>
      <c r="JV17" s="345">
        <v>204436</v>
      </c>
      <c r="JW17" s="345">
        <v>43416</v>
      </c>
      <c r="JX17" s="345">
        <v>0</v>
      </c>
      <c r="JY17" s="345">
        <v>0</v>
      </c>
      <c r="JZ17" s="345">
        <v>0</v>
      </c>
      <c r="KA17" s="349">
        <v>247852</v>
      </c>
      <c r="KB17" s="347">
        <v>247852</v>
      </c>
      <c r="KC17" s="352">
        <v>0</v>
      </c>
      <c r="KD17" s="353">
        <v>135002</v>
      </c>
      <c r="KE17" s="349">
        <v>135002</v>
      </c>
      <c r="KF17" s="351">
        <v>0</v>
      </c>
      <c r="KG17" s="345">
        <v>0</v>
      </c>
      <c r="KH17" s="345">
        <v>591793</v>
      </c>
      <c r="KI17" s="345">
        <v>380311</v>
      </c>
      <c r="KJ17" s="345">
        <v>473901</v>
      </c>
      <c r="KK17" s="345">
        <v>0</v>
      </c>
      <c r="KL17" s="349">
        <v>1446005</v>
      </c>
      <c r="KM17" s="354">
        <v>1581007</v>
      </c>
      <c r="KN17" s="342">
        <v>0</v>
      </c>
      <c r="KO17" s="343">
        <v>0</v>
      </c>
      <c r="KP17" s="344">
        <v>0</v>
      </c>
      <c r="KQ17" s="404">
        <v>0</v>
      </c>
      <c r="KR17" s="345">
        <v>0</v>
      </c>
      <c r="KS17" s="345">
        <v>664798</v>
      </c>
      <c r="KT17" s="345">
        <v>1151875</v>
      </c>
      <c r="KU17" s="345">
        <v>230685</v>
      </c>
      <c r="KV17" s="345">
        <v>194183</v>
      </c>
      <c r="KW17" s="349">
        <v>2241541</v>
      </c>
      <c r="KX17" s="347">
        <v>2241541</v>
      </c>
      <c r="KY17" s="348">
        <v>0</v>
      </c>
      <c r="KZ17" s="345">
        <v>0</v>
      </c>
      <c r="LA17" s="349">
        <v>0</v>
      </c>
      <c r="LB17" s="404">
        <v>0</v>
      </c>
      <c r="LC17" s="345">
        <v>0</v>
      </c>
      <c r="LD17" s="345">
        <v>0</v>
      </c>
      <c r="LE17" s="345">
        <v>0</v>
      </c>
      <c r="LF17" s="345">
        <v>0</v>
      </c>
      <c r="LG17" s="345">
        <v>0</v>
      </c>
      <c r="LH17" s="349">
        <v>0</v>
      </c>
      <c r="LI17" s="350">
        <v>0</v>
      </c>
      <c r="LJ17" s="348">
        <v>0</v>
      </c>
      <c r="LK17" s="345">
        <v>0</v>
      </c>
      <c r="LL17" s="349">
        <v>0</v>
      </c>
      <c r="LM17" s="404">
        <v>0</v>
      </c>
      <c r="LN17" s="345">
        <v>0</v>
      </c>
      <c r="LO17" s="345">
        <v>0</v>
      </c>
      <c r="LP17" s="345">
        <v>0</v>
      </c>
      <c r="LQ17" s="345">
        <v>0</v>
      </c>
      <c r="LR17" s="345">
        <v>0</v>
      </c>
      <c r="LS17" s="349">
        <v>0</v>
      </c>
      <c r="LT17" s="347">
        <v>0</v>
      </c>
      <c r="LU17" s="348">
        <v>0</v>
      </c>
      <c r="LV17" s="345">
        <v>0</v>
      </c>
      <c r="LW17" s="349">
        <v>0</v>
      </c>
      <c r="LX17" s="404">
        <v>0</v>
      </c>
      <c r="LY17" s="345">
        <v>0</v>
      </c>
      <c r="LZ17" s="345">
        <v>163725</v>
      </c>
      <c r="MA17" s="345">
        <v>0</v>
      </c>
      <c r="MB17" s="345">
        <v>0</v>
      </c>
      <c r="MC17" s="345">
        <v>0</v>
      </c>
      <c r="MD17" s="349">
        <v>163725</v>
      </c>
      <c r="ME17" s="350">
        <v>163725</v>
      </c>
      <c r="MF17" s="348">
        <v>0</v>
      </c>
      <c r="MG17" s="345">
        <v>0</v>
      </c>
      <c r="MH17" s="349">
        <v>0</v>
      </c>
      <c r="MI17" s="404">
        <v>0</v>
      </c>
      <c r="MJ17" s="345">
        <v>0</v>
      </c>
      <c r="MK17" s="345">
        <v>389130</v>
      </c>
      <c r="ML17" s="345">
        <v>2945225</v>
      </c>
      <c r="MM17" s="345">
        <v>3225764</v>
      </c>
      <c r="MN17" s="345">
        <v>2356864</v>
      </c>
      <c r="MO17" s="349">
        <v>8916983</v>
      </c>
      <c r="MP17" s="354">
        <v>8916983</v>
      </c>
      <c r="MQ17" s="348">
        <v>0</v>
      </c>
      <c r="MR17" s="345">
        <v>0</v>
      </c>
      <c r="MS17" s="349">
        <v>0</v>
      </c>
      <c r="MT17" s="404">
        <v>0</v>
      </c>
      <c r="MU17" s="345">
        <v>0</v>
      </c>
      <c r="MV17" s="345">
        <v>0</v>
      </c>
      <c r="MW17" s="345">
        <v>1762997</v>
      </c>
      <c r="MX17" s="345">
        <v>1931270</v>
      </c>
      <c r="MY17" s="345">
        <v>1546612</v>
      </c>
      <c r="MZ17" s="349">
        <v>5240879</v>
      </c>
      <c r="NA17" s="354">
        <v>5240879</v>
      </c>
      <c r="NB17" s="348">
        <v>0</v>
      </c>
      <c r="NC17" s="345">
        <v>0</v>
      </c>
      <c r="ND17" s="349">
        <v>0</v>
      </c>
      <c r="NE17" s="404">
        <v>0</v>
      </c>
      <c r="NF17" s="345">
        <v>0</v>
      </c>
      <c r="NG17" s="345">
        <v>389130</v>
      </c>
      <c r="NH17" s="345">
        <v>1182228</v>
      </c>
      <c r="NI17" s="345">
        <v>1294494</v>
      </c>
      <c r="NJ17" s="345">
        <v>537655</v>
      </c>
      <c r="NK17" s="349">
        <v>3403507</v>
      </c>
      <c r="NL17" s="347">
        <v>3403507</v>
      </c>
      <c r="NM17" s="348">
        <v>0</v>
      </c>
      <c r="NN17" s="345">
        <v>0</v>
      </c>
      <c r="NO17" s="349">
        <v>0</v>
      </c>
      <c r="NP17" s="404">
        <v>0</v>
      </c>
      <c r="NQ17" s="345">
        <v>0</v>
      </c>
      <c r="NR17" s="345">
        <v>0</v>
      </c>
      <c r="NS17" s="345">
        <v>0</v>
      </c>
      <c r="NT17" s="345">
        <v>0</v>
      </c>
      <c r="NU17" s="345">
        <v>0</v>
      </c>
      <c r="NV17" s="349">
        <v>0</v>
      </c>
      <c r="NW17" s="350">
        <v>0</v>
      </c>
      <c r="NX17" s="348">
        <v>0</v>
      </c>
      <c r="NY17" s="345">
        <v>0</v>
      </c>
      <c r="NZ17" s="349">
        <v>0</v>
      </c>
      <c r="OA17" s="404">
        <v>0</v>
      </c>
      <c r="OB17" s="345">
        <v>0</v>
      </c>
      <c r="OC17" s="345">
        <v>0</v>
      </c>
      <c r="OD17" s="345">
        <v>0</v>
      </c>
      <c r="OE17" s="345">
        <v>0</v>
      </c>
      <c r="OF17" s="345">
        <v>272597</v>
      </c>
      <c r="OG17" s="349">
        <v>272597</v>
      </c>
      <c r="OH17" s="350">
        <v>272597</v>
      </c>
      <c r="OI17" s="348">
        <v>480218</v>
      </c>
      <c r="OJ17" s="345">
        <v>735083</v>
      </c>
      <c r="OK17" s="346">
        <v>1215301</v>
      </c>
      <c r="OL17" s="351">
        <v>0</v>
      </c>
      <c r="OM17" s="345">
        <v>7863870</v>
      </c>
      <c r="ON17" s="345">
        <v>8293877</v>
      </c>
      <c r="OO17" s="345">
        <v>8926078</v>
      </c>
      <c r="OP17" s="345">
        <v>10905237</v>
      </c>
      <c r="OQ17" s="345">
        <v>7370907</v>
      </c>
      <c r="OR17" s="349">
        <v>43359969</v>
      </c>
      <c r="OS17" s="354">
        <v>44575270</v>
      </c>
    </row>
    <row r="18" spans="2:409" s="70" customFormat="1" ht="21" customHeight="1" x14ac:dyDescent="0.2">
      <c r="B18" s="106" t="s">
        <v>12</v>
      </c>
      <c r="C18" s="326">
        <v>840128</v>
      </c>
      <c r="D18" s="327">
        <v>1936394</v>
      </c>
      <c r="E18" s="328">
        <v>2776522</v>
      </c>
      <c r="F18" s="329">
        <v>0</v>
      </c>
      <c r="G18" s="327">
        <v>6710765</v>
      </c>
      <c r="H18" s="366">
        <v>9052757</v>
      </c>
      <c r="I18" s="366">
        <v>7910372</v>
      </c>
      <c r="J18" s="366">
        <v>7026458</v>
      </c>
      <c r="K18" s="366">
        <v>4762131</v>
      </c>
      <c r="L18" s="331">
        <v>35462483</v>
      </c>
      <c r="M18" s="330">
        <v>38239005</v>
      </c>
      <c r="N18" s="326">
        <v>231642</v>
      </c>
      <c r="O18" s="327">
        <v>584873</v>
      </c>
      <c r="P18" s="328">
        <v>816515</v>
      </c>
      <c r="Q18" s="326">
        <v>0</v>
      </c>
      <c r="R18" s="327">
        <v>1950825</v>
      </c>
      <c r="S18" s="327">
        <v>3243391</v>
      </c>
      <c r="T18" s="327">
        <v>2536699</v>
      </c>
      <c r="U18" s="327">
        <v>2743134</v>
      </c>
      <c r="V18" s="327">
        <v>1905879</v>
      </c>
      <c r="W18" s="328">
        <v>12379928</v>
      </c>
      <c r="X18" s="330">
        <v>13196443</v>
      </c>
      <c r="Y18" s="326">
        <v>0</v>
      </c>
      <c r="Z18" s="327">
        <v>0</v>
      </c>
      <c r="AA18" s="328">
        <v>0</v>
      </c>
      <c r="AB18" s="326">
        <v>0</v>
      </c>
      <c r="AC18" s="327">
        <v>1053593</v>
      </c>
      <c r="AD18" s="327">
        <v>1683372</v>
      </c>
      <c r="AE18" s="327">
        <v>1765262</v>
      </c>
      <c r="AF18" s="327">
        <v>1454511</v>
      </c>
      <c r="AG18" s="327">
        <v>909867</v>
      </c>
      <c r="AH18" s="328">
        <v>6866605</v>
      </c>
      <c r="AI18" s="330">
        <v>6866605</v>
      </c>
      <c r="AJ18" s="326">
        <v>0</v>
      </c>
      <c r="AK18" s="327">
        <v>0</v>
      </c>
      <c r="AL18" s="328">
        <v>0</v>
      </c>
      <c r="AM18" s="326">
        <v>0</v>
      </c>
      <c r="AN18" s="327">
        <v>0</v>
      </c>
      <c r="AO18" s="327">
        <v>41494</v>
      </c>
      <c r="AP18" s="327">
        <v>54879</v>
      </c>
      <c r="AQ18" s="327">
        <v>134856</v>
      </c>
      <c r="AR18" s="327">
        <v>169054</v>
      </c>
      <c r="AS18" s="328">
        <v>400283</v>
      </c>
      <c r="AT18" s="330">
        <v>400283</v>
      </c>
      <c r="AU18" s="326">
        <v>159321</v>
      </c>
      <c r="AV18" s="327">
        <v>505658</v>
      </c>
      <c r="AW18" s="328">
        <v>664979</v>
      </c>
      <c r="AX18" s="326">
        <v>0</v>
      </c>
      <c r="AY18" s="327">
        <v>562923</v>
      </c>
      <c r="AZ18" s="327">
        <v>1161452</v>
      </c>
      <c r="BA18" s="327">
        <v>364878</v>
      </c>
      <c r="BB18" s="327">
        <v>689081</v>
      </c>
      <c r="BC18" s="327">
        <v>540084</v>
      </c>
      <c r="BD18" s="328">
        <v>3318418</v>
      </c>
      <c r="BE18" s="330">
        <v>3983397</v>
      </c>
      <c r="BF18" s="326">
        <v>26940</v>
      </c>
      <c r="BG18" s="327">
        <v>16187</v>
      </c>
      <c r="BH18" s="331">
        <v>43127</v>
      </c>
      <c r="BI18" s="332">
        <v>0</v>
      </c>
      <c r="BJ18" s="327">
        <v>67245</v>
      </c>
      <c r="BK18" s="327">
        <v>21696</v>
      </c>
      <c r="BL18" s="327">
        <v>0</v>
      </c>
      <c r="BM18" s="327">
        <v>122897</v>
      </c>
      <c r="BN18" s="327">
        <v>68642</v>
      </c>
      <c r="BO18" s="328">
        <v>280480</v>
      </c>
      <c r="BP18" s="330">
        <v>323607</v>
      </c>
      <c r="BQ18" s="326">
        <v>45381</v>
      </c>
      <c r="BR18" s="327">
        <v>63028</v>
      </c>
      <c r="BS18" s="328">
        <v>108409</v>
      </c>
      <c r="BT18" s="326">
        <v>0</v>
      </c>
      <c r="BU18" s="327">
        <v>267064</v>
      </c>
      <c r="BV18" s="327">
        <v>335377</v>
      </c>
      <c r="BW18" s="327">
        <v>351680</v>
      </c>
      <c r="BX18" s="327">
        <v>341789</v>
      </c>
      <c r="BY18" s="327">
        <v>218232</v>
      </c>
      <c r="BZ18" s="328">
        <v>1514142</v>
      </c>
      <c r="CA18" s="330">
        <v>1622551</v>
      </c>
      <c r="CB18" s="326">
        <v>155041</v>
      </c>
      <c r="CC18" s="327">
        <v>380119</v>
      </c>
      <c r="CD18" s="328">
        <v>535160</v>
      </c>
      <c r="CE18" s="326">
        <v>0</v>
      </c>
      <c r="CF18" s="327">
        <v>2483517</v>
      </c>
      <c r="CG18" s="327">
        <v>2326013</v>
      </c>
      <c r="CH18" s="327">
        <v>1555838</v>
      </c>
      <c r="CI18" s="327">
        <v>863756</v>
      </c>
      <c r="CJ18" s="327">
        <v>453764</v>
      </c>
      <c r="CK18" s="328">
        <v>7682888</v>
      </c>
      <c r="CL18" s="330">
        <v>8218048</v>
      </c>
      <c r="CM18" s="326">
        <v>0</v>
      </c>
      <c r="CN18" s="327">
        <v>0</v>
      </c>
      <c r="CO18" s="328">
        <v>0</v>
      </c>
      <c r="CP18" s="332">
        <v>0</v>
      </c>
      <c r="CQ18" s="327">
        <v>1983268</v>
      </c>
      <c r="CR18" s="327">
        <v>1835473</v>
      </c>
      <c r="CS18" s="327">
        <v>1032059</v>
      </c>
      <c r="CT18" s="327">
        <v>701741</v>
      </c>
      <c r="CU18" s="327">
        <v>432430</v>
      </c>
      <c r="CV18" s="328">
        <v>5984971</v>
      </c>
      <c r="CW18" s="330">
        <v>5984971</v>
      </c>
      <c r="CX18" s="326">
        <v>155041</v>
      </c>
      <c r="CY18" s="327">
        <v>380119</v>
      </c>
      <c r="CZ18" s="328">
        <v>535160</v>
      </c>
      <c r="DA18" s="326">
        <v>0</v>
      </c>
      <c r="DB18" s="327">
        <v>500249</v>
      </c>
      <c r="DC18" s="327">
        <v>490540</v>
      </c>
      <c r="DD18" s="327">
        <v>523779</v>
      </c>
      <c r="DE18" s="327">
        <v>162015</v>
      </c>
      <c r="DF18" s="327">
        <v>21334</v>
      </c>
      <c r="DG18" s="328">
        <v>1697917</v>
      </c>
      <c r="DH18" s="330">
        <v>2233077</v>
      </c>
      <c r="DI18" s="326">
        <v>0</v>
      </c>
      <c r="DJ18" s="327">
        <v>0</v>
      </c>
      <c r="DK18" s="331">
        <v>0</v>
      </c>
      <c r="DL18" s="332">
        <v>0</v>
      </c>
      <c r="DM18" s="327">
        <v>393086</v>
      </c>
      <c r="DN18" s="327">
        <v>346273</v>
      </c>
      <c r="DO18" s="327">
        <v>777112</v>
      </c>
      <c r="DP18" s="327">
        <v>354894</v>
      </c>
      <c r="DQ18" s="327">
        <v>120659</v>
      </c>
      <c r="DR18" s="328">
        <v>1992024</v>
      </c>
      <c r="DS18" s="330">
        <v>1992024</v>
      </c>
      <c r="DT18" s="326">
        <v>0</v>
      </c>
      <c r="DU18" s="327">
        <v>0</v>
      </c>
      <c r="DV18" s="328">
        <v>0</v>
      </c>
      <c r="DW18" s="326">
        <v>0</v>
      </c>
      <c r="DX18" s="327">
        <v>311175</v>
      </c>
      <c r="DY18" s="327">
        <v>346273</v>
      </c>
      <c r="DZ18" s="327">
        <v>755665</v>
      </c>
      <c r="EA18" s="327">
        <v>312526</v>
      </c>
      <c r="EB18" s="327">
        <v>-6226</v>
      </c>
      <c r="EC18" s="328">
        <v>1719413</v>
      </c>
      <c r="ED18" s="330">
        <v>1719413</v>
      </c>
      <c r="EE18" s="326">
        <v>0</v>
      </c>
      <c r="EF18" s="331">
        <v>0</v>
      </c>
      <c r="EG18" s="328">
        <v>0</v>
      </c>
      <c r="EH18" s="326">
        <v>0</v>
      </c>
      <c r="EI18" s="327">
        <v>81911</v>
      </c>
      <c r="EJ18" s="327">
        <v>0</v>
      </c>
      <c r="EK18" s="327">
        <v>21447</v>
      </c>
      <c r="EL18" s="327">
        <v>42368</v>
      </c>
      <c r="EM18" s="327">
        <v>126885</v>
      </c>
      <c r="EN18" s="331">
        <v>272611</v>
      </c>
      <c r="EO18" s="330">
        <v>272611</v>
      </c>
      <c r="EP18" s="326">
        <v>0</v>
      </c>
      <c r="EQ18" s="327">
        <v>0</v>
      </c>
      <c r="ER18" s="331">
        <v>0</v>
      </c>
      <c r="ES18" s="332">
        <v>0</v>
      </c>
      <c r="ET18" s="327">
        <v>0</v>
      </c>
      <c r="EU18" s="327">
        <v>0</v>
      </c>
      <c r="EV18" s="327">
        <v>0</v>
      </c>
      <c r="EW18" s="327">
        <v>0</v>
      </c>
      <c r="EX18" s="327">
        <v>0</v>
      </c>
      <c r="EY18" s="328">
        <v>0</v>
      </c>
      <c r="EZ18" s="330">
        <v>0</v>
      </c>
      <c r="FA18" s="326">
        <v>0</v>
      </c>
      <c r="FB18" s="327">
        <v>0</v>
      </c>
      <c r="FC18" s="331">
        <v>0</v>
      </c>
      <c r="FD18" s="404">
        <v>0</v>
      </c>
      <c r="FE18" s="327">
        <v>0</v>
      </c>
      <c r="FF18" s="327">
        <v>0</v>
      </c>
      <c r="FG18" s="327">
        <v>0</v>
      </c>
      <c r="FH18" s="327">
        <v>0</v>
      </c>
      <c r="FI18" s="327">
        <v>0</v>
      </c>
      <c r="FJ18" s="328">
        <v>0</v>
      </c>
      <c r="FK18" s="330">
        <v>0</v>
      </c>
      <c r="FL18" s="326">
        <v>299905</v>
      </c>
      <c r="FM18" s="327">
        <v>565528</v>
      </c>
      <c r="FN18" s="328">
        <v>865433</v>
      </c>
      <c r="FO18" s="326">
        <v>0</v>
      </c>
      <c r="FP18" s="327">
        <v>367248</v>
      </c>
      <c r="FQ18" s="327">
        <v>892612</v>
      </c>
      <c r="FR18" s="327">
        <v>585851</v>
      </c>
      <c r="FS18" s="327">
        <v>577290</v>
      </c>
      <c r="FT18" s="327">
        <v>383747</v>
      </c>
      <c r="FU18" s="328">
        <v>2806748</v>
      </c>
      <c r="FV18" s="330">
        <v>3672181</v>
      </c>
      <c r="FW18" s="333">
        <v>156975</v>
      </c>
      <c r="FX18" s="327">
        <v>328538</v>
      </c>
      <c r="FY18" s="331">
        <v>485513</v>
      </c>
      <c r="FZ18" s="332">
        <v>0</v>
      </c>
      <c r="GA18" s="327">
        <v>274848</v>
      </c>
      <c r="GB18" s="327">
        <v>826658</v>
      </c>
      <c r="GC18" s="327">
        <v>585851</v>
      </c>
      <c r="GD18" s="327">
        <v>577290</v>
      </c>
      <c r="GE18" s="327">
        <v>383747</v>
      </c>
      <c r="GF18" s="328">
        <v>2648394</v>
      </c>
      <c r="GG18" s="334">
        <v>3133907</v>
      </c>
      <c r="GH18" s="333">
        <v>0</v>
      </c>
      <c r="GI18" s="327">
        <v>109590</v>
      </c>
      <c r="GJ18" s="331">
        <v>109590</v>
      </c>
      <c r="GK18" s="332">
        <v>0</v>
      </c>
      <c r="GL18" s="327">
        <v>0</v>
      </c>
      <c r="GM18" s="327">
        <v>32494</v>
      </c>
      <c r="GN18" s="327">
        <v>0</v>
      </c>
      <c r="GO18" s="327">
        <v>0</v>
      </c>
      <c r="GP18" s="327">
        <v>0</v>
      </c>
      <c r="GQ18" s="328">
        <v>32494</v>
      </c>
      <c r="GR18" s="330">
        <v>142084</v>
      </c>
      <c r="GS18" s="326">
        <v>142930</v>
      </c>
      <c r="GT18" s="327">
        <v>127400</v>
      </c>
      <c r="GU18" s="328">
        <v>270330</v>
      </c>
      <c r="GV18" s="326">
        <v>0</v>
      </c>
      <c r="GW18" s="327">
        <v>92400</v>
      </c>
      <c r="GX18" s="327">
        <v>33460</v>
      </c>
      <c r="GY18" s="327">
        <v>0</v>
      </c>
      <c r="GZ18" s="327">
        <v>0</v>
      </c>
      <c r="HA18" s="327">
        <v>0</v>
      </c>
      <c r="HB18" s="331">
        <v>125860</v>
      </c>
      <c r="HC18" s="330">
        <v>396190</v>
      </c>
      <c r="HD18" s="326">
        <v>153540</v>
      </c>
      <c r="HE18" s="327">
        <v>405874</v>
      </c>
      <c r="HF18" s="331">
        <v>559414</v>
      </c>
      <c r="HG18" s="332">
        <v>0</v>
      </c>
      <c r="HH18" s="327">
        <v>1516089</v>
      </c>
      <c r="HI18" s="327">
        <v>2244468</v>
      </c>
      <c r="HJ18" s="327">
        <v>2454872</v>
      </c>
      <c r="HK18" s="327">
        <v>2487384</v>
      </c>
      <c r="HL18" s="327">
        <v>1898082</v>
      </c>
      <c r="HM18" s="328">
        <v>10600895</v>
      </c>
      <c r="HN18" s="329">
        <v>11160309</v>
      </c>
      <c r="HO18" s="333">
        <v>0</v>
      </c>
      <c r="HP18" s="327">
        <v>0</v>
      </c>
      <c r="HQ18" s="328">
        <v>0</v>
      </c>
      <c r="HR18" s="326">
        <v>0</v>
      </c>
      <c r="HS18" s="327">
        <v>0</v>
      </c>
      <c r="HT18" s="327">
        <v>0</v>
      </c>
      <c r="HU18" s="327">
        <v>0</v>
      </c>
      <c r="HV18" s="327">
        <v>0</v>
      </c>
      <c r="HW18" s="327">
        <v>0</v>
      </c>
      <c r="HX18" s="331">
        <v>0</v>
      </c>
      <c r="HY18" s="330">
        <v>0</v>
      </c>
      <c r="HZ18" s="358">
        <v>0</v>
      </c>
      <c r="IA18" s="356">
        <v>0</v>
      </c>
      <c r="IB18" s="358">
        <v>0</v>
      </c>
      <c r="IC18" s="355">
        <v>0</v>
      </c>
      <c r="ID18" s="356">
        <v>809472</v>
      </c>
      <c r="IE18" s="357">
        <v>1689140</v>
      </c>
      <c r="IF18" s="358">
        <v>1834706</v>
      </c>
      <c r="IG18" s="356">
        <v>1561933</v>
      </c>
      <c r="IH18" s="358">
        <v>1460750</v>
      </c>
      <c r="II18" s="359">
        <v>7356001</v>
      </c>
      <c r="IJ18" s="358">
        <v>7356001</v>
      </c>
      <c r="IK18" s="342">
        <v>0</v>
      </c>
      <c r="IL18" s="343">
        <v>0</v>
      </c>
      <c r="IM18" s="344">
        <v>0</v>
      </c>
      <c r="IN18" s="404">
        <v>0</v>
      </c>
      <c r="IO18" s="345">
        <v>0</v>
      </c>
      <c r="IP18" s="345">
        <v>0</v>
      </c>
      <c r="IQ18" s="345">
        <v>0</v>
      </c>
      <c r="IR18" s="345">
        <v>0</v>
      </c>
      <c r="IS18" s="345">
        <v>0</v>
      </c>
      <c r="IT18" s="346">
        <v>0</v>
      </c>
      <c r="IU18" s="347">
        <v>0</v>
      </c>
      <c r="IV18" s="348">
        <v>0</v>
      </c>
      <c r="IW18" s="345">
        <v>0</v>
      </c>
      <c r="IX18" s="349">
        <v>0</v>
      </c>
      <c r="IY18" s="404">
        <v>0</v>
      </c>
      <c r="IZ18" s="345">
        <v>0</v>
      </c>
      <c r="JA18" s="345">
        <v>0</v>
      </c>
      <c r="JB18" s="345">
        <v>0</v>
      </c>
      <c r="JC18" s="345">
        <v>0</v>
      </c>
      <c r="JD18" s="345">
        <v>0</v>
      </c>
      <c r="JE18" s="349">
        <v>0</v>
      </c>
      <c r="JF18" s="350">
        <v>0</v>
      </c>
      <c r="JG18" s="348">
        <v>0</v>
      </c>
      <c r="JH18" s="345">
        <v>0</v>
      </c>
      <c r="JI18" s="346">
        <v>0</v>
      </c>
      <c r="JJ18" s="351">
        <v>0</v>
      </c>
      <c r="JK18" s="345">
        <v>534203</v>
      </c>
      <c r="JL18" s="345">
        <v>417604</v>
      </c>
      <c r="JM18" s="345">
        <v>243758</v>
      </c>
      <c r="JN18" s="345">
        <v>225928</v>
      </c>
      <c r="JO18" s="345">
        <v>409966</v>
      </c>
      <c r="JP18" s="349">
        <v>1831459</v>
      </c>
      <c r="JQ18" s="347">
        <v>1831459</v>
      </c>
      <c r="JR18" s="348">
        <v>0</v>
      </c>
      <c r="JS18" s="345">
        <v>0</v>
      </c>
      <c r="JT18" s="346">
        <v>0</v>
      </c>
      <c r="JU18" s="351">
        <v>0</v>
      </c>
      <c r="JV18" s="345">
        <v>0</v>
      </c>
      <c r="JW18" s="345">
        <v>0</v>
      </c>
      <c r="JX18" s="345">
        <v>0</v>
      </c>
      <c r="JY18" s="345">
        <v>0</v>
      </c>
      <c r="JZ18" s="345">
        <v>0</v>
      </c>
      <c r="KA18" s="349">
        <v>0</v>
      </c>
      <c r="KB18" s="347">
        <v>0</v>
      </c>
      <c r="KC18" s="352">
        <v>0</v>
      </c>
      <c r="KD18" s="353">
        <v>0</v>
      </c>
      <c r="KE18" s="349">
        <v>0</v>
      </c>
      <c r="KF18" s="351">
        <v>0</v>
      </c>
      <c r="KG18" s="345">
        <v>0</v>
      </c>
      <c r="KH18" s="345">
        <v>321762</v>
      </c>
      <c r="KI18" s="345">
        <v>402798</v>
      </c>
      <c r="KJ18" s="345">
        <v>464375</v>
      </c>
      <c r="KK18" s="345">
        <v>0</v>
      </c>
      <c r="KL18" s="349">
        <v>1188935</v>
      </c>
      <c r="KM18" s="354">
        <v>1188935</v>
      </c>
      <c r="KN18" s="342">
        <v>0</v>
      </c>
      <c r="KO18" s="343">
        <v>0</v>
      </c>
      <c r="KP18" s="344">
        <v>0</v>
      </c>
      <c r="KQ18" s="404">
        <v>0</v>
      </c>
      <c r="KR18" s="345">
        <v>275269</v>
      </c>
      <c r="KS18" s="345">
        <v>664543</v>
      </c>
      <c r="KT18" s="345">
        <v>272855</v>
      </c>
      <c r="KU18" s="345">
        <v>226025</v>
      </c>
      <c r="KV18" s="345">
        <v>461188</v>
      </c>
      <c r="KW18" s="349">
        <v>1899880</v>
      </c>
      <c r="KX18" s="347">
        <v>1899880</v>
      </c>
      <c r="KY18" s="348">
        <v>0</v>
      </c>
      <c r="KZ18" s="345">
        <v>0</v>
      </c>
      <c r="LA18" s="349">
        <v>0</v>
      </c>
      <c r="LB18" s="404">
        <v>0</v>
      </c>
      <c r="LC18" s="345">
        <v>0</v>
      </c>
      <c r="LD18" s="345">
        <v>103280</v>
      </c>
      <c r="LE18" s="345">
        <v>180124</v>
      </c>
      <c r="LF18" s="345">
        <v>392434</v>
      </c>
      <c r="LG18" s="345">
        <v>0</v>
      </c>
      <c r="LH18" s="349">
        <v>675838</v>
      </c>
      <c r="LI18" s="350">
        <v>675838</v>
      </c>
      <c r="LJ18" s="348">
        <v>0</v>
      </c>
      <c r="LK18" s="345">
        <v>0</v>
      </c>
      <c r="LL18" s="349">
        <v>0</v>
      </c>
      <c r="LM18" s="404">
        <v>0</v>
      </c>
      <c r="LN18" s="345">
        <v>0</v>
      </c>
      <c r="LO18" s="345">
        <v>0</v>
      </c>
      <c r="LP18" s="345">
        <v>234913</v>
      </c>
      <c r="LQ18" s="345">
        <v>253171</v>
      </c>
      <c r="LR18" s="345">
        <v>270683</v>
      </c>
      <c r="LS18" s="349">
        <v>758767</v>
      </c>
      <c r="LT18" s="347">
        <v>758767</v>
      </c>
      <c r="LU18" s="348">
        <v>0</v>
      </c>
      <c r="LV18" s="345">
        <v>0</v>
      </c>
      <c r="LW18" s="349">
        <v>0</v>
      </c>
      <c r="LX18" s="404">
        <v>0</v>
      </c>
      <c r="LY18" s="345">
        <v>0</v>
      </c>
      <c r="LZ18" s="345">
        <v>181951</v>
      </c>
      <c r="MA18" s="345">
        <v>500258</v>
      </c>
      <c r="MB18" s="345">
        <v>0</v>
      </c>
      <c r="MC18" s="345">
        <v>318913</v>
      </c>
      <c r="MD18" s="349">
        <v>1001122</v>
      </c>
      <c r="ME18" s="350">
        <v>1001122</v>
      </c>
      <c r="MF18" s="348">
        <v>0</v>
      </c>
      <c r="MG18" s="345">
        <v>0</v>
      </c>
      <c r="MH18" s="349">
        <v>0</v>
      </c>
      <c r="MI18" s="404">
        <v>0</v>
      </c>
      <c r="MJ18" s="345">
        <v>201805</v>
      </c>
      <c r="MK18" s="345">
        <v>931949</v>
      </c>
      <c r="ML18" s="345">
        <v>2101886</v>
      </c>
      <c r="MM18" s="345">
        <v>7115303</v>
      </c>
      <c r="MN18" s="345">
        <v>1003851</v>
      </c>
      <c r="MO18" s="349">
        <v>11354794</v>
      </c>
      <c r="MP18" s="354">
        <v>11354794</v>
      </c>
      <c r="MQ18" s="348">
        <v>0</v>
      </c>
      <c r="MR18" s="345">
        <v>0</v>
      </c>
      <c r="MS18" s="349">
        <v>0</v>
      </c>
      <c r="MT18" s="404">
        <v>0</v>
      </c>
      <c r="MU18" s="345">
        <v>0</v>
      </c>
      <c r="MV18" s="345">
        <v>0</v>
      </c>
      <c r="MW18" s="345">
        <v>713592</v>
      </c>
      <c r="MX18" s="345">
        <v>3725538</v>
      </c>
      <c r="MY18" s="345">
        <v>749097</v>
      </c>
      <c r="MZ18" s="349">
        <v>5188227</v>
      </c>
      <c r="NA18" s="354">
        <v>5188227</v>
      </c>
      <c r="NB18" s="348">
        <v>0</v>
      </c>
      <c r="NC18" s="345">
        <v>0</v>
      </c>
      <c r="ND18" s="349">
        <v>0</v>
      </c>
      <c r="NE18" s="404">
        <v>0</v>
      </c>
      <c r="NF18" s="345">
        <v>201805</v>
      </c>
      <c r="NG18" s="345">
        <v>931949</v>
      </c>
      <c r="NH18" s="345">
        <v>1388294</v>
      </c>
      <c r="NI18" s="345">
        <v>2470260</v>
      </c>
      <c r="NJ18" s="345">
        <v>254754</v>
      </c>
      <c r="NK18" s="349">
        <v>5247062</v>
      </c>
      <c r="NL18" s="347">
        <v>5247062</v>
      </c>
      <c r="NM18" s="348">
        <v>0</v>
      </c>
      <c r="NN18" s="345">
        <v>0</v>
      </c>
      <c r="NO18" s="349">
        <v>0</v>
      </c>
      <c r="NP18" s="404">
        <v>0</v>
      </c>
      <c r="NQ18" s="345">
        <v>0</v>
      </c>
      <c r="NR18" s="345">
        <v>0</v>
      </c>
      <c r="NS18" s="345">
        <v>0</v>
      </c>
      <c r="NT18" s="345">
        <v>0</v>
      </c>
      <c r="NU18" s="345">
        <v>0</v>
      </c>
      <c r="NV18" s="349">
        <v>0</v>
      </c>
      <c r="NW18" s="350">
        <v>0</v>
      </c>
      <c r="NX18" s="348">
        <v>0</v>
      </c>
      <c r="NY18" s="345">
        <v>0</v>
      </c>
      <c r="NZ18" s="349">
        <v>0</v>
      </c>
      <c r="OA18" s="404">
        <v>0</v>
      </c>
      <c r="OB18" s="345">
        <v>0</v>
      </c>
      <c r="OC18" s="345">
        <v>0</v>
      </c>
      <c r="OD18" s="345">
        <v>0</v>
      </c>
      <c r="OE18" s="345">
        <v>919505</v>
      </c>
      <c r="OF18" s="345">
        <v>0</v>
      </c>
      <c r="OG18" s="349">
        <v>919505</v>
      </c>
      <c r="OH18" s="350">
        <v>919505</v>
      </c>
      <c r="OI18" s="348">
        <v>840128</v>
      </c>
      <c r="OJ18" s="345">
        <v>1936394</v>
      </c>
      <c r="OK18" s="346">
        <v>2776522</v>
      </c>
      <c r="OL18" s="351">
        <v>0</v>
      </c>
      <c r="OM18" s="345">
        <v>7722042</v>
      </c>
      <c r="ON18" s="345">
        <v>11673846</v>
      </c>
      <c r="OO18" s="345">
        <v>11846964</v>
      </c>
      <c r="OP18" s="345">
        <v>15703694</v>
      </c>
      <c r="OQ18" s="345">
        <v>7226732</v>
      </c>
      <c r="OR18" s="349">
        <v>54173278</v>
      </c>
      <c r="OS18" s="354">
        <v>56949800</v>
      </c>
    </row>
    <row r="19" spans="2:409" s="70" customFormat="1" ht="21" customHeight="1" x14ac:dyDescent="0.2">
      <c r="B19" s="106" t="s">
        <v>13</v>
      </c>
      <c r="C19" s="326">
        <v>276864</v>
      </c>
      <c r="D19" s="327">
        <v>625853</v>
      </c>
      <c r="E19" s="328">
        <v>902717</v>
      </c>
      <c r="F19" s="326">
        <v>0</v>
      </c>
      <c r="G19" s="366">
        <v>3790521</v>
      </c>
      <c r="H19" s="327">
        <v>6035565</v>
      </c>
      <c r="I19" s="327">
        <v>3821740</v>
      </c>
      <c r="J19" s="327">
        <v>3636796</v>
      </c>
      <c r="K19" s="327">
        <v>4159168</v>
      </c>
      <c r="L19" s="331">
        <v>21443790</v>
      </c>
      <c r="M19" s="330">
        <v>22346507</v>
      </c>
      <c r="N19" s="326">
        <v>58863</v>
      </c>
      <c r="O19" s="327">
        <v>178086</v>
      </c>
      <c r="P19" s="328">
        <v>236949</v>
      </c>
      <c r="Q19" s="326">
        <v>0</v>
      </c>
      <c r="R19" s="327">
        <v>1440747</v>
      </c>
      <c r="S19" s="327">
        <v>3013607</v>
      </c>
      <c r="T19" s="327">
        <v>1489126</v>
      </c>
      <c r="U19" s="327">
        <v>1448321</v>
      </c>
      <c r="V19" s="327">
        <v>3252162</v>
      </c>
      <c r="W19" s="328">
        <v>10643963</v>
      </c>
      <c r="X19" s="330">
        <v>10880912</v>
      </c>
      <c r="Y19" s="326">
        <v>0</v>
      </c>
      <c r="Z19" s="327">
        <v>0</v>
      </c>
      <c r="AA19" s="328">
        <v>0</v>
      </c>
      <c r="AB19" s="326">
        <v>0</v>
      </c>
      <c r="AC19" s="327">
        <v>628160</v>
      </c>
      <c r="AD19" s="327">
        <v>1327236</v>
      </c>
      <c r="AE19" s="327">
        <v>806393</v>
      </c>
      <c r="AF19" s="327">
        <v>1085595</v>
      </c>
      <c r="AG19" s="327">
        <v>2191296</v>
      </c>
      <c r="AH19" s="328">
        <v>6038680</v>
      </c>
      <c r="AI19" s="330">
        <v>6038680</v>
      </c>
      <c r="AJ19" s="326">
        <v>0</v>
      </c>
      <c r="AK19" s="327">
        <v>0</v>
      </c>
      <c r="AL19" s="328">
        <v>0</v>
      </c>
      <c r="AM19" s="326">
        <v>0</v>
      </c>
      <c r="AN19" s="327">
        <v>0</v>
      </c>
      <c r="AO19" s="327">
        <v>42037</v>
      </c>
      <c r="AP19" s="327">
        <v>0</v>
      </c>
      <c r="AQ19" s="327">
        <v>53564</v>
      </c>
      <c r="AR19" s="327">
        <v>189167</v>
      </c>
      <c r="AS19" s="328">
        <v>284768</v>
      </c>
      <c r="AT19" s="330">
        <v>284768</v>
      </c>
      <c r="AU19" s="326">
        <v>-5099</v>
      </c>
      <c r="AV19" s="327">
        <v>95451</v>
      </c>
      <c r="AW19" s="328">
        <v>90352</v>
      </c>
      <c r="AX19" s="326">
        <v>0</v>
      </c>
      <c r="AY19" s="327">
        <v>546160</v>
      </c>
      <c r="AZ19" s="327">
        <v>1080754</v>
      </c>
      <c r="BA19" s="327">
        <v>457371</v>
      </c>
      <c r="BB19" s="327">
        <v>133805</v>
      </c>
      <c r="BC19" s="327">
        <v>614716</v>
      </c>
      <c r="BD19" s="328">
        <v>2832806</v>
      </c>
      <c r="BE19" s="330">
        <v>2923158</v>
      </c>
      <c r="BF19" s="326">
        <v>13891</v>
      </c>
      <c r="BG19" s="327">
        <v>0</v>
      </c>
      <c r="BH19" s="331">
        <v>13891</v>
      </c>
      <c r="BI19" s="332">
        <v>0</v>
      </c>
      <c r="BJ19" s="327">
        <v>0</v>
      </c>
      <c r="BK19" s="327">
        <v>137049</v>
      </c>
      <c r="BL19" s="327">
        <v>28564</v>
      </c>
      <c r="BM19" s="327">
        <v>0</v>
      </c>
      <c r="BN19" s="327">
        <v>82263</v>
      </c>
      <c r="BO19" s="328">
        <v>247876</v>
      </c>
      <c r="BP19" s="330">
        <v>261767</v>
      </c>
      <c r="BQ19" s="326">
        <v>50071</v>
      </c>
      <c r="BR19" s="327">
        <v>82635</v>
      </c>
      <c r="BS19" s="328">
        <v>132706</v>
      </c>
      <c r="BT19" s="326">
        <v>0</v>
      </c>
      <c r="BU19" s="327">
        <v>266427</v>
      </c>
      <c r="BV19" s="327">
        <v>426531</v>
      </c>
      <c r="BW19" s="327">
        <v>196798</v>
      </c>
      <c r="BX19" s="327">
        <v>175357</v>
      </c>
      <c r="BY19" s="327">
        <v>174720</v>
      </c>
      <c r="BZ19" s="328">
        <v>1239833</v>
      </c>
      <c r="CA19" s="330">
        <v>1372539</v>
      </c>
      <c r="CB19" s="326">
        <v>19094</v>
      </c>
      <c r="CC19" s="327">
        <v>0</v>
      </c>
      <c r="CD19" s="328">
        <v>19094</v>
      </c>
      <c r="CE19" s="326">
        <v>0</v>
      </c>
      <c r="CF19" s="327">
        <v>635913</v>
      </c>
      <c r="CG19" s="327">
        <v>1003166</v>
      </c>
      <c r="CH19" s="327">
        <v>477425</v>
      </c>
      <c r="CI19" s="327">
        <v>478428</v>
      </c>
      <c r="CJ19" s="327">
        <v>77726</v>
      </c>
      <c r="CK19" s="328">
        <v>2672658</v>
      </c>
      <c r="CL19" s="330">
        <v>2691752</v>
      </c>
      <c r="CM19" s="326">
        <v>0</v>
      </c>
      <c r="CN19" s="327">
        <v>0</v>
      </c>
      <c r="CO19" s="328">
        <v>0</v>
      </c>
      <c r="CP19" s="332">
        <v>0</v>
      </c>
      <c r="CQ19" s="327">
        <v>598388</v>
      </c>
      <c r="CR19" s="327">
        <v>782992</v>
      </c>
      <c r="CS19" s="327">
        <v>341400</v>
      </c>
      <c r="CT19" s="327">
        <v>139273</v>
      </c>
      <c r="CU19" s="327">
        <v>77726</v>
      </c>
      <c r="CV19" s="328">
        <v>1939779</v>
      </c>
      <c r="CW19" s="330">
        <v>1939779</v>
      </c>
      <c r="CX19" s="326">
        <v>19094</v>
      </c>
      <c r="CY19" s="327">
        <v>0</v>
      </c>
      <c r="CZ19" s="328">
        <v>19094</v>
      </c>
      <c r="DA19" s="326">
        <v>0</v>
      </c>
      <c r="DB19" s="327">
        <v>37525</v>
      </c>
      <c r="DC19" s="327">
        <v>220174</v>
      </c>
      <c r="DD19" s="327">
        <v>136025</v>
      </c>
      <c r="DE19" s="327">
        <v>339155</v>
      </c>
      <c r="DF19" s="327">
        <v>0</v>
      </c>
      <c r="DG19" s="328">
        <v>732879</v>
      </c>
      <c r="DH19" s="330">
        <v>751973</v>
      </c>
      <c r="DI19" s="326">
        <v>0</v>
      </c>
      <c r="DJ19" s="327">
        <v>0</v>
      </c>
      <c r="DK19" s="331">
        <v>0</v>
      </c>
      <c r="DL19" s="332">
        <v>0</v>
      </c>
      <c r="DM19" s="327">
        <v>0</v>
      </c>
      <c r="DN19" s="327">
        <v>127680</v>
      </c>
      <c r="DO19" s="327">
        <v>55279</v>
      </c>
      <c r="DP19" s="327">
        <v>74739</v>
      </c>
      <c r="DQ19" s="327">
        <v>0</v>
      </c>
      <c r="DR19" s="328">
        <v>257698</v>
      </c>
      <c r="DS19" s="330">
        <v>257698</v>
      </c>
      <c r="DT19" s="326">
        <v>0</v>
      </c>
      <c r="DU19" s="327">
        <v>0</v>
      </c>
      <c r="DV19" s="328">
        <v>0</v>
      </c>
      <c r="DW19" s="326">
        <v>0</v>
      </c>
      <c r="DX19" s="327">
        <v>0</v>
      </c>
      <c r="DY19" s="327">
        <v>127680</v>
      </c>
      <c r="DZ19" s="327">
        <v>0</v>
      </c>
      <c r="EA19" s="327">
        <v>0</v>
      </c>
      <c r="EB19" s="327">
        <v>0</v>
      </c>
      <c r="EC19" s="328">
        <v>127680</v>
      </c>
      <c r="ED19" s="330">
        <v>127680</v>
      </c>
      <c r="EE19" s="326">
        <v>0</v>
      </c>
      <c r="EF19" s="331">
        <v>0</v>
      </c>
      <c r="EG19" s="328">
        <v>0</v>
      </c>
      <c r="EH19" s="326">
        <v>0</v>
      </c>
      <c r="EI19" s="327">
        <v>0</v>
      </c>
      <c r="EJ19" s="327">
        <v>0</v>
      </c>
      <c r="EK19" s="327">
        <v>55279</v>
      </c>
      <c r="EL19" s="327">
        <v>74739</v>
      </c>
      <c r="EM19" s="327">
        <v>0</v>
      </c>
      <c r="EN19" s="331">
        <v>130018</v>
      </c>
      <c r="EO19" s="330">
        <v>130018</v>
      </c>
      <c r="EP19" s="326">
        <v>0</v>
      </c>
      <c r="EQ19" s="327">
        <v>0</v>
      </c>
      <c r="ER19" s="331">
        <v>0</v>
      </c>
      <c r="ES19" s="332">
        <v>0</v>
      </c>
      <c r="ET19" s="327">
        <v>0</v>
      </c>
      <c r="EU19" s="327">
        <v>0</v>
      </c>
      <c r="EV19" s="327">
        <v>0</v>
      </c>
      <c r="EW19" s="327">
        <v>0</v>
      </c>
      <c r="EX19" s="327">
        <v>0</v>
      </c>
      <c r="EY19" s="328">
        <v>0</v>
      </c>
      <c r="EZ19" s="330">
        <v>0</v>
      </c>
      <c r="FA19" s="326">
        <v>0</v>
      </c>
      <c r="FB19" s="327">
        <v>0</v>
      </c>
      <c r="FC19" s="331">
        <v>0</v>
      </c>
      <c r="FD19" s="404">
        <v>0</v>
      </c>
      <c r="FE19" s="327">
        <v>0</v>
      </c>
      <c r="FF19" s="327">
        <v>0</v>
      </c>
      <c r="FG19" s="327">
        <v>0</v>
      </c>
      <c r="FH19" s="327">
        <v>0</v>
      </c>
      <c r="FI19" s="327">
        <v>0</v>
      </c>
      <c r="FJ19" s="328">
        <v>0</v>
      </c>
      <c r="FK19" s="330">
        <v>0</v>
      </c>
      <c r="FL19" s="326">
        <v>54978</v>
      </c>
      <c r="FM19" s="327">
        <v>117978</v>
      </c>
      <c r="FN19" s="328">
        <v>172956</v>
      </c>
      <c r="FO19" s="326">
        <v>0</v>
      </c>
      <c r="FP19" s="327">
        <v>159306</v>
      </c>
      <c r="FQ19" s="327">
        <v>727573</v>
      </c>
      <c r="FR19" s="327">
        <v>292103</v>
      </c>
      <c r="FS19" s="327">
        <v>249942</v>
      </c>
      <c r="FT19" s="327">
        <v>417592</v>
      </c>
      <c r="FU19" s="328">
        <v>1846516</v>
      </c>
      <c r="FV19" s="330">
        <v>2019472</v>
      </c>
      <c r="FW19" s="333">
        <v>18578</v>
      </c>
      <c r="FX19" s="327">
        <v>117978</v>
      </c>
      <c r="FY19" s="331">
        <v>136556</v>
      </c>
      <c r="FZ19" s="332">
        <v>0</v>
      </c>
      <c r="GA19" s="327">
        <v>133896</v>
      </c>
      <c r="GB19" s="327">
        <v>488383</v>
      </c>
      <c r="GC19" s="327">
        <v>263403</v>
      </c>
      <c r="GD19" s="327">
        <v>148442</v>
      </c>
      <c r="GE19" s="327">
        <v>277592</v>
      </c>
      <c r="GF19" s="328">
        <v>1311716</v>
      </c>
      <c r="GG19" s="334">
        <v>1448272</v>
      </c>
      <c r="GH19" s="333">
        <v>0</v>
      </c>
      <c r="GI19" s="327">
        <v>0</v>
      </c>
      <c r="GJ19" s="331">
        <v>0</v>
      </c>
      <c r="GK19" s="332">
        <v>0</v>
      </c>
      <c r="GL19" s="327">
        <v>25410</v>
      </c>
      <c r="GM19" s="327">
        <v>0</v>
      </c>
      <c r="GN19" s="327">
        <v>0</v>
      </c>
      <c r="GO19" s="327">
        <v>0</v>
      </c>
      <c r="GP19" s="327">
        <v>0</v>
      </c>
      <c r="GQ19" s="328">
        <v>25410</v>
      </c>
      <c r="GR19" s="330">
        <v>25410</v>
      </c>
      <c r="GS19" s="326">
        <v>36400</v>
      </c>
      <c r="GT19" s="327">
        <v>0</v>
      </c>
      <c r="GU19" s="328">
        <v>36400</v>
      </c>
      <c r="GV19" s="326">
        <v>0</v>
      </c>
      <c r="GW19" s="327">
        <v>0</v>
      </c>
      <c r="GX19" s="327">
        <v>239190</v>
      </c>
      <c r="GY19" s="327">
        <v>28700</v>
      </c>
      <c r="GZ19" s="327">
        <v>101500</v>
      </c>
      <c r="HA19" s="327">
        <v>140000</v>
      </c>
      <c r="HB19" s="331">
        <v>509390</v>
      </c>
      <c r="HC19" s="330">
        <v>545790</v>
      </c>
      <c r="HD19" s="326">
        <v>143929</v>
      </c>
      <c r="HE19" s="327">
        <v>329789</v>
      </c>
      <c r="HF19" s="331">
        <v>473718</v>
      </c>
      <c r="HG19" s="332">
        <v>0</v>
      </c>
      <c r="HH19" s="327">
        <v>1554555</v>
      </c>
      <c r="HI19" s="327">
        <v>1163539</v>
      </c>
      <c r="HJ19" s="327">
        <v>1507807</v>
      </c>
      <c r="HK19" s="327">
        <v>1385366</v>
      </c>
      <c r="HL19" s="327">
        <v>411688</v>
      </c>
      <c r="HM19" s="328">
        <v>6022955</v>
      </c>
      <c r="HN19" s="329">
        <v>6496673</v>
      </c>
      <c r="HO19" s="333">
        <v>0</v>
      </c>
      <c r="HP19" s="327">
        <v>0</v>
      </c>
      <c r="HQ19" s="328">
        <v>0</v>
      </c>
      <c r="HR19" s="326">
        <v>0</v>
      </c>
      <c r="HS19" s="327">
        <v>0</v>
      </c>
      <c r="HT19" s="327">
        <v>0</v>
      </c>
      <c r="HU19" s="327">
        <v>0</v>
      </c>
      <c r="HV19" s="327">
        <v>0</v>
      </c>
      <c r="HW19" s="327">
        <v>0</v>
      </c>
      <c r="HX19" s="331">
        <v>0</v>
      </c>
      <c r="HY19" s="330">
        <v>0</v>
      </c>
      <c r="HZ19" s="335">
        <v>0</v>
      </c>
      <c r="IA19" s="336">
        <v>0</v>
      </c>
      <c r="IB19" s="337">
        <v>0</v>
      </c>
      <c r="IC19" s="338">
        <v>0</v>
      </c>
      <c r="ID19" s="336">
        <v>1003463</v>
      </c>
      <c r="IE19" s="339">
        <v>515319</v>
      </c>
      <c r="IF19" s="337">
        <v>972872</v>
      </c>
      <c r="IG19" s="336">
        <v>125426</v>
      </c>
      <c r="IH19" s="337">
        <v>365268</v>
      </c>
      <c r="II19" s="340">
        <v>2982348</v>
      </c>
      <c r="IJ19" s="341">
        <v>2982348</v>
      </c>
      <c r="IK19" s="342">
        <v>0</v>
      </c>
      <c r="IL19" s="343">
        <v>0</v>
      </c>
      <c r="IM19" s="344">
        <v>0</v>
      </c>
      <c r="IN19" s="404">
        <v>0</v>
      </c>
      <c r="IO19" s="345">
        <v>0</v>
      </c>
      <c r="IP19" s="345">
        <v>0</v>
      </c>
      <c r="IQ19" s="345">
        <v>0</v>
      </c>
      <c r="IR19" s="345">
        <v>0</v>
      </c>
      <c r="IS19" s="345">
        <v>0</v>
      </c>
      <c r="IT19" s="346">
        <v>0</v>
      </c>
      <c r="IU19" s="347">
        <v>0</v>
      </c>
      <c r="IV19" s="348">
        <v>0</v>
      </c>
      <c r="IW19" s="345">
        <v>0</v>
      </c>
      <c r="IX19" s="349">
        <v>0</v>
      </c>
      <c r="IY19" s="404">
        <v>0</v>
      </c>
      <c r="IZ19" s="345">
        <v>0</v>
      </c>
      <c r="JA19" s="345">
        <v>0</v>
      </c>
      <c r="JB19" s="345">
        <v>0</v>
      </c>
      <c r="JC19" s="345">
        <v>0</v>
      </c>
      <c r="JD19" s="345">
        <v>0</v>
      </c>
      <c r="JE19" s="349">
        <v>0</v>
      </c>
      <c r="JF19" s="350">
        <v>0</v>
      </c>
      <c r="JG19" s="348">
        <v>0</v>
      </c>
      <c r="JH19" s="345">
        <v>0</v>
      </c>
      <c r="JI19" s="346">
        <v>0</v>
      </c>
      <c r="JJ19" s="351">
        <v>0</v>
      </c>
      <c r="JK19" s="345">
        <v>459990</v>
      </c>
      <c r="JL19" s="345">
        <v>376184</v>
      </c>
      <c r="JM19" s="345">
        <v>558357</v>
      </c>
      <c r="JN19" s="345">
        <v>125426</v>
      </c>
      <c r="JO19" s="345">
        <v>124458</v>
      </c>
      <c r="JP19" s="349">
        <v>1644415</v>
      </c>
      <c r="JQ19" s="347">
        <v>1644415</v>
      </c>
      <c r="JR19" s="348">
        <v>0</v>
      </c>
      <c r="JS19" s="345">
        <v>0</v>
      </c>
      <c r="JT19" s="346">
        <v>0</v>
      </c>
      <c r="JU19" s="351">
        <v>0</v>
      </c>
      <c r="JV19" s="345">
        <v>0</v>
      </c>
      <c r="JW19" s="345">
        <v>139135</v>
      </c>
      <c r="JX19" s="345">
        <v>10953</v>
      </c>
      <c r="JY19" s="345">
        <v>0</v>
      </c>
      <c r="JZ19" s="345">
        <v>0</v>
      </c>
      <c r="KA19" s="349">
        <v>150088</v>
      </c>
      <c r="KB19" s="347">
        <v>150088</v>
      </c>
      <c r="KC19" s="352">
        <v>0</v>
      </c>
      <c r="KD19" s="353">
        <v>0</v>
      </c>
      <c r="KE19" s="349">
        <v>0</v>
      </c>
      <c r="KF19" s="351">
        <v>0</v>
      </c>
      <c r="KG19" s="345">
        <v>121645</v>
      </c>
      <c r="KH19" s="345">
        <v>0</v>
      </c>
      <c r="KI19" s="345">
        <v>223680</v>
      </c>
      <c r="KJ19" s="345">
        <v>0</v>
      </c>
      <c r="KK19" s="345">
        <v>0</v>
      </c>
      <c r="KL19" s="349">
        <v>345325</v>
      </c>
      <c r="KM19" s="354">
        <v>345325</v>
      </c>
      <c r="KN19" s="342">
        <v>0</v>
      </c>
      <c r="KO19" s="343">
        <v>0</v>
      </c>
      <c r="KP19" s="344">
        <v>0</v>
      </c>
      <c r="KQ19" s="404">
        <v>0</v>
      </c>
      <c r="KR19" s="345">
        <v>421828</v>
      </c>
      <c r="KS19" s="345">
        <v>0</v>
      </c>
      <c r="KT19" s="345">
        <v>0</v>
      </c>
      <c r="KU19" s="345">
        <v>0</v>
      </c>
      <c r="KV19" s="345">
        <v>240810</v>
      </c>
      <c r="KW19" s="349">
        <v>662638</v>
      </c>
      <c r="KX19" s="347">
        <v>662638</v>
      </c>
      <c r="KY19" s="348">
        <v>0</v>
      </c>
      <c r="KZ19" s="345">
        <v>0</v>
      </c>
      <c r="LA19" s="349">
        <v>0</v>
      </c>
      <c r="LB19" s="404">
        <v>0</v>
      </c>
      <c r="LC19" s="345">
        <v>0</v>
      </c>
      <c r="LD19" s="345">
        <v>0</v>
      </c>
      <c r="LE19" s="345">
        <v>179882</v>
      </c>
      <c r="LF19" s="345">
        <v>0</v>
      </c>
      <c r="LG19" s="345">
        <v>0</v>
      </c>
      <c r="LH19" s="349">
        <v>179882</v>
      </c>
      <c r="LI19" s="350">
        <v>179882</v>
      </c>
      <c r="LJ19" s="348">
        <v>0</v>
      </c>
      <c r="LK19" s="345">
        <v>0</v>
      </c>
      <c r="LL19" s="349">
        <v>0</v>
      </c>
      <c r="LM19" s="404">
        <v>0</v>
      </c>
      <c r="LN19" s="345">
        <v>0</v>
      </c>
      <c r="LO19" s="345">
        <v>0</v>
      </c>
      <c r="LP19" s="345">
        <v>0</v>
      </c>
      <c r="LQ19" s="345">
        <v>0</v>
      </c>
      <c r="LR19" s="345">
        <v>0</v>
      </c>
      <c r="LS19" s="349">
        <v>0</v>
      </c>
      <c r="LT19" s="347">
        <v>0</v>
      </c>
      <c r="LU19" s="348">
        <v>0</v>
      </c>
      <c r="LV19" s="345">
        <v>0</v>
      </c>
      <c r="LW19" s="349">
        <v>0</v>
      </c>
      <c r="LX19" s="404">
        <v>0</v>
      </c>
      <c r="LY19" s="345">
        <v>0</v>
      </c>
      <c r="LZ19" s="345">
        <v>0</v>
      </c>
      <c r="MA19" s="345">
        <v>0</v>
      </c>
      <c r="MB19" s="345">
        <v>0</v>
      </c>
      <c r="MC19" s="345">
        <v>0</v>
      </c>
      <c r="MD19" s="349">
        <v>0</v>
      </c>
      <c r="ME19" s="350">
        <v>0</v>
      </c>
      <c r="MF19" s="348">
        <v>0</v>
      </c>
      <c r="MG19" s="345">
        <v>0</v>
      </c>
      <c r="MH19" s="349">
        <v>0</v>
      </c>
      <c r="MI19" s="404">
        <v>0</v>
      </c>
      <c r="MJ19" s="345">
        <v>0</v>
      </c>
      <c r="MK19" s="345">
        <v>460197</v>
      </c>
      <c r="ML19" s="345">
        <v>773778</v>
      </c>
      <c r="MM19" s="345">
        <v>1810328</v>
      </c>
      <c r="MN19" s="345">
        <v>1659347</v>
      </c>
      <c r="MO19" s="349">
        <v>4703650</v>
      </c>
      <c r="MP19" s="354">
        <v>4703650</v>
      </c>
      <c r="MQ19" s="348">
        <v>0</v>
      </c>
      <c r="MR19" s="345">
        <v>0</v>
      </c>
      <c r="MS19" s="349">
        <v>0</v>
      </c>
      <c r="MT19" s="404">
        <v>0</v>
      </c>
      <c r="MU19" s="345">
        <v>0</v>
      </c>
      <c r="MV19" s="345">
        <v>0</v>
      </c>
      <c r="MW19" s="345">
        <v>610762</v>
      </c>
      <c r="MX19" s="345">
        <v>942032</v>
      </c>
      <c r="MY19" s="345">
        <v>1071920</v>
      </c>
      <c r="MZ19" s="349">
        <v>2624714</v>
      </c>
      <c r="NA19" s="354">
        <v>2624714</v>
      </c>
      <c r="NB19" s="348">
        <v>0</v>
      </c>
      <c r="NC19" s="345">
        <v>0</v>
      </c>
      <c r="ND19" s="349">
        <v>0</v>
      </c>
      <c r="NE19" s="404">
        <v>0</v>
      </c>
      <c r="NF19" s="345">
        <v>0</v>
      </c>
      <c r="NG19" s="345">
        <v>460197</v>
      </c>
      <c r="NH19" s="345">
        <v>163016</v>
      </c>
      <c r="NI19" s="345">
        <v>868296</v>
      </c>
      <c r="NJ19" s="345">
        <v>587427</v>
      </c>
      <c r="NK19" s="349">
        <v>2078936</v>
      </c>
      <c r="NL19" s="347">
        <v>2078936</v>
      </c>
      <c r="NM19" s="348">
        <v>0</v>
      </c>
      <c r="NN19" s="345">
        <v>0</v>
      </c>
      <c r="NO19" s="349">
        <v>0</v>
      </c>
      <c r="NP19" s="404">
        <v>0</v>
      </c>
      <c r="NQ19" s="345">
        <v>0</v>
      </c>
      <c r="NR19" s="345">
        <v>0</v>
      </c>
      <c r="NS19" s="345">
        <v>0</v>
      </c>
      <c r="NT19" s="345">
        <v>0</v>
      </c>
      <c r="NU19" s="345">
        <v>0</v>
      </c>
      <c r="NV19" s="349">
        <v>0</v>
      </c>
      <c r="NW19" s="350">
        <v>0</v>
      </c>
      <c r="NX19" s="348">
        <v>0</v>
      </c>
      <c r="NY19" s="345">
        <v>0</v>
      </c>
      <c r="NZ19" s="349">
        <v>0</v>
      </c>
      <c r="OA19" s="404">
        <v>0</v>
      </c>
      <c r="OB19" s="345">
        <v>0</v>
      </c>
      <c r="OC19" s="345">
        <v>0</v>
      </c>
      <c r="OD19" s="345">
        <v>0</v>
      </c>
      <c r="OE19" s="345">
        <v>0</v>
      </c>
      <c r="OF19" s="345">
        <v>0</v>
      </c>
      <c r="OG19" s="349">
        <v>0</v>
      </c>
      <c r="OH19" s="350">
        <v>0</v>
      </c>
      <c r="OI19" s="348">
        <v>276864</v>
      </c>
      <c r="OJ19" s="345">
        <v>625853</v>
      </c>
      <c r="OK19" s="346">
        <v>902717</v>
      </c>
      <c r="OL19" s="351">
        <v>0</v>
      </c>
      <c r="OM19" s="345">
        <v>4793984</v>
      </c>
      <c r="ON19" s="345">
        <v>7011081</v>
      </c>
      <c r="OO19" s="345">
        <v>5568390</v>
      </c>
      <c r="OP19" s="345">
        <v>5572550</v>
      </c>
      <c r="OQ19" s="345">
        <v>6183783</v>
      </c>
      <c r="OR19" s="349">
        <v>29129788</v>
      </c>
      <c r="OS19" s="354">
        <v>30032505</v>
      </c>
    </row>
    <row r="20" spans="2:409" s="70" customFormat="1" ht="21" customHeight="1" x14ac:dyDescent="0.2">
      <c r="B20" s="106" t="s">
        <v>15</v>
      </c>
      <c r="C20" s="326">
        <v>133278</v>
      </c>
      <c r="D20" s="327">
        <v>234522</v>
      </c>
      <c r="E20" s="328">
        <v>367800</v>
      </c>
      <c r="F20" s="329">
        <v>0</v>
      </c>
      <c r="G20" s="327">
        <v>1638928</v>
      </c>
      <c r="H20" s="327">
        <v>789943</v>
      </c>
      <c r="I20" s="327">
        <v>1154348</v>
      </c>
      <c r="J20" s="327">
        <v>1092277</v>
      </c>
      <c r="K20" s="327">
        <v>1294117</v>
      </c>
      <c r="L20" s="329">
        <v>5969613</v>
      </c>
      <c r="M20" s="330">
        <v>6337413</v>
      </c>
      <c r="N20" s="326">
        <v>0</v>
      </c>
      <c r="O20" s="327">
        <v>40358</v>
      </c>
      <c r="P20" s="328">
        <v>40358</v>
      </c>
      <c r="Q20" s="326">
        <v>0</v>
      </c>
      <c r="R20" s="327">
        <v>253513</v>
      </c>
      <c r="S20" s="327">
        <v>257086</v>
      </c>
      <c r="T20" s="327">
        <v>578959</v>
      </c>
      <c r="U20" s="327">
        <v>65112</v>
      </c>
      <c r="V20" s="327">
        <v>257833</v>
      </c>
      <c r="W20" s="328">
        <v>1412503</v>
      </c>
      <c r="X20" s="330">
        <v>1452861</v>
      </c>
      <c r="Y20" s="326">
        <v>0</v>
      </c>
      <c r="Z20" s="327">
        <v>0</v>
      </c>
      <c r="AA20" s="328">
        <v>0</v>
      </c>
      <c r="AB20" s="326">
        <v>0</v>
      </c>
      <c r="AC20" s="327">
        <v>103526</v>
      </c>
      <c r="AD20" s="327">
        <v>75612</v>
      </c>
      <c r="AE20" s="327">
        <v>0</v>
      </c>
      <c r="AF20" s="327">
        <v>5402</v>
      </c>
      <c r="AG20" s="327">
        <v>1798</v>
      </c>
      <c r="AH20" s="328">
        <v>186338</v>
      </c>
      <c r="AI20" s="330">
        <v>186338</v>
      </c>
      <c r="AJ20" s="326">
        <v>0</v>
      </c>
      <c r="AK20" s="327">
        <v>0</v>
      </c>
      <c r="AL20" s="328">
        <v>0</v>
      </c>
      <c r="AM20" s="326">
        <v>0</v>
      </c>
      <c r="AN20" s="327">
        <v>0</v>
      </c>
      <c r="AO20" s="327">
        <v>0</v>
      </c>
      <c r="AP20" s="327">
        <v>52546</v>
      </c>
      <c r="AQ20" s="327">
        <v>0</v>
      </c>
      <c r="AR20" s="327">
        <v>52546</v>
      </c>
      <c r="AS20" s="328">
        <v>105092</v>
      </c>
      <c r="AT20" s="330">
        <v>105092</v>
      </c>
      <c r="AU20" s="326">
        <v>0</v>
      </c>
      <c r="AV20" s="327">
        <v>28052</v>
      </c>
      <c r="AW20" s="328">
        <v>28052</v>
      </c>
      <c r="AX20" s="326">
        <v>0</v>
      </c>
      <c r="AY20" s="327">
        <v>82549</v>
      </c>
      <c r="AZ20" s="327">
        <v>90652</v>
      </c>
      <c r="BA20" s="327">
        <v>494479</v>
      </c>
      <c r="BB20" s="327">
        <v>36345</v>
      </c>
      <c r="BC20" s="327">
        <v>75924</v>
      </c>
      <c r="BD20" s="328">
        <v>779949</v>
      </c>
      <c r="BE20" s="330">
        <v>808001</v>
      </c>
      <c r="BF20" s="326">
        <v>0</v>
      </c>
      <c r="BG20" s="327">
        <v>0</v>
      </c>
      <c r="BH20" s="331">
        <v>0</v>
      </c>
      <c r="BI20" s="332">
        <v>0</v>
      </c>
      <c r="BJ20" s="327">
        <v>0</v>
      </c>
      <c r="BK20" s="327">
        <v>28116</v>
      </c>
      <c r="BL20" s="327">
        <v>0</v>
      </c>
      <c r="BM20" s="327">
        <v>13789</v>
      </c>
      <c r="BN20" s="327">
        <v>28116</v>
      </c>
      <c r="BO20" s="328">
        <v>70021</v>
      </c>
      <c r="BP20" s="330">
        <v>70021</v>
      </c>
      <c r="BQ20" s="326">
        <v>0</v>
      </c>
      <c r="BR20" s="327">
        <v>12306</v>
      </c>
      <c r="BS20" s="328">
        <v>12306</v>
      </c>
      <c r="BT20" s="326">
        <v>0</v>
      </c>
      <c r="BU20" s="327">
        <v>67438</v>
      </c>
      <c r="BV20" s="327">
        <v>62706</v>
      </c>
      <c r="BW20" s="327">
        <v>31934</v>
      </c>
      <c r="BX20" s="327">
        <v>9576</v>
      </c>
      <c r="BY20" s="327">
        <v>99449</v>
      </c>
      <c r="BZ20" s="328">
        <v>271103</v>
      </c>
      <c r="CA20" s="330">
        <v>283409</v>
      </c>
      <c r="CB20" s="326">
        <v>18796</v>
      </c>
      <c r="CC20" s="327">
        <v>0</v>
      </c>
      <c r="CD20" s="328">
        <v>18796</v>
      </c>
      <c r="CE20" s="326">
        <v>0</v>
      </c>
      <c r="CF20" s="327">
        <v>64047</v>
      </c>
      <c r="CG20" s="327">
        <v>158556</v>
      </c>
      <c r="CH20" s="327">
        <v>126294</v>
      </c>
      <c r="CI20" s="327">
        <v>115081</v>
      </c>
      <c r="CJ20" s="327">
        <v>93931</v>
      </c>
      <c r="CK20" s="328">
        <v>557909</v>
      </c>
      <c r="CL20" s="330">
        <v>576705</v>
      </c>
      <c r="CM20" s="326">
        <v>0</v>
      </c>
      <c r="CN20" s="327">
        <v>0</v>
      </c>
      <c r="CO20" s="328">
        <v>0</v>
      </c>
      <c r="CP20" s="332">
        <v>0</v>
      </c>
      <c r="CQ20" s="327">
        <v>64047</v>
      </c>
      <c r="CR20" s="327">
        <v>58410</v>
      </c>
      <c r="CS20" s="327">
        <v>0</v>
      </c>
      <c r="CT20" s="327">
        <v>40984</v>
      </c>
      <c r="CU20" s="327">
        <v>0</v>
      </c>
      <c r="CV20" s="328">
        <v>163441</v>
      </c>
      <c r="CW20" s="330">
        <v>163441</v>
      </c>
      <c r="CX20" s="326">
        <v>18796</v>
      </c>
      <c r="CY20" s="327">
        <v>0</v>
      </c>
      <c r="CZ20" s="328">
        <v>18796</v>
      </c>
      <c r="DA20" s="326">
        <v>0</v>
      </c>
      <c r="DB20" s="327">
        <v>0</v>
      </c>
      <c r="DC20" s="327">
        <v>100146</v>
      </c>
      <c r="DD20" s="327">
        <v>126294</v>
      </c>
      <c r="DE20" s="327">
        <v>74097</v>
      </c>
      <c r="DF20" s="327">
        <v>93931</v>
      </c>
      <c r="DG20" s="328">
        <v>394468</v>
      </c>
      <c r="DH20" s="330">
        <v>413264</v>
      </c>
      <c r="DI20" s="326">
        <v>0</v>
      </c>
      <c r="DJ20" s="327">
        <v>0</v>
      </c>
      <c r="DK20" s="331">
        <v>0</v>
      </c>
      <c r="DL20" s="332">
        <v>0</v>
      </c>
      <c r="DM20" s="327">
        <v>0</v>
      </c>
      <c r="DN20" s="327">
        <v>114179</v>
      </c>
      <c r="DO20" s="327">
        <v>69367</v>
      </c>
      <c r="DP20" s="327">
        <v>248364</v>
      </c>
      <c r="DQ20" s="327">
        <v>53248</v>
      </c>
      <c r="DR20" s="328">
        <v>485158</v>
      </c>
      <c r="DS20" s="330">
        <v>485158</v>
      </c>
      <c r="DT20" s="326">
        <v>0</v>
      </c>
      <c r="DU20" s="327">
        <v>0</v>
      </c>
      <c r="DV20" s="328">
        <v>0</v>
      </c>
      <c r="DW20" s="326">
        <v>0</v>
      </c>
      <c r="DX20" s="327">
        <v>0</v>
      </c>
      <c r="DY20" s="327">
        <v>81886</v>
      </c>
      <c r="DZ20" s="327">
        <v>0</v>
      </c>
      <c r="EA20" s="327">
        <v>248364</v>
      </c>
      <c r="EB20" s="327">
        <v>53248</v>
      </c>
      <c r="EC20" s="328">
        <v>383498</v>
      </c>
      <c r="ED20" s="330">
        <v>383498</v>
      </c>
      <c r="EE20" s="326">
        <v>0</v>
      </c>
      <c r="EF20" s="331">
        <v>0</v>
      </c>
      <c r="EG20" s="328">
        <v>0</v>
      </c>
      <c r="EH20" s="326">
        <v>0</v>
      </c>
      <c r="EI20" s="327">
        <v>0</v>
      </c>
      <c r="EJ20" s="327">
        <v>32293</v>
      </c>
      <c r="EK20" s="327">
        <v>69367</v>
      </c>
      <c r="EL20" s="327">
        <v>0</v>
      </c>
      <c r="EM20" s="327">
        <v>0</v>
      </c>
      <c r="EN20" s="331">
        <v>101660</v>
      </c>
      <c r="EO20" s="330">
        <v>101660</v>
      </c>
      <c r="EP20" s="326">
        <v>0</v>
      </c>
      <c r="EQ20" s="327">
        <v>0</v>
      </c>
      <c r="ER20" s="331">
        <v>0</v>
      </c>
      <c r="ES20" s="332">
        <v>0</v>
      </c>
      <c r="ET20" s="327">
        <v>0</v>
      </c>
      <c r="EU20" s="327">
        <v>0</v>
      </c>
      <c r="EV20" s="327">
        <v>0</v>
      </c>
      <c r="EW20" s="327">
        <v>0</v>
      </c>
      <c r="EX20" s="327">
        <v>0</v>
      </c>
      <c r="EY20" s="328">
        <v>0</v>
      </c>
      <c r="EZ20" s="330">
        <v>0</v>
      </c>
      <c r="FA20" s="326">
        <v>0</v>
      </c>
      <c r="FB20" s="327">
        <v>0</v>
      </c>
      <c r="FC20" s="331">
        <v>0</v>
      </c>
      <c r="FD20" s="404">
        <v>0</v>
      </c>
      <c r="FE20" s="327">
        <v>0</v>
      </c>
      <c r="FF20" s="327">
        <v>0</v>
      </c>
      <c r="FG20" s="327">
        <v>0</v>
      </c>
      <c r="FH20" s="327">
        <v>0</v>
      </c>
      <c r="FI20" s="327">
        <v>0</v>
      </c>
      <c r="FJ20" s="328">
        <v>0</v>
      </c>
      <c r="FK20" s="330">
        <v>0</v>
      </c>
      <c r="FL20" s="326">
        <v>9450</v>
      </c>
      <c r="FM20" s="327">
        <v>24220</v>
      </c>
      <c r="FN20" s="328">
        <v>33670</v>
      </c>
      <c r="FO20" s="326">
        <v>0</v>
      </c>
      <c r="FP20" s="327">
        <v>59696</v>
      </c>
      <c r="FQ20" s="327">
        <v>99113</v>
      </c>
      <c r="FR20" s="327">
        <v>26124</v>
      </c>
      <c r="FS20" s="327">
        <v>64680</v>
      </c>
      <c r="FT20" s="327">
        <v>40859</v>
      </c>
      <c r="FU20" s="328">
        <v>290472</v>
      </c>
      <c r="FV20" s="330">
        <v>324142</v>
      </c>
      <c r="FW20" s="333">
        <v>9450</v>
      </c>
      <c r="FX20" s="327">
        <v>24220</v>
      </c>
      <c r="FY20" s="331">
        <v>33670</v>
      </c>
      <c r="FZ20" s="332">
        <v>0</v>
      </c>
      <c r="GA20" s="327">
        <v>19040</v>
      </c>
      <c r="GB20" s="327">
        <v>99113</v>
      </c>
      <c r="GC20" s="327">
        <v>26124</v>
      </c>
      <c r="GD20" s="327">
        <v>64680</v>
      </c>
      <c r="GE20" s="327">
        <v>40859</v>
      </c>
      <c r="GF20" s="328">
        <v>249816</v>
      </c>
      <c r="GG20" s="334">
        <v>283486</v>
      </c>
      <c r="GH20" s="333">
        <v>0</v>
      </c>
      <c r="GI20" s="327">
        <v>0</v>
      </c>
      <c r="GJ20" s="331">
        <v>0</v>
      </c>
      <c r="GK20" s="332">
        <v>0</v>
      </c>
      <c r="GL20" s="327">
        <v>40656</v>
      </c>
      <c r="GM20" s="327">
        <v>0</v>
      </c>
      <c r="GN20" s="327">
        <v>0</v>
      </c>
      <c r="GO20" s="327">
        <v>0</v>
      </c>
      <c r="GP20" s="327">
        <v>0</v>
      </c>
      <c r="GQ20" s="328">
        <v>40656</v>
      </c>
      <c r="GR20" s="330">
        <v>40656</v>
      </c>
      <c r="GS20" s="326">
        <v>0</v>
      </c>
      <c r="GT20" s="327">
        <v>0</v>
      </c>
      <c r="GU20" s="328">
        <v>0</v>
      </c>
      <c r="GV20" s="326">
        <v>0</v>
      </c>
      <c r="GW20" s="327">
        <v>0</v>
      </c>
      <c r="GX20" s="327">
        <v>0</v>
      </c>
      <c r="GY20" s="327">
        <v>0</v>
      </c>
      <c r="GZ20" s="327">
        <v>0</v>
      </c>
      <c r="HA20" s="327">
        <v>0</v>
      </c>
      <c r="HB20" s="331">
        <v>0</v>
      </c>
      <c r="HC20" s="330">
        <v>0</v>
      </c>
      <c r="HD20" s="326">
        <v>105032</v>
      </c>
      <c r="HE20" s="327">
        <v>169944</v>
      </c>
      <c r="HF20" s="331">
        <v>274976</v>
      </c>
      <c r="HG20" s="332">
        <v>0</v>
      </c>
      <c r="HH20" s="327">
        <v>1261672</v>
      </c>
      <c r="HI20" s="327">
        <v>161009</v>
      </c>
      <c r="HJ20" s="327">
        <v>353604</v>
      </c>
      <c r="HK20" s="327">
        <v>599040</v>
      </c>
      <c r="HL20" s="327">
        <v>848246</v>
      </c>
      <c r="HM20" s="328">
        <v>3223571</v>
      </c>
      <c r="HN20" s="329">
        <v>3498547</v>
      </c>
      <c r="HO20" s="333">
        <v>0</v>
      </c>
      <c r="HP20" s="327">
        <v>0</v>
      </c>
      <c r="HQ20" s="328">
        <v>0</v>
      </c>
      <c r="HR20" s="326">
        <v>0</v>
      </c>
      <c r="HS20" s="327">
        <v>0</v>
      </c>
      <c r="HT20" s="327">
        <v>0</v>
      </c>
      <c r="HU20" s="327">
        <v>0</v>
      </c>
      <c r="HV20" s="327">
        <v>0</v>
      </c>
      <c r="HW20" s="327">
        <v>0</v>
      </c>
      <c r="HX20" s="331">
        <v>0</v>
      </c>
      <c r="HY20" s="330">
        <v>0</v>
      </c>
      <c r="HZ20" s="358">
        <v>0</v>
      </c>
      <c r="IA20" s="356">
        <v>0</v>
      </c>
      <c r="IB20" s="358">
        <v>0</v>
      </c>
      <c r="IC20" s="355">
        <v>0</v>
      </c>
      <c r="ID20" s="356">
        <v>127622</v>
      </c>
      <c r="IE20" s="357">
        <v>628135</v>
      </c>
      <c r="IF20" s="358">
        <v>19477</v>
      </c>
      <c r="IG20" s="356">
        <v>261018</v>
      </c>
      <c r="IH20" s="358">
        <v>131798</v>
      </c>
      <c r="II20" s="359">
        <v>1168050</v>
      </c>
      <c r="IJ20" s="358">
        <v>1168050</v>
      </c>
      <c r="IK20" s="342">
        <v>0</v>
      </c>
      <c r="IL20" s="343">
        <v>0</v>
      </c>
      <c r="IM20" s="344">
        <v>0</v>
      </c>
      <c r="IN20" s="404">
        <v>0</v>
      </c>
      <c r="IO20" s="345">
        <v>0</v>
      </c>
      <c r="IP20" s="345">
        <v>0</v>
      </c>
      <c r="IQ20" s="345">
        <v>0</v>
      </c>
      <c r="IR20" s="345">
        <v>0</v>
      </c>
      <c r="IS20" s="345">
        <v>0</v>
      </c>
      <c r="IT20" s="346">
        <v>0</v>
      </c>
      <c r="IU20" s="347">
        <v>0</v>
      </c>
      <c r="IV20" s="348">
        <v>0</v>
      </c>
      <c r="IW20" s="345">
        <v>0</v>
      </c>
      <c r="IX20" s="349">
        <v>0</v>
      </c>
      <c r="IY20" s="404">
        <v>0</v>
      </c>
      <c r="IZ20" s="345">
        <v>0</v>
      </c>
      <c r="JA20" s="345">
        <v>0</v>
      </c>
      <c r="JB20" s="345">
        <v>0</v>
      </c>
      <c r="JC20" s="345">
        <v>0</v>
      </c>
      <c r="JD20" s="345">
        <v>0</v>
      </c>
      <c r="JE20" s="349">
        <v>0</v>
      </c>
      <c r="JF20" s="350">
        <v>0</v>
      </c>
      <c r="JG20" s="348">
        <v>0</v>
      </c>
      <c r="JH20" s="345">
        <v>0</v>
      </c>
      <c r="JI20" s="346">
        <v>0</v>
      </c>
      <c r="JJ20" s="351">
        <v>0</v>
      </c>
      <c r="JK20" s="345">
        <v>127622</v>
      </c>
      <c r="JL20" s="345">
        <v>195225</v>
      </c>
      <c r="JM20" s="345">
        <v>19477</v>
      </c>
      <c r="JN20" s="345">
        <v>0</v>
      </c>
      <c r="JO20" s="345">
        <v>131798</v>
      </c>
      <c r="JP20" s="349">
        <v>474122</v>
      </c>
      <c r="JQ20" s="347">
        <v>474122</v>
      </c>
      <c r="JR20" s="348">
        <v>0</v>
      </c>
      <c r="JS20" s="345">
        <v>0</v>
      </c>
      <c r="JT20" s="346">
        <v>0</v>
      </c>
      <c r="JU20" s="351">
        <v>0</v>
      </c>
      <c r="JV20" s="345">
        <v>0</v>
      </c>
      <c r="JW20" s="345">
        <v>0</v>
      </c>
      <c r="JX20" s="345">
        <v>0</v>
      </c>
      <c r="JY20" s="345">
        <v>0</v>
      </c>
      <c r="JZ20" s="345">
        <v>0</v>
      </c>
      <c r="KA20" s="349">
        <v>0</v>
      </c>
      <c r="KB20" s="347">
        <v>0</v>
      </c>
      <c r="KC20" s="352">
        <v>0</v>
      </c>
      <c r="KD20" s="353">
        <v>0</v>
      </c>
      <c r="KE20" s="349">
        <v>0</v>
      </c>
      <c r="KF20" s="351">
        <v>0</v>
      </c>
      <c r="KG20" s="345">
        <v>0</v>
      </c>
      <c r="KH20" s="345">
        <v>0</v>
      </c>
      <c r="KI20" s="345">
        <v>0</v>
      </c>
      <c r="KJ20" s="345">
        <v>0</v>
      </c>
      <c r="KK20" s="345">
        <v>0</v>
      </c>
      <c r="KL20" s="349">
        <v>0</v>
      </c>
      <c r="KM20" s="354">
        <v>0</v>
      </c>
      <c r="KN20" s="342">
        <v>0</v>
      </c>
      <c r="KO20" s="343">
        <v>0</v>
      </c>
      <c r="KP20" s="344">
        <v>0</v>
      </c>
      <c r="KQ20" s="404">
        <v>0</v>
      </c>
      <c r="KR20" s="345">
        <v>0</v>
      </c>
      <c r="KS20" s="345">
        <v>432910</v>
      </c>
      <c r="KT20" s="345">
        <v>0</v>
      </c>
      <c r="KU20" s="345">
        <v>0</v>
      </c>
      <c r="KV20" s="345">
        <v>0</v>
      </c>
      <c r="KW20" s="349">
        <v>432910</v>
      </c>
      <c r="KX20" s="347">
        <v>432910</v>
      </c>
      <c r="KY20" s="348">
        <v>0</v>
      </c>
      <c r="KZ20" s="345">
        <v>0</v>
      </c>
      <c r="LA20" s="349">
        <v>0</v>
      </c>
      <c r="LB20" s="404">
        <v>0</v>
      </c>
      <c r="LC20" s="345">
        <v>0</v>
      </c>
      <c r="LD20" s="345">
        <v>0</v>
      </c>
      <c r="LE20" s="345">
        <v>0</v>
      </c>
      <c r="LF20" s="345">
        <v>0</v>
      </c>
      <c r="LG20" s="345">
        <v>0</v>
      </c>
      <c r="LH20" s="349">
        <v>0</v>
      </c>
      <c r="LI20" s="350">
        <v>0</v>
      </c>
      <c r="LJ20" s="348">
        <v>0</v>
      </c>
      <c r="LK20" s="345">
        <v>0</v>
      </c>
      <c r="LL20" s="349">
        <v>0</v>
      </c>
      <c r="LM20" s="404">
        <v>0</v>
      </c>
      <c r="LN20" s="345">
        <v>0</v>
      </c>
      <c r="LO20" s="345">
        <v>0</v>
      </c>
      <c r="LP20" s="345">
        <v>0</v>
      </c>
      <c r="LQ20" s="345">
        <v>261018</v>
      </c>
      <c r="LR20" s="345">
        <v>0</v>
      </c>
      <c r="LS20" s="349">
        <v>261018</v>
      </c>
      <c r="LT20" s="347">
        <v>261018</v>
      </c>
      <c r="LU20" s="348">
        <v>0</v>
      </c>
      <c r="LV20" s="345">
        <v>0</v>
      </c>
      <c r="LW20" s="349">
        <v>0</v>
      </c>
      <c r="LX20" s="404">
        <v>0</v>
      </c>
      <c r="LY20" s="345">
        <v>0</v>
      </c>
      <c r="LZ20" s="345">
        <v>0</v>
      </c>
      <c r="MA20" s="345">
        <v>0</v>
      </c>
      <c r="MB20" s="345">
        <v>0</v>
      </c>
      <c r="MC20" s="345">
        <v>0</v>
      </c>
      <c r="MD20" s="349">
        <v>0</v>
      </c>
      <c r="ME20" s="350">
        <v>0</v>
      </c>
      <c r="MF20" s="348">
        <v>0</v>
      </c>
      <c r="MG20" s="345">
        <v>0</v>
      </c>
      <c r="MH20" s="349">
        <v>0</v>
      </c>
      <c r="MI20" s="404">
        <v>0</v>
      </c>
      <c r="MJ20" s="345">
        <v>0</v>
      </c>
      <c r="MK20" s="345">
        <v>163953</v>
      </c>
      <c r="ML20" s="345">
        <v>664039</v>
      </c>
      <c r="MM20" s="345">
        <v>368278</v>
      </c>
      <c r="MN20" s="345">
        <v>466184</v>
      </c>
      <c r="MO20" s="349">
        <v>1662454</v>
      </c>
      <c r="MP20" s="354">
        <v>1662454</v>
      </c>
      <c r="MQ20" s="348">
        <v>0</v>
      </c>
      <c r="MR20" s="345">
        <v>0</v>
      </c>
      <c r="MS20" s="349">
        <v>0</v>
      </c>
      <c r="MT20" s="404">
        <v>0</v>
      </c>
      <c r="MU20" s="345">
        <v>0</v>
      </c>
      <c r="MV20" s="345">
        <v>0</v>
      </c>
      <c r="MW20" s="345">
        <v>234523</v>
      </c>
      <c r="MX20" s="345">
        <v>368278</v>
      </c>
      <c r="MY20" s="345">
        <v>466184</v>
      </c>
      <c r="MZ20" s="349">
        <v>1068985</v>
      </c>
      <c r="NA20" s="354">
        <v>1068985</v>
      </c>
      <c r="NB20" s="348">
        <v>0</v>
      </c>
      <c r="NC20" s="345">
        <v>0</v>
      </c>
      <c r="ND20" s="349">
        <v>0</v>
      </c>
      <c r="NE20" s="404">
        <v>0</v>
      </c>
      <c r="NF20" s="345">
        <v>0</v>
      </c>
      <c r="NG20" s="345">
        <v>163953</v>
      </c>
      <c r="NH20" s="345">
        <v>429516</v>
      </c>
      <c r="NI20" s="345">
        <v>0</v>
      </c>
      <c r="NJ20" s="345">
        <v>0</v>
      </c>
      <c r="NK20" s="349">
        <v>593469</v>
      </c>
      <c r="NL20" s="347">
        <v>593469</v>
      </c>
      <c r="NM20" s="348">
        <v>0</v>
      </c>
      <c r="NN20" s="345">
        <v>0</v>
      </c>
      <c r="NO20" s="349">
        <v>0</v>
      </c>
      <c r="NP20" s="404">
        <v>0</v>
      </c>
      <c r="NQ20" s="345">
        <v>0</v>
      </c>
      <c r="NR20" s="345">
        <v>0</v>
      </c>
      <c r="NS20" s="345">
        <v>0</v>
      </c>
      <c r="NT20" s="345">
        <v>0</v>
      </c>
      <c r="NU20" s="345">
        <v>0</v>
      </c>
      <c r="NV20" s="349">
        <v>0</v>
      </c>
      <c r="NW20" s="350">
        <v>0</v>
      </c>
      <c r="NX20" s="348">
        <v>0</v>
      </c>
      <c r="NY20" s="345">
        <v>0</v>
      </c>
      <c r="NZ20" s="349">
        <v>0</v>
      </c>
      <c r="OA20" s="404">
        <v>0</v>
      </c>
      <c r="OB20" s="345">
        <v>0</v>
      </c>
      <c r="OC20" s="345">
        <v>0</v>
      </c>
      <c r="OD20" s="345">
        <v>0</v>
      </c>
      <c r="OE20" s="345">
        <v>0</v>
      </c>
      <c r="OF20" s="345">
        <v>0</v>
      </c>
      <c r="OG20" s="349">
        <v>0</v>
      </c>
      <c r="OH20" s="350">
        <v>0</v>
      </c>
      <c r="OI20" s="348">
        <v>133278</v>
      </c>
      <c r="OJ20" s="345">
        <v>234522</v>
      </c>
      <c r="OK20" s="346">
        <v>367800</v>
      </c>
      <c r="OL20" s="351">
        <v>0</v>
      </c>
      <c r="OM20" s="345">
        <v>1766550</v>
      </c>
      <c r="ON20" s="345">
        <v>1582031</v>
      </c>
      <c r="OO20" s="345">
        <v>1837864</v>
      </c>
      <c r="OP20" s="345">
        <v>1721573</v>
      </c>
      <c r="OQ20" s="345">
        <v>1892099</v>
      </c>
      <c r="OR20" s="349">
        <v>8800117</v>
      </c>
      <c r="OS20" s="354">
        <v>9167917</v>
      </c>
    </row>
    <row r="21" spans="2:409" s="70" customFormat="1" ht="21" customHeight="1" x14ac:dyDescent="0.2">
      <c r="B21" s="106" t="s">
        <v>16</v>
      </c>
      <c r="C21" s="326">
        <v>529304</v>
      </c>
      <c r="D21" s="327">
        <v>361269</v>
      </c>
      <c r="E21" s="328">
        <v>890573</v>
      </c>
      <c r="F21" s="329">
        <v>0</v>
      </c>
      <c r="G21" s="327">
        <v>3309312</v>
      </c>
      <c r="H21" s="327">
        <v>5852112</v>
      </c>
      <c r="I21" s="327">
        <v>3755602</v>
      </c>
      <c r="J21" s="327">
        <v>4254622</v>
      </c>
      <c r="K21" s="327">
        <v>2699914</v>
      </c>
      <c r="L21" s="329">
        <v>19871562</v>
      </c>
      <c r="M21" s="330">
        <v>20762135</v>
      </c>
      <c r="N21" s="326">
        <v>163143</v>
      </c>
      <c r="O21" s="327">
        <v>81603</v>
      </c>
      <c r="P21" s="328">
        <v>244746</v>
      </c>
      <c r="Q21" s="326">
        <v>0</v>
      </c>
      <c r="R21" s="327">
        <v>422812</v>
      </c>
      <c r="S21" s="327">
        <v>1938453</v>
      </c>
      <c r="T21" s="327">
        <v>727185</v>
      </c>
      <c r="U21" s="327">
        <v>1573100</v>
      </c>
      <c r="V21" s="327">
        <v>772115</v>
      </c>
      <c r="W21" s="328">
        <v>5433665</v>
      </c>
      <c r="X21" s="330">
        <v>5678411</v>
      </c>
      <c r="Y21" s="326">
        <v>0</v>
      </c>
      <c r="Z21" s="327">
        <v>0</v>
      </c>
      <c r="AA21" s="328">
        <v>0</v>
      </c>
      <c r="AB21" s="326">
        <v>0</v>
      </c>
      <c r="AC21" s="327">
        <v>86081</v>
      </c>
      <c r="AD21" s="327">
        <v>1076468</v>
      </c>
      <c r="AE21" s="327">
        <v>184484</v>
      </c>
      <c r="AF21" s="327">
        <v>847101</v>
      </c>
      <c r="AG21" s="327">
        <v>209570</v>
      </c>
      <c r="AH21" s="328">
        <v>2403704</v>
      </c>
      <c r="AI21" s="330">
        <v>2403704</v>
      </c>
      <c r="AJ21" s="326">
        <v>0</v>
      </c>
      <c r="AK21" s="327">
        <v>0</v>
      </c>
      <c r="AL21" s="328">
        <v>0</v>
      </c>
      <c r="AM21" s="326">
        <v>0</v>
      </c>
      <c r="AN21" s="327">
        <v>0</v>
      </c>
      <c r="AO21" s="327">
        <v>0</v>
      </c>
      <c r="AP21" s="327">
        <v>0</v>
      </c>
      <c r="AQ21" s="327">
        <v>131326</v>
      </c>
      <c r="AR21" s="327">
        <v>90918</v>
      </c>
      <c r="AS21" s="328">
        <v>222244</v>
      </c>
      <c r="AT21" s="330">
        <v>222244</v>
      </c>
      <c r="AU21" s="326">
        <v>95227</v>
      </c>
      <c r="AV21" s="327">
        <v>81603</v>
      </c>
      <c r="AW21" s="328">
        <v>176830</v>
      </c>
      <c r="AX21" s="326">
        <v>0</v>
      </c>
      <c r="AY21" s="327">
        <v>253256</v>
      </c>
      <c r="AZ21" s="327">
        <v>581152</v>
      </c>
      <c r="BA21" s="327">
        <v>358789</v>
      </c>
      <c r="BB21" s="327">
        <v>428969</v>
      </c>
      <c r="BC21" s="327">
        <v>263995</v>
      </c>
      <c r="BD21" s="328">
        <v>1886161</v>
      </c>
      <c r="BE21" s="330">
        <v>2062991</v>
      </c>
      <c r="BF21" s="326">
        <v>26378</v>
      </c>
      <c r="BG21" s="327">
        <v>0</v>
      </c>
      <c r="BH21" s="331">
        <v>26378</v>
      </c>
      <c r="BI21" s="332">
        <v>0</v>
      </c>
      <c r="BJ21" s="327">
        <v>0</v>
      </c>
      <c r="BK21" s="327">
        <v>0</v>
      </c>
      <c r="BL21" s="327">
        <v>34672</v>
      </c>
      <c r="BM21" s="327">
        <v>0</v>
      </c>
      <c r="BN21" s="327">
        <v>78020</v>
      </c>
      <c r="BO21" s="328">
        <v>112692</v>
      </c>
      <c r="BP21" s="330">
        <v>139070</v>
      </c>
      <c r="BQ21" s="326">
        <v>41538</v>
      </c>
      <c r="BR21" s="327">
        <v>0</v>
      </c>
      <c r="BS21" s="328">
        <v>41538</v>
      </c>
      <c r="BT21" s="326">
        <v>0</v>
      </c>
      <c r="BU21" s="327">
        <v>83475</v>
      </c>
      <c r="BV21" s="327">
        <v>280833</v>
      </c>
      <c r="BW21" s="327">
        <v>149240</v>
      </c>
      <c r="BX21" s="327">
        <v>165704</v>
      </c>
      <c r="BY21" s="327">
        <v>129612</v>
      </c>
      <c r="BZ21" s="328">
        <v>808864</v>
      </c>
      <c r="CA21" s="330">
        <v>850402</v>
      </c>
      <c r="CB21" s="326">
        <v>56131</v>
      </c>
      <c r="CC21" s="327">
        <v>203590</v>
      </c>
      <c r="CD21" s="328">
        <v>259721</v>
      </c>
      <c r="CE21" s="326">
        <v>0</v>
      </c>
      <c r="CF21" s="327">
        <v>1701613</v>
      </c>
      <c r="CG21" s="327">
        <v>1956332</v>
      </c>
      <c r="CH21" s="327">
        <v>910643</v>
      </c>
      <c r="CI21" s="327">
        <v>620661</v>
      </c>
      <c r="CJ21" s="327">
        <v>163813</v>
      </c>
      <c r="CK21" s="328">
        <v>5353062</v>
      </c>
      <c r="CL21" s="330">
        <v>5612783</v>
      </c>
      <c r="CM21" s="326">
        <v>0</v>
      </c>
      <c r="CN21" s="327">
        <v>0</v>
      </c>
      <c r="CO21" s="328">
        <v>0</v>
      </c>
      <c r="CP21" s="332">
        <v>0</v>
      </c>
      <c r="CQ21" s="327">
        <v>1158538</v>
      </c>
      <c r="CR21" s="327">
        <v>1254150</v>
      </c>
      <c r="CS21" s="327">
        <v>452246</v>
      </c>
      <c r="CT21" s="327">
        <v>547077</v>
      </c>
      <c r="CU21" s="327">
        <v>72515</v>
      </c>
      <c r="CV21" s="328">
        <v>3484526</v>
      </c>
      <c r="CW21" s="330">
        <v>3484526</v>
      </c>
      <c r="CX21" s="326">
        <v>56131</v>
      </c>
      <c r="CY21" s="327">
        <v>203590</v>
      </c>
      <c r="CZ21" s="328">
        <v>259721</v>
      </c>
      <c r="DA21" s="326">
        <v>0</v>
      </c>
      <c r="DB21" s="327">
        <v>543075</v>
      </c>
      <c r="DC21" s="327">
        <v>702182</v>
      </c>
      <c r="DD21" s="327">
        <v>458397</v>
      </c>
      <c r="DE21" s="327">
        <v>73584</v>
      </c>
      <c r="DF21" s="327">
        <v>91298</v>
      </c>
      <c r="DG21" s="328">
        <v>1868536</v>
      </c>
      <c r="DH21" s="330">
        <v>2128257</v>
      </c>
      <c r="DI21" s="326">
        <v>21924</v>
      </c>
      <c r="DJ21" s="327">
        <v>0</v>
      </c>
      <c r="DK21" s="331">
        <v>21924</v>
      </c>
      <c r="DL21" s="332">
        <v>0</v>
      </c>
      <c r="DM21" s="327">
        <v>70498</v>
      </c>
      <c r="DN21" s="327">
        <v>236319</v>
      </c>
      <c r="DO21" s="327">
        <v>219051</v>
      </c>
      <c r="DP21" s="327">
        <v>101130</v>
      </c>
      <c r="DQ21" s="327">
        <v>0</v>
      </c>
      <c r="DR21" s="328">
        <v>626998</v>
      </c>
      <c r="DS21" s="330">
        <v>648922</v>
      </c>
      <c r="DT21" s="326">
        <v>21924</v>
      </c>
      <c r="DU21" s="327">
        <v>0</v>
      </c>
      <c r="DV21" s="328">
        <v>21924</v>
      </c>
      <c r="DW21" s="326">
        <v>0</v>
      </c>
      <c r="DX21" s="327">
        <v>49522</v>
      </c>
      <c r="DY21" s="327">
        <v>236319</v>
      </c>
      <c r="DZ21" s="327">
        <v>219051</v>
      </c>
      <c r="EA21" s="327">
        <v>101130</v>
      </c>
      <c r="EB21" s="327">
        <v>0</v>
      </c>
      <c r="EC21" s="328">
        <v>606022</v>
      </c>
      <c r="ED21" s="330">
        <v>627946</v>
      </c>
      <c r="EE21" s="326">
        <v>0</v>
      </c>
      <c r="EF21" s="331">
        <v>0</v>
      </c>
      <c r="EG21" s="328">
        <v>0</v>
      </c>
      <c r="EH21" s="326">
        <v>0</v>
      </c>
      <c r="EI21" s="327">
        <v>20976</v>
      </c>
      <c r="EJ21" s="327">
        <v>0</v>
      </c>
      <c r="EK21" s="327">
        <v>0</v>
      </c>
      <c r="EL21" s="327">
        <v>0</v>
      </c>
      <c r="EM21" s="327">
        <v>0</v>
      </c>
      <c r="EN21" s="331">
        <v>20976</v>
      </c>
      <c r="EO21" s="330">
        <v>20976</v>
      </c>
      <c r="EP21" s="326">
        <v>0</v>
      </c>
      <c r="EQ21" s="327">
        <v>0</v>
      </c>
      <c r="ER21" s="331">
        <v>0</v>
      </c>
      <c r="ES21" s="332">
        <v>0</v>
      </c>
      <c r="ET21" s="327">
        <v>0</v>
      </c>
      <c r="EU21" s="327">
        <v>0</v>
      </c>
      <c r="EV21" s="327">
        <v>0</v>
      </c>
      <c r="EW21" s="327">
        <v>0</v>
      </c>
      <c r="EX21" s="327">
        <v>0</v>
      </c>
      <c r="EY21" s="328">
        <v>0</v>
      </c>
      <c r="EZ21" s="330">
        <v>0</v>
      </c>
      <c r="FA21" s="326">
        <v>0</v>
      </c>
      <c r="FB21" s="327">
        <v>0</v>
      </c>
      <c r="FC21" s="331">
        <v>0</v>
      </c>
      <c r="FD21" s="404">
        <v>0</v>
      </c>
      <c r="FE21" s="327">
        <v>0</v>
      </c>
      <c r="FF21" s="327">
        <v>0</v>
      </c>
      <c r="FG21" s="327">
        <v>0</v>
      </c>
      <c r="FH21" s="327">
        <v>0</v>
      </c>
      <c r="FI21" s="327">
        <v>0</v>
      </c>
      <c r="FJ21" s="328">
        <v>0</v>
      </c>
      <c r="FK21" s="330">
        <v>0</v>
      </c>
      <c r="FL21" s="326">
        <v>37653</v>
      </c>
      <c r="FM21" s="327">
        <v>76076</v>
      </c>
      <c r="FN21" s="328">
        <v>113729</v>
      </c>
      <c r="FO21" s="326">
        <v>0</v>
      </c>
      <c r="FP21" s="327">
        <v>95956</v>
      </c>
      <c r="FQ21" s="327">
        <v>477536</v>
      </c>
      <c r="FR21" s="327">
        <v>178948</v>
      </c>
      <c r="FS21" s="327">
        <v>263697</v>
      </c>
      <c r="FT21" s="327">
        <v>285012</v>
      </c>
      <c r="FU21" s="328">
        <v>1301149</v>
      </c>
      <c r="FV21" s="330">
        <v>1414878</v>
      </c>
      <c r="FW21" s="333">
        <v>37653</v>
      </c>
      <c r="FX21" s="327">
        <v>76076</v>
      </c>
      <c r="FY21" s="331">
        <v>113729</v>
      </c>
      <c r="FZ21" s="332">
        <v>0</v>
      </c>
      <c r="GA21" s="327">
        <v>95956</v>
      </c>
      <c r="GB21" s="327">
        <v>434063</v>
      </c>
      <c r="GC21" s="327">
        <v>178948</v>
      </c>
      <c r="GD21" s="327">
        <v>263697</v>
      </c>
      <c r="GE21" s="327">
        <v>285012</v>
      </c>
      <c r="GF21" s="328">
        <v>1257676</v>
      </c>
      <c r="GG21" s="334">
        <v>1371405</v>
      </c>
      <c r="GH21" s="333">
        <v>0</v>
      </c>
      <c r="GI21" s="327">
        <v>0</v>
      </c>
      <c r="GJ21" s="331">
        <v>0</v>
      </c>
      <c r="GK21" s="332">
        <v>0</v>
      </c>
      <c r="GL21" s="327">
        <v>0</v>
      </c>
      <c r="GM21" s="327">
        <v>14044</v>
      </c>
      <c r="GN21" s="327">
        <v>0</v>
      </c>
      <c r="GO21" s="327">
        <v>0</v>
      </c>
      <c r="GP21" s="327">
        <v>0</v>
      </c>
      <c r="GQ21" s="328">
        <v>14044</v>
      </c>
      <c r="GR21" s="330">
        <v>14044</v>
      </c>
      <c r="GS21" s="326">
        <v>0</v>
      </c>
      <c r="GT21" s="327">
        <v>0</v>
      </c>
      <c r="GU21" s="328">
        <v>0</v>
      </c>
      <c r="GV21" s="326">
        <v>0</v>
      </c>
      <c r="GW21" s="327">
        <v>0</v>
      </c>
      <c r="GX21" s="327">
        <v>29429</v>
      </c>
      <c r="GY21" s="327">
        <v>0</v>
      </c>
      <c r="GZ21" s="327">
        <v>0</v>
      </c>
      <c r="HA21" s="327">
        <v>0</v>
      </c>
      <c r="HB21" s="331">
        <v>29429</v>
      </c>
      <c r="HC21" s="330">
        <v>29429</v>
      </c>
      <c r="HD21" s="326">
        <v>250453</v>
      </c>
      <c r="HE21" s="327">
        <v>0</v>
      </c>
      <c r="HF21" s="331">
        <v>250453</v>
      </c>
      <c r="HG21" s="332">
        <v>0</v>
      </c>
      <c r="HH21" s="327">
        <v>1018433</v>
      </c>
      <c r="HI21" s="327">
        <v>1243472</v>
      </c>
      <c r="HJ21" s="327">
        <v>1719775</v>
      </c>
      <c r="HK21" s="327">
        <v>1696034</v>
      </c>
      <c r="HL21" s="327">
        <v>1478974</v>
      </c>
      <c r="HM21" s="328">
        <v>7156688</v>
      </c>
      <c r="HN21" s="329">
        <v>7407141</v>
      </c>
      <c r="HO21" s="333">
        <v>0</v>
      </c>
      <c r="HP21" s="327">
        <v>0</v>
      </c>
      <c r="HQ21" s="328">
        <v>0</v>
      </c>
      <c r="HR21" s="326">
        <v>0</v>
      </c>
      <c r="HS21" s="327">
        <v>0</v>
      </c>
      <c r="HT21" s="327">
        <v>0</v>
      </c>
      <c r="HU21" s="327">
        <v>0</v>
      </c>
      <c r="HV21" s="327">
        <v>0</v>
      </c>
      <c r="HW21" s="327">
        <v>0</v>
      </c>
      <c r="HX21" s="331">
        <v>0</v>
      </c>
      <c r="HY21" s="330">
        <v>0</v>
      </c>
      <c r="HZ21" s="335">
        <v>0</v>
      </c>
      <c r="IA21" s="336">
        <v>0</v>
      </c>
      <c r="IB21" s="337">
        <v>0</v>
      </c>
      <c r="IC21" s="338">
        <v>0</v>
      </c>
      <c r="ID21" s="336">
        <v>781748</v>
      </c>
      <c r="IE21" s="339">
        <v>1090593</v>
      </c>
      <c r="IF21" s="337">
        <v>877405</v>
      </c>
      <c r="IG21" s="336">
        <v>443737</v>
      </c>
      <c r="IH21" s="337">
        <v>942663</v>
      </c>
      <c r="II21" s="340">
        <v>4136146</v>
      </c>
      <c r="IJ21" s="341">
        <v>4136146</v>
      </c>
      <c r="IK21" s="342">
        <v>0</v>
      </c>
      <c r="IL21" s="343">
        <v>0</v>
      </c>
      <c r="IM21" s="344">
        <v>0</v>
      </c>
      <c r="IN21" s="404">
        <v>0</v>
      </c>
      <c r="IO21" s="345">
        <v>0</v>
      </c>
      <c r="IP21" s="345">
        <v>0</v>
      </c>
      <c r="IQ21" s="345">
        <v>157936</v>
      </c>
      <c r="IR21" s="345">
        <v>164906</v>
      </c>
      <c r="IS21" s="345">
        <v>268808</v>
      </c>
      <c r="IT21" s="346">
        <v>591650</v>
      </c>
      <c r="IU21" s="347">
        <v>591650</v>
      </c>
      <c r="IV21" s="348">
        <v>0</v>
      </c>
      <c r="IW21" s="345">
        <v>0</v>
      </c>
      <c r="IX21" s="349">
        <v>0</v>
      </c>
      <c r="IY21" s="404">
        <v>0</v>
      </c>
      <c r="IZ21" s="345">
        <v>0</v>
      </c>
      <c r="JA21" s="345">
        <v>0</v>
      </c>
      <c r="JB21" s="345">
        <v>0</v>
      </c>
      <c r="JC21" s="345">
        <v>0</v>
      </c>
      <c r="JD21" s="345">
        <v>0</v>
      </c>
      <c r="JE21" s="349">
        <v>0</v>
      </c>
      <c r="JF21" s="350">
        <v>0</v>
      </c>
      <c r="JG21" s="348">
        <v>0</v>
      </c>
      <c r="JH21" s="345">
        <v>0</v>
      </c>
      <c r="JI21" s="346">
        <v>0</v>
      </c>
      <c r="JJ21" s="351">
        <v>0</v>
      </c>
      <c r="JK21" s="345">
        <v>258531</v>
      </c>
      <c r="JL21" s="345">
        <v>496982</v>
      </c>
      <c r="JM21" s="345">
        <v>276829</v>
      </c>
      <c r="JN21" s="345">
        <v>48798</v>
      </c>
      <c r="JO21" s="345">
        <v>0</v>
      </c>
      <c r="JP21" s="349">
        <v>1081140</v>
      </c>
      <c r="JQ21" s="347">
        <v>1081140</v>
      </c>
      <c r="JR21" s="348">
        <v>0</v>
      </c>
      <c r="JS21" s="345">
        <v>0</v>
      </c>
      <c r="JT21" s="346">
        <v>0</v>
      </c>
      <c r="JU21" s="351">
        <v>0</v>
      </c>
      <c r="JV21" s="345">
        <v>34911</v>
      </c>
      <c r="JW21" s="345">
        <v>0</v>
      </c>
      <c r="JX21" s="345">
        <v>0</v>
      </c>
      <c r="JY21" s="345">
        <v>0</v>
      </c>
      <c r="JZ21" s="345">
        <v>417466</v>
      </c>
      <c r="KA21" s="349">
        <v>452377</v>
      </c>
      <c r="KB21" s="347">
        <v>452377</v>
      </c>
      <c r="KC21" s="352">
        <v>0</v>
      </c>
      <c r="KD21" s="353">
        <v>0</v>
      </c>
      <c r="KE21" s="349">
        <v>0</v>
      </c>
      <c r="KF21" s="351">
        <v>0</v>
      </c>
      <c r="KG21" s="345">
        <v>312687</v>
      </c>
      <c r="KH21" s="345">
        <v>162596</v>
      </c>
      <c r="KI21" s="345">
        <v>0</v>
      </c>
      <c r="KJ21" s="345">
        <v>0</v>
      </c>
      <c r="KK21" s="345">
        <v>256389</v>
      </c>
      <c r="KL21" s="349">
        <v>731672</v>
      </c>
      <c r="KM21" s="354">
        <v>731672</v>
      </c>
      <c r="KN21" s="342">
        <v>0</v>
      </c>
      <c r="KO21" s="343">
        <v>0</v>
      </c>
      <c r="KP21" s="344">
        <v>0</v>
      </c>
      <c r="KQ21" s="404">
        <v>0</v>
      </c>
      <c r="KR21" s="345">
        <v>175619</v>
      </c>
      <c r="KS21" s="345">
        <v>431015</v>
      </c>
      <c r="KT21" s="345">
        <v>442640</v>
      </c>
      <c r="KU21" s="345">
        <v>230033</v>
      </c>
      <c r="KV21" s="345">
        <v>0</v>
      </c>
      <c r="KW21" s="349">
        <v>1279307</v>
      </c>
      <c r="KX21" s="347">
        <v>1279307</v>
      </c>
      <c r="KY21" s="348">
        <v>0</v>
      </c>
      <c r="KZ21" s="345">
        <v>0</v>
      </c>
      <c r="LA21" s="349">
        <v>0</v>
      </c>
      <c r="LB21" s="404">
        <v>0</v>
      </c>
      <c r="LC21" s="345">
        <v>0</v>
      </c>
      <c r="LD21" s="345">
        <v>0</v>
      </c>
      <c r="LE21" s="345">
        <v>0</v>
      </c>
      <c r="LF21" s="345">
        <v>0</v>
      </c>
      <c r="LG21" s="345">
        <v>0</v>
      </c>
      <c r="LH21" s="349">
        <v>0</v>
      </c>
      <c r="LI21" s="350">
        <v>0</v>
      </c>
      <c r="LJ21" s="348">
        <v>0</v>
      </c>
      <c r="LK21" s="345">
        <v>0</v>
      </c>
      <c r="LL21" s="349">
        <v>0</v>
      </c>
      <c r="LM21" s="404">
        <v>0</v>
      </c>
      <c r="LN21" s="345">
        <v>0</v>
      </c>
      <c r="LO21" s="345">
        <v>0</v>
      </c>
      <c r="LP21" s="345">
        <v>0</v>
      </c>
      <c r="LQ21" s="345">
        <v>0</v>
      </c>
      <c r="LR21" s="345">
        <v>0</v>
      </c>
      <c r="LS21" s="349">
        <v>0</v>
      </c>
      <c r="LT21" s="347">
        <v>0</v>
      </c>
      <c r="LU21" s="348">
        <v>0</v>
      </c>
      <c r="LV21" s="345">
        <v>0</v>
      </c>
      <c r="LW21" s="349">
        <v>0</v>
      </c>
      <c r="LX21" s="404">
        <v>0</v>
      </c>
      <c r="LY21" s="345">
        <v>0</v>
      </c>
      <c r="LZ21" s="345">
        <v>0</v>
      </c>
      <c r="MA21" s="345">
        <v>0</v>
      </c>
      <c r="MB21" s="345">
        <v>0</v>
      </c>
      <c r="MC21" s="345">
        <v>0</v>
      </c>
      <c r="MD21" s="349">
        <v>0</v>
      </c>
      <c r="ME21" s="350">
        <v>0</v>
      </c>
      <c r="MF21" s="348">
        <v>0</v>
      </c>
      <c r="MG21" s="345">
        <v>0</v>
      </c>
      <c r="MH21" s="349">
        <v>0</v>
      </c>
      <c r="MI21" s="404">
        <v>0</v>
      </c>
      <c r="MJ21" s="345">
        <v>0</v>
      </c>
      <c r="MK21" s="345">
        <v>232369</v>
      </c>
      <c r="ML21" s="345">
        <v>2262831</v>
      </c>
      <c r="MM21" s="345">
        <v>3114015</v>
      </c>
      <c r="MN21" s="345">
        <v>2176356</v>
      </c>
      <c r="MO21" s="349">
        <v>7785571</v>
      </c>
      <c r="MP21" s="354">
        <v>7785571</v>
      </c>
      <c r="MQ21" s="348">
        <v>0</v>
      </c>
      <c r="MR21" s="345">
        <v>0</v>
      </c>
      <c r="MS21" s="349">
        <v>0</v>
      </c>
      <c r="MT21" s="404">
        <v>0</v>
      </c>
      <c r="MU21" s="345">
        <v>0</v>
      </c>
      <c r="MV21" s="345">
        <v>0</v>
      </c>
      <c r="MW21" s="345">
        <v>1242759</v>
      </c>
      <c r="MX21" s="345">
        <v>1882218</v>
      </c>
      <c r="MY21" s="345">
        <v>1423762</v>
      </c>
      <c r="MZ21" s="349">
        <v>4548739</v>
      </c>
      <c r="NA21" s="354">
        <v>4548739</v>
      </c>
      <c r="NB21" s="348">
        <v>0</v>
      </c>
      <c r="NC21" s="345">
        <v>0</v>
      </c>
      <c r="ND21" s="349">
        <v>0</v>
      </c>
      <c r="NE21" s="404">
        <v>0</v>
      </c>
      <c r="NF21" s="345">
        <v>0</v>
      </c>
      <c r="NG21" s="345">
        <v>232369</v>
      </c>
      <c r="NH21" s="345">
        <v>1020072</v>
      </c>
      <c r="NI21" s="345">
        <v>1231797</v>
      </c>
      <c r="NJ21" s="345">
        <v>436501</v>
      </c>
      <c r="NK21" s="349">
        <v>2920739</v>
      </c>
      <c r="NL21" s="347">
        <v>2920739</v>
      </c>
      <c r="NM21" s="348">
        <v>0</v>
      </c>
      <c r="NN21" s="345">
        <v>0</v>
      </c>
      <c r="NO21" s="349">
        <v>0</v>
      </c>
      <c r="NP21" s="404">
        <v>0</v>
      </c>
      <c r="NQ21" s="345">
        <v>0</v>
      </c>
      <c r="NR21" s="345">
        <v>0</v>
      </c>
      <c r="NS21" s="345">
        <v>0</v>
      </c>
      <c r="NT21" s="345">
        <v>0</v>
      </c>
      <c r="NU21" s="345">
        <v>0</v>
      </c>
      <c r="NV21" s="349">
        <v>0</v>
      </c>
      <c r="NW21" s="350">
        <v>0</v>
      </c>
      <c r="NX21" s="348">
        <v>0</v>
      </c>
      <c r="NY21" s="345">
        <v>0</v>
      </c>
      <c r="NZ21" s="349">
        <v>0</v>
      </c>
      <c r="OA21" s="404">
        <v>0</v>
      </c>
      <c r="OB21" s="345">
        <v>0</v>
      </c>
      <c r="OC21" s="345">
        <v>0</v>
      </c>
      <c r="OD21" s="345">
        <v>0</v>
      </c>
      <c r="OE21" s="345">
        <v>0</v>
      </c>
      <c r="OF21" s="345">
        <v>316093</v>
      </c>
      <c r="OG21" s="349">
        <v>316093</v>
      </c>
      <c r="OH21" s="350">
        <v>316093</v>
      </c>
      <c r="OI21" s="348">
        <v>529304</v>
      </c>
      <c r="OJ21" s="345">
        <v>361269</v>
      </c>
      <c r="OK21" s="346">
        <v>890573</v>
      </c>
      <c r="OL21" s="351">
        <v>0</v>
      </c>
      <c r="OM21" s="345">
        <v>4091060</v>
      </c>
      <c r="ON21" s="345">
        <v>7175074</v>
      </c>
      <c r="OO21" s="345">
        <v>6895838</v>
      </c>
      <c r="OP21" s="345">
        <v>7812374</v>
      </c>
      <c r="OQ21" s="345">
        <v>5818933</v>
      </c>
      <c r="OR21" s="349">
        <v>31793279</v>
      </c>
      <c r="OS21" s="354">
        <v>32683852</v>
      </c>
    </row>
    <row r="22" spans="2:409" s="70" customFormat="1" ht="21" customHeight="1" x14ac:dyDescent="0.2">
      <c r="B22" s="106" t="s">
        <v>17</v>
      </c>
      <c r="C22" s="326">
        <v>366783</v>
      </c>
      <c r="D22" s="327">
        <v>1213402</v>
      </c>
      <c r="E22" s="328">
        <v>1580185</v>
      </c>
      <c r="F22" s="329">
        <v>0</v>
      </c>
      <c r="G22" s="327">
        <v>4534854</v>
      </c>
      <c r="H22" s="327">
        <v>8127420</v>
      </c>
      <c r="I22" s="327">
        <v>8135409</v>
      </c>
      <c r="J22" s="327">
        <v>5832003</v>
      </c>
      <c r="K22" s="327">
        <v>3066263</v>
      </c>
      <c r="L22" s="329">
        <v>29695949</v>
      </c>
      <c r="M22" s="330">
        <v>31276134</v>
      </c>
      <c r="N22" s="326">
        <v>164266</v>
      </c>
      <c r="O22" s="327">
        <v>382208</v>
      </c>
      <c r="P22" s="328">
        <v>546474</v>
      </c>
      <c r="Q22" s="326">
        <v>0</v>
      </c>
      <c r="R22" s="327">
        <v>930854</v>
      </c>
      <c r="S22" s="327">
        <v>3111605</v>
      </c>
      <c r="T22" s="327">
        <v>3310115</v>
      </c>
      <c r="U22" s="327">
        <v>2038855</v>
      </c>
      <c r="V22" s="327">
        <v>1028218</v>
      </c>
      <c r="W22" s="328">
        <v>10419647</v>
      </c>
      <c r="X22" s="330">
        <v>10966121</v>
      </c>
      <c r="Y22" s="326">
        <v>0</v>
      </c>
      <c r="Z22" s="327">
        <v>0</v>
      </c>
      <c r="AA22" s="328">
        <v>0</v>
      </c>
      <c r="AB22" s="326">
        <v>0</v>
      </c>
      <c r="AC22" s="327">
        <v>262940</v>
      </c>
      <c r="AD22" s="327">
        <v>1554041</v>
      </c>
      <c r="AE22" s="327">
        <v>1901168</v>
      </c>
      <c r="AF22" s="327">
        <v>977434</v>
      </c>
      <c r="AG22" s="327">
        <v>465451</v>
      </c>
      <c r="AH22" s="328">
        <v>5161034</v>
      </c>
      <c r="AI22" s="330">
        <v>5161034</v>
      </c>
      <c r="AJ22" s="326">
        <v>0</v>
      </c>
      <c r="AK22" s="327">
        <v>0</v>
      </c>
      <c r="AL22" s="328">
        <v>0</v>
      </c>
      <c r="AM22" s="326">
        <v>0</v>
      </c>
      <c r="AN22" s="327">
        <v>0</v>
      </c>
      <c r="AO22" s="327">
        <v>0</v>
      </c>
      <c r="AP22" s="327">
        <v>20747</v>
      </c>
      <c r="AQ22" s="327">
        <v>278252</v>
      </c>
      <c r="AR22" s="327">
        <v>235682</v>
      </c>
      <c r="AS22" s="328">
        <v>534681</v>
      </c>
      <c r="AT22" s="330">
        <v>534681</v>
      </c>
      <c r="AU22" s="326">
        <v>49201</v>
      </c>
      <c r="AV22" s="327">
        <v>313384</v>
      </c>
      <c r="AW22" s="328">
        <v>362585</v>
      </c>
      <c r="AX22" s="326">
        <v>0</v>
      </c>
      <c r="AY22" s="327">
        <v>293311</v>
      </c>
      <c r="AZ22" s="327">
        <v>1072867</v>
      </c>
      <c r="BA22" s="327">
        <v>759410</v>
      </c>
      <c r="BB22" s="327">
        <v>442096</v>
      </c>
      <c r="BC22" s="327">
        <v>109903</v>
      </c>
      <c r="BD22" s="328">
        <v>2677587</v>
      </c>
      <c r="BE22" s="330">
        <v>3040172</v>
      </c>
      <c r="BF22" s="326">
        <v>73471</v>
      </c>
      <c r="BG22" s="327">
        <v>0</v>
      </c>
      <c r="BH22" s="331">
        <v>73471</v>
      </c>
      <c r="BI22" s="332">
        <v>0</v>
      </c>
      <c r="BJ22" s="327">
        <v>88765</v>
      </c>
      <c r="BK22" s="327">
        <v>140570</v>
      </c>
      <c r="BL22" s="327">
        <v>169128</v>
      </c>
      <c r="BM22" s="327">
        <v>37889</v>
      </c>
      <c r="BN22" s="327">
        <v>0</v>
      </c>
      <c r="BO22" s="328">
        <v>436352</v>
      </c>
      <c r="BP22" s="330">
        <v>509823</v>
      </c>
      <c r="BQ22" s="326">
        <v>41594</v>
      </c>
      <c r="BR22" s="327">
        <v>68824</v>
      </c>
      <c r="BS22" s="328">
        <v>110418</v>
      </c>
      <c r="BT22" s="326">
        <v>0</v>
      </c>
      <c r="BU22" s="327">
        <v>285838</v>
      </c>
      <c r="BV22" s="327">
        <v>344127</v>
      </c>
      <c r="BW22" s="327">
        <v>459662</v>
      </c>
      <c r="BX22" s="327">
        <v>303184</v>
      </c>
      <c r="BY22" s="327">
        <v>217182</v>
      </c>
      <c r="BZ22" s="328">
        <v>1609993</v>
      </c>
      <c r="CA22" s="330">
        <v>1720411</v>
      </c>
      <c r="CB22" s="326">
        <v>74861</v>
      </c>
      <c r="CC22" s="327">
        <v>209007</v>
      </c>
      <c r="CD22" s="328">
        <v>283868</v>
      </c>
      <c r="CE22" s="326">
        <v>0</v>
      </c>
      <c r="CF22" s="327">
        <v>1068278</v>
      </c>
      <c r="CG22" s="327">
        <v>2509659</v>
      </c>
      <c r="CH22" s="327">
        <v>1864176</v>
      </c>
      <c r="CI22" s="327">
        <v>1334424</v>
      </c>
      <c r="CJ22" s="327">
        <v>324828</v>
      </c>
      <c r="CK22" s="328">
        <v>7101365</v>
      </c>
      <c r="CL22" s="330">
        <v>7385233</v>
      </c>
      <c r="CM22" s="326">
        <v>0</v>
      </c>
      <c r="CN22" s="327">
        <v>0</v>
      </c>
      <c r="CO22" s="328">
        <v>0</v>
      </c>
      <c r="CP22" s="332">
        <v>0</v>
      </c>
      <c r="CQ22" s="327">
        <v>740963</v>
      </c>
      <c r="CR22" s="327">
        <v>1766903</v>
      </c>
      <c r="CS22" s="327">
        <v>1117508</v>
      </c>
      <c r="CT22" s="327">
        <v>843059</v>
      </c>
      <c r="CU22" s="327">
        <v>321452</v>
      </c>
      <c r="CV22" s="328">
        <v>4789885</v>
      </c>
      <c r="CW22" s="330">
        <v>4789885</v>
      </c>
      <c r="CX22" s="326">
        <v>74861</v>
      </c>
      <c r="CY22" s="327">
        <v>209007</v>
      </c>
      <c r="CZ22" s="328">
        <v>283868</v>
      </c>
      <c r="DA22" s="326">
        <v>0</v>
      </c>
      <c r="DB22" s="327">
        <v>327315</v>
      </c>
      <c r="DC22" s="327">
        <v>742756</v>
      </c>
      <c r="DD22" s="327">
        <v>746668</v>
      </c>
      <c r="DE22" s="327">
        <v>491365</v>
      </c>
      <c r="DF22" s="327">
        <v>3376</v>
      </c>
      <c r="DG22" s="328">
        <v>2311480</v>
      </c>
      <c r="DH22" s="330">
        <v>2595348</v>
      </c>
      <c r="DI22" s="326">
        <v>0</v>
      </c>
      <c r="DJ22" s="327">
        <v>0</v>
      </c>
      <c r="DK22" s="331">
        <v>0</v>
      </c>
      <c r="DL22" s="332">
        <v>0</v>
      </c>
      <c r="DM22" s="327">
        <v>103896</v>
      </c>
      <c r="DN22" s="327">
        <v>469338</v>
      </c>
      <c r="DO22" s="327">
        <v>780874</v>
      </c>
      <c r="DP22" s="327">
        <v>298883</v>
      </c>
      <c r="DQ22" s="327">
        <v>0</v>
      </c>
      <c r="DR22" s="328">
        <v>1652991</v>
      </c>
      <c r="DS22" s="330">
        <v>1652991</v>
      </c>
      <c r="DT22" s="326">
        <v>0</v>
      </c>
      <c r="DU22" s="327">
        <v>0</v>
      </c>
      <c r="DV22" s="328">
        <v>0</v>
      </c>
      <c r="DW22" s="326">
        <v>0</v>
      </c>
      <c r="DX22" s="327">
        <v>41466</v>
      </c>
      <c r="DY22" s="327">
        <v>469338</v>
      </c>
      <c r="DZ22" s="327">
        <v>761572</v>
      </c>
      <c r="EA22" s="327">
        <v>159689</v>
      </c>
      <c r="EB22" s="327">
        <v>0</v>
      </c>
      <c r="EC22" s="328">
        <v>1432065</v>
      </c>
      <c r="ED22" s="330">
        <v>1432065</v>
      </c>
      <c r="EE22" s="326">
        <v>0</v>
      </c>
      <c r="EF22" s="331">
        <v>0</v>
      </c>
      <c r="EG22" s="328">
        <v>0</v>
      </c>
      <c r="EH22" s="326">
        <v>0</v>
      </c>
      <c r="EI22" s="327">
        <v>62430</v>
      </c>
      <c r="EJ22" s="327">
        <v>0</v>
      </c>
      <c r="EK22" s="327">
        <v>19302</v>
      </c>
      <c r="EL22" s="327">
        <v>139194</v>
      </c>
      <c r="EM22" s="327">
        <v>0</v>
      </c>
      <c r="EN22" s="331">
        <v>220926</v>
      </c>
      <c r="EO22" s="330">
        <v>220926</v>
      </c>
      <c r="EP22" s="326">
        <v>0</v>
      </c>
      <c r="EQ22" s="327">
        <v>0</v>
      </c>
      <c r="ER22" s="331">
        <v>0</v>
      </c>
      <c r="ES22" s="332">
        <v>0</v>
      </c>
      <c r="ET22" s="327">
        <v>0</v>
      </c>
      <c r="EU22" s="327">
        <v>0</v>
      </c>
      <c r="EV22" s="327">
        <v>0</v>
      </c>
      <c r="EW22" s="327">
        <v>0</v>
      </c>
      <c r="EX22" s="327">
        <v>0</v>
      </c>
      <c r="EY22" s="328">
        <v>0</v>
      </c>
      <c r="EZ22" s="330">
        <v>0</v>
      </c>
      <c r="FA22" s="326">
        <v>0</v>
      </c>
      <c r="FB22" s="327">
        <v>0</v>
      </c>
      <c r="FC22" s="331">
        <v>0</v>
      </c>
      <c r="FD22" s="404">
        <v>0</v>
      </c>
      <c r="FE22" s="327">
        <v>0</v>
      </c>
      <c r="FF22" s="327">
        <v>0</v>
      </c>
      <c r="FG22" s="327">
        <v>0</v>
      </c>
      <c r="FH22" s="327">
        <v>0</v>
      </c>
      <c r="FI22" s="327">
        <v>0</v>
      </c>
      <c r="FJ22" s="328">
        <v>0</v>
      </c>
      <c r="FK22" s="330">
        <v>0</v>
      </c>
      <c r="FL22" s="326">
        <v>42322</v>
      </c>
      <c r="FM22" s="327">
        <v>226072</v>
      </c>
      <c r="FN22" s="328">
        <v>268394</v>
      </c>
      <c r="FO22" s="326">
        <v>0</v>
      </c>
      <c r="FP22" s="327">
        <v>370309</v>
      </c>
      <c r="FQ22" s="327">
        <v>771883</v>
      </c>
      <c r="FR22" s="327">
        <v>622762</v>
      </c>
      <c r="FS22" s="327">
        <v>483434</v>
      </c>
      <c r="FT22" s="327">
        <v>145110</v>
      </c>
      <c r="FU22" s="328">
        <v>2393498</v>
      </c>
      <c r="FV22" s="330">
        <v>2661892</v>
      </c>
      <c r="FW22" s="333">
        <v>42322</v>
      </c>
      <c r="FX22" s="327">
        <v>145572</v>
      </c>
      <c r="FY22" s="331">
        <v>187894</v>
      </c>
      <c r="FZ22" s="332">
        <v>0</v>
      </c>
      <c r="GA22" s="327">
        <v>150129</v>
      </c>
      <c r="GB22" s="327">
        <v>771883</v>
      </c>
      <c r="GC22" s="327">
        <v>593558</v>
      </c>
      <c r="GD22" s="327">
        <v>483434</v>
      </c>
      <c r="GE22" s="327">
        <v>145110</v>
      </c>
      <c r="GF22" s="328">
        <v>2144114</v>
      </c>
      <c r="GG22" s="334">
        <v>2332008</v>
      </c>
      <c r="GH22" s="333">
        <v>0</v>
      </c>
      <c r="GI22" s="327">
        <v>0</v>
      </c>
      <c r="GJ22" s="331">
        <v>0</v>
      </c>
      <c r="GK22" s="332">
        <v>0</v>
      </c>
      <c r="GL22" s="327">
        <v>23100</v>
      </c>
      <c r="GM22" s="327">
        <v>0</v>
      </c>
      <c r="GN22" s="327">
        <v>29204</v>
      </c>
      <c r="GO22" s="327">
        <v>0</v>
      </c>
      <c r="GP22" s="327">
        <v>0</v>
      </c>
      <c r="GQ22" s="328">
        <v>52304</v>
      </c>
      <c r="GR22" s="330">
        <v>52304</v>
      </c>
      <c r="GS22" s="326">
        <v>0</v>
      </c>
      <c r="GT22" s="327">
        <v>80500</v>
      </c>
      <c r="GU22" s="328">
        <v>80500</v>
      </c>
      <c r="GV22" s="326">
        <v>0</v>
      </c>
      <c r="GW22" s="327">
        <v>197080</v>
      </c>
      <c r="GX22" s="327">
        <v>0</v>
      </c>
      <c r="GY22" s="327">
        <v>0</v>
      </c>
      <c r="GZ22" s="327">
        <v>0</v>
      </c>
      <c r="HA22" s="327">
        <v>0</v>
      </c>
      <c r="HB22" s="331">
        <v>197080</v>
      </c>
      <c r="HC22" s="330">
        <v>277580</v>
      </c>
      <c r="HD22" s="326">
        <v>85334</v>
      </c>
      <c r="HE22" s="327">
        <v>396115</v>
      </c>
      <c r="HF22" s="331">
        <v>481449</v>
      </c>
      <c r="HG22" s="332">
        <v>0</v>
      </c>
      <c r="HH22" s="327">
        <v>2061517</v>
      </c>
      <c r="HI22" s="327">
        <v>1264935</v>
      </c>
      <c r="HJ22" s="327">
        <v>1557482</v>
      </c>
      <c r="HK22" s="327">
        <v>1676407</v>
      </c>
      <c r="HL22" s="327">
        <v>1568107</v>
      </c>
      <c r="HM22" s="328">
        <v>8128448</v>
      </c>
      <c r="HN22" s="329">
        <v>8609897</v>
      </c>
      <c r="HO22" s="333">
        <v>0</v>
      </c>
      <c r="HP22" s="327">
        <v>0</v>
      </c>
      <c r="HQ22" s="328">
        <v>0</v>
      </c>
      <c r="HR22" s="326">
        <v>0</v>
      </c>
      <c r="HS22" s="327">
        <v>0</v>
      </c>
      <c r="HT22" s="327">
        <v>0</v>
      </c>
      <c r="HU22" s="327">
        <v>0</v>
      </c>
      <c r="HV22" s="327">
        <v>0</v>
      </c>
      <c r="HW22" s="327">
        <v>0</v>
      </c>
      <c r="HX22" s="331">
        <v>0</v>
      </c>
      <c r="HY22" s="330">
        <v>0</v>
      </c>
      <c r="HZ22" s="358">
        <v>0</v>
      </c>
      <c r="IA22" s="356">
        <v>0</v>
      </c>
      <c r="IB22" s="358">
        <v>0</v>
      </c>
      <c r="IC22" s="355">
        <v>0</v>
      </c>
      <c r="ID22" s="356">
        <v>1446767</v>
      </c>
      <c r="IE22" s="357">
        <v>1216773</v>
      </c>
      <c r="IF22" s="358">
        <v>2704982</v>
      </c>
      <c r="IG22" s="356">
        <v>1178844</v>
      </c>
      <c r="IH22" s="358">
        <v>1420776</v>
      </c>
      <c r="II22" s="359">
        <v>7968142</v>
      </c>
      <c r="IJ22" s="358">
        <v>7968142</v>
      </c>
      <c r="IK22" s="342">
        <v>0</v>
      </c>
      <c r="IL22" s="343">
        <v>0</v>
      </c>
      <c r="IM22" s="344">
        <v>0</v>
      </c>
      <c r="IN22" s="404">
        <v>0</v>
      </c>
      <c r="IO22" s="345">
        <v>0</v>
      </c>
      <c r="IP22" s="345">
        <v>0</v>
      </c>
      <c r="IQ22" s="345">
        <v>0</v>
      </c>
      <c r="IR22" s="345">
        <v>0</v>
      </c>
      <c r="IS22" s="345">
        <v>0</v>
      </c>
      <c r="IT22" s="346">
        <v>0</v>
      </c>
      <c r="IU22" s="347">
        <v>0</v>
      </c>
      <c r="IV22" s="348">
        <v>0</v>
      </c>
      <c r="IW22" s="345">
        <v>0</v>
      </c>
      <c r="IX22" s="349">
        <v>0</v>
      </c>
      <c r="IY22" s="404">
        <v>0</v>
      </c>
      <c r="IZ22" s="345">
        <v>0</v>
      </c>
      <c r="JA22" s="345">
        <v>0</v>
      </c>
      <c r="JB22" s="345">
        <v>0</v>
      </c>
      <c r="JC22" s="345">
        <v>0</v>
      </c>
      <c r="JD22" s="345">
        <v>0</v>
      </c>
      <c r="JE22" s="349">
        <v>0</v>
      </c>
      <c r="JF22" s="350">
        <v>0</v>
      </c>
      <c r="JG22" s="348">
        <v>0</v>
      </c>
      <c r="JH22" s="345">
        <v>0</v>
      </c>
      <c r="JI22" s="346">
        <v>0</v>
      </c>
      <c r="JJ22" s="351">
        <v>0</v>
      </c>
      <c r="JK22" s="345">
        <v>946601</v>
      </c>
      <c r="JL22" s="345">
        <v>642932</v>
      </c>
      <c r="JM22" s="345">
        <v>655009</v>
      </c>
      <c r="JN22" s="345">
        <v>85091</v>
      </c>
      <c r="JO22" s="345">
        <v>414690</v>
      </c>
      <c r="JP22" s="349">
        <v>2744323</v>
      </c>
      <c r="JQ22" s="347">
        <v>2744323</v>
      </c>
      <c r="JR22" s="348">
        <v>0</v>
      </c>
      <c r="JS22" s="345">
        <v>0</v>
      </c>
      <c r="JT22" s="346">
        <v>0</v>
      </c>
      <c r="JU22" s="351">
        <v>0</v>
      </c>
      <c r="JV22" s="345">
        <v>172299</v>
      </c>
      <c r="JW22" s="345">
        <v>145319</v>
      </c>
      <c r="JX22" s="345">
        <v>0</v>
      </c>
      <c r="JY22" s="345">
        <v>0</v>
      </c>
      <c r="JZ22" s="345">
        <v>0</v>
      </c>
      <c r="KA22" s="349">
        <v>317618</v>
      </c>
      <c r="KB22" s="347">
        <v>317618</v>
      </c>
      <c r="KC22" s="352">
        <v>0</v>
      </c>
      <c r="KD22" s="353">
        <v>0</v>
      </c>
      <c r="KE22" s="349">
        <v>0</v>
      </c>
      <c r="KF22" s="351">
        <v>0</v>
      </c>
      <c r="KG22" s="345">
        <v>118794</v>
      </c>
      <c r="KH22" s="345">
        <v>0</v>
      </c>
      <c r="KI22" s="345">
        <v>456170</v>
      </c>
      <c r="KJ22" s="345">
        <v>478813</v>
      </c>
      <c r="KK22" s="345">
        <v>271399</v>
      </c>
      <c r="KL22" s="349">
        <v>1325176</v>
      </c>
      <c r="KM22" s="354">
        <v>1325176</v>
      </c>
      <c r="KN22" s="342">
        <v>0</v>
      </c>
      <c r="KO22" s="343">
        <v>0</v>
      </c>
      <c r="KP22" s="344">
        <v>0</v>
      </c>
      <c r="KQ22" s="404">
        <v>0</v>
      </c>
      <c r="KR22" s="345">
        <v>209073</v>
      </c>
      <c r="KS22" s="345">
        <v>428522</v>
      </c>
      <c r="KT22" s="345">
        <v>1373322</v>
      </c>
      <c r="KU22" s="345">
        <v>229415</v>
      </c>
      <c r="KV22" s="345">
        <v>477902</v>
      </c>
      <c r="KW22" s="349">
        <v>2718234</v>
      </c>
      <c r="KX22" s="347">
        <v>2718234</v>
      </c>
      <c r="KY22" s="348">
        <v>0</v>
      </c>
      <c r="KZ22" s="345">
        <v>0</v>
      </c>
      <c r="LA22" s="349">
        <v>0</v>
      </c>
      <c r="LB22" s="404">
        <v>0</v>
      </c>
      <c r="LC22" s="345">
        <v>0</v>
      </c>
      <c r="LD22" s="345">
        <v>0</v>
      </c>
      <c r="LE22" s="345">
        <v>0</v>
      </c>
      <c r="LF22" s="345">
        <v>0</v>
      </c>
      <c r="LG22" s="345">
        <v>0</v>
      </c>
      <c r="LH22" s="349">
        <v>0</v>
      </c>
      <c r="LI22" s="350">
        <v>0</v>
      </c>
      <c r="LJ22" s="348">
        <v>0</v>
      </c>
      <c r="LK22" s="345">
        <v>0</v>
      </c>
      <c r="LL22" s="349">
        <v>0</v>
      </c>
      <c r="LM22" s="404">
        <v>0</v>
      </c>
      <c r="LN22" s="345">
        <v>0</v>
      </c>
      <c r="LO22" s="345">
        <v>0</v>
      </c>
      <c r="LP22" s="345">
        <v>220481</v>
      </c>
      <c r="LQ22" s="345">
        <v>238887</v>
      </c>
      <c r="LR22" s="345">
        <v>256785</v>
      </c>
      <c r="LS22" s="349">
        <v>716153</v>
      </c>
      <c r="LT22" s="347">
        <v>716153</v>
      </c>
      <c r="LU22" s="348">
        <v>0</v>
      </c>
      <c r="LV22" s="345">
        <v>0</v>
      </c>
      <c r="LW22" s="349">
        <v>0</v>
      </c>
      <c r="LX22" s="404">
        <v>0</v>
      </c>
      <c r="LY22" s="345">
        <v>0</v>
      </c>
      <c r="LZ22" s="345">
        <v>0</v>
      </c>
      <c r="MA22" s="345">
        <v>0</v>
      </c>
      <c r="MB22" s="345">
        <v>146638</v>
      </c>
      <c r="MC22" s="345">
        <v>0</v>
      </c>
      <c r="MD22" s="349">
        <v>146638</v>
      </c>
      <c r="ME22" s="350">
        <v>146638</v>
      </c>
      <c r="MF22" s="348">
        <v>0</v>
      </c>
      <c r="MG22" s="345">
        <v>0</v>
      </c>
      <c r="MH22" s="349">
        <v>0</v>
      </c>
      <c r="MI22" s="404">
        <v>0</v>
      </c>
      <c r="MJ22" s="345">
        <v>440971</v>
      </c>
      <c r="MK22" s="345">
        <v>2230215</v>
      </c>
      <c r="ML22" s="345">
        <v>6335375</v>
      </c>
      <c r="MM22" s="345">
        <v>4198585</v>
      </c>
      <c r="MN22" s="345">
        <v>2735065</v>
      </c>
      <c r="MO22" s="349">
        <v>15940211</v>
      </c>
      <c r="MP22" s="354">
        <v>15940211</v>
      </c>
      <c r="MQ22" s="348">
        <v>0</v>
      </c>
      <c r="MR22" s="345">
        <v>0</v>
      </c>
      <c r="MS22" s="349">
        <v>0</v>
      </c>
      <c r="MT22" s="404">
        <v>0</v>
      </c>
      <c r="MU22" s="345">
        <v>0</v>
      </c>
      <c r="MV22" s="345">
        <v>217670</v>
      </c>
      <c r="MW22" s="345">
        <v>2684536</v>
      </c>
      <c r="MX22" s="345">
        <v>1816822</v>
      </c>
      <c r="MY22" s="345">
        <v>1585392</v>
      </c>
      <c r="MZ22" s="349">
        <v>6304420</v>
      </c>
      <c r="NA22" s="354">
        <v>6304420</v>
      </c>
      <c r="NB22" s="348">
        <v>0</v>
      </c>
      <c r="NC22" s="345">
        <v>0</v>
      </c>
      <c r="ND22" s="349">
        <v>0</v>
      </c>
      <c r="NE22" s="404">
        <v>0</v>
      </c>
      <c r="NF22" s="345">
        <v>440971</v>
      </c>
      <c r="NG22" s="345">
        <v>2012545</v>
      </c>
      <c r="NH22" s="345">
        <v>3650839</v>
      </c>
      <c r="NI22" s="345">
        <v>2381763</v>
      </c>
      <c r="NJ22" s="345">
        <v>801288</v>
      </c>
      <c r="NK22" s="349">
        <v>9287406</v>
      </c>
      <c r="NL22" s="347">
        <v>9287406</v>
      </c>
      <c r="NM22" s="348">
        <v>0</v>
      </c>
      <c r="NN22" s="345">
        <v>0</v>
      </c>
      <c r="NO22" s="349">
        <v>0</v>
      </c>
      <c r="NP22" s="404">
        <v>0</v>
      </c>
      <c r="NQ22" s="345">
        <v>0</v>
      </c>
      <c r="NR22" s="345">
        <v>0</v>
      </c>
      <c r="NS22" s="345">
        <v>0</v>
      </c>
      <c r="NT22" s="345">
        <v>0</v>
      </c>
      <c r="NU22" s="345">
        <v>0</v>
      </c>
      <c r="NV22" s="349">
        <v>0</v>
      </c>
      <c r="NW22" s="350">
        <v>0</v>
      </c>
      <c r="NX22" s="348">
        <v>0</v>
      </c>
      <c r="NY22" s="345">
        <v>0</v>
      </c>
      <c r="NZ22" s="349">
        <v>0</v>
      </c>
      <c r="OA22" s="404">
        <v>0</v>
      </c>
      <c r="OB22" s="345">
        <v>0</v>
      </c>
      <c r="OC22" s="345">
        <v>0</v>
      </c>
      <c r="OD22" s="345">
        <v>0</v>
      </c>
      <c r="OE22" s="345">
        <v>0</v>
      </c>
      <c r="OF22" s="345">
        <v>348385</v>
      </c>
      <c r="OG22" s="349">
        <v>348385</v>
      </c>
      <c r="OH22" s="350">
        <v>348385</v>
      </c>
      <c r="OI22" s="348">
        <v>366783</v>
      </c>
      <c r="OJ22" s="345">
        <v>1213402</v>
      </c>
      <c r="OK22" s="346">
        <v>1580185</v>
      </c>
      <c r="OL22" s="351">
        <v>0</v>
      </c>
      <c r="OM22" s="345">
        <v>6422592</v>
      </c>
      <c r="ON22" s="345">
        <v>11574408</v>
      </c>
      <c r="OO22" s="345">
        <v>17175766</v>
      </c>
      <c r="OP22" s="345">
        <v>11209432</v>
      </c>
      <c r="OQ22" s="345">
        <v>7222104</v>
      </c>
      <c r="OR22" s="349">
        <v>53604302</v>
      </c>
      <c r="OS22" s="354">
        <v>55184487</v>
      </c>
    </row>
    <row r="23" spans="2:409" s="70" customFormat="1" ht="21" customHeight="1" x14ac:dyDescent="0.2">
      <c r="B23" s="106" t="s">
        <v>18</v>
      </c>
      <c r="C23" s="326">
        <v>471271</v>
      </c>
      <c r="D23" s="327">
        <v>1186498</v>
      </c>
      <c r="E23" s="328">
        <v>1657769</v>
      </c>
      <c r="F23" s="329">
        <v>0</v>
      </c>
      <c r="G23" s="327">
        <v>7231637</v>
      </c>
      <c r="H23" s="327">
        <v>8280409</v>
      </c>
      <c r="I23" s="327">
        <v>9141129</v>
      </c>
      <c r="J23" s="327">
        <v>6816967</v>
      </c>
      <c r="K23" s="327">
        <v>8154505</v>
      </c>
      <c r="L23" s="329">
        <v>39624647</v>
      </c>
      <c r="M23" s="330">
        <v>41282416</v>
      </c>
      <c r="N23" s="326">
        <v>205561</v>
      </c>
      <c r="O23" s="327">
        <v>119817</v>
      </c>
      <c r="P23" s="328">
        <v>325378</v>
      </c>
      <c r="Q23" s="326">
        <v>0</v>
      </c>
      <c r="R23" s="327">
        <v>2235868</v>
      </c>
      <c r="S23" s="327">
        <v>2306345</v>
      </c>
      <c r="T23" s="327">
        <v>2913329</v>
      </c>
      <c r="U23" s="327">
        <v>2397433</v>
      </c>
      <c r="V23" s="327">
        <v>2809494</v>
      </c>
      <c r="W23" s="328">
        <v>12662469</v>
      </c>
      <c r="X23" s="330">
        <v>12987847</v>
      </c>
      <c r="Y23" s="326">
        <v>0</v>
      </c>
      <c r="Z23" s="327">
        <v>0</v>
      </c>
      <c r="AA23" s="328">
        <v>0</v>
      </c>
      <c r="AB23" s="326">
        <v>0</v>
      </c>
      <c r="AC23" s="327">
        <v>893425</v>
      </c>
      <c r="AD23" s="327">
        <v>962044</v>
      </c>
      <c r="AE23" s="327">
        <v>1718400</v>
      </c>
      <c r="AF23" s="327">
        <v>1344529</v>
      </c>
      <c r="AG23" s="327">
        <v>1931025</v>
      </c>
      <c r="AH23" s="328">
        <v>6849423</v>
      </c>
      <c r="AI23" s="330">
        <v>6849423</v>
      </c>
      <c r="AJ23" s="326">
        <v>0</v>
      </c>
      <c r="AK23" s="327">
        <v>0</v>
      </c>
      <c r="AL23" s="328">
        <v>0</v>
      </c>
      <c r="AM23" s="326">
        <v>0</v>
      </c>
      <c r="AN23" s="327">
        <v>0</v>
      </c>
      <c r="AO23" s="327">
        <v>0</v>
      </c>
      <c r="AP23" s="327">
        <v>86342</v>
      </c>
      <c r="AQ23" s="327">
        <v>92035</v>
      </c>
      <c r="AR23" s="327">
        <v>0</v>
      </c>
      <c r="AS23" s="328">
        <v>178377</v>
      </c>
      <c r="AT23" s="330">
        <v>178377</v>
      </c>
      <c r="AU23" s="326">
        <v>115925</v>
      </c>
      <c r="AV23" s="327">
        <v>33671</v>
      </c>
      <c r="AW23" s="328">
        <v>149596</v>
      </c>
      <c r="AX23" s="326">
        <v>0</v>
      </c>
      <c r="AY23" s="327">
        <v>879630</v>
      </c>
      <c r="AZ23" s="327">
        <v>895971</v>
      </c>
      <c r="BA23" s="327">
        <v>558092</v>
      </c>
      <c r="BB23" s="327">
        <v>504923</v>
      </c>
      <c r="BC23" s="327">
        <v>335045</v>
      </c>
      <c r="BD23" s="328">
        <v>3173661</v>
      </c>
      <c r="BE23" s="330">
        <v>3323257</v>
      </c>
      <c r="BF23" s="326">
        <v>53880</v>
      </c>
      <c r="BG23" s="327">
        <v>17959</v>
      </c>
      <c r="BH23" s="331">
        <v>71839</v>
      </c>
      <c r="BI23" s="332">
        <v>0</v>
      </c>
      <c r="BJ23" s="327">
        <v>21246</v>
      </c>
      <c r="BK23" s="327">
        <v>183128</v>
      </c>
      <c r="BL23" s="327">
        <v>60593</v>
      </c>
      <c r="BM23" s="327">
        <v>67306</v>
      </c>
      <c r="BN23" s="327">
        <v>59353</v>
      </c>
      <c r="BO23" s="328">
        <v>391626</v>
      </c>
      <c r="BP23" s="330">
        <v>463465</v>
      </c>
      <c r="BQ23" s="326">
        <v>35756</v>
      </c>
      <c r="BR23" s="327">
        <v>68187</v>
      </c>
      <c r="BS23" s="328">
        <v>103943</v>
      </c>
      <c r="BT23" s="326">
        <v>0</v>
      </c>
      <c r="BU23" s="327">
        <v>441567</v>
      </c>
      <c r="BV23" s="327">
        <v>265202</v>
      </c>
      <c r="BW23" s="327">
        <v>489902</v>
      </c>
      <c r="BX23" s="327">
        <v>388640</v>
      </c>
      <c r="BY23" s="327">
        <v>484071</v>
      </c>
      <c r="BZ23" s="328">
        <v>2069382</v>
      </c>
      <c r="CA23" s="330">
        <v>2173325</v>
      </c>
      <c r="CB23" s="326">
        <v>121559</v>
      </c>
      <c r="CC23" s="327">
        <v>454658</v>
      </c>
      <c r="CD23" s="328">
        <v>576217</v>
      </c>
      <c r="CE23" s="326">
        <v>0</v>
      </c>
      <c r="CF23" s="327">
        <v>2175827</v>
      </c>
      <c r="CG23" s="327">
        <v>2539038</v>
      </c>
      <c r="CH23" s="327">
        <v>2031514</v>
      </c>
      <c r="CI23" s="327">
        <v>1495001</v>
      </c>
      <c r="CJ23" s="327">
        <v>747131</v>
      </c>
      <c r="CK23" s="328">
        <v>8988511</v>
      </c>
      <c r="CL23" s="330">
        <v>9564728</v>
      </c>
      <c r="CM23" s="326">
        <v>0</v>
      </c>
      <c r="CN23" s="327">
        <v>0</v>
      </c>
      <c r="CO23" s="328">
        <v>0</v>
      </c>
      <c r="CP23" s="332">
        <v>0</v>
      </c>
      <c r="CQ23" s="327">
        <v>1576444</v>
      </c>
      <c r="CR23" s="327">
        <v>1942361</v>
      </c>
      <c r="CS23" s="327">
        <v>1603949</v>
      </c>
      <c r="CT23" s="327">
        <v>1043374</v>
      </c>
      <c r="CU23" s="327">
        <v>592790</v>
      </c>
      <c r="CV23" s="328">
        <v>6758918</v>
      </c>
      <c r="CW23" s="330">
        <v>6758918</v>
      </c>
      <c r="CX23" s="326">
        <v>121559</v>
      </c>
      <c r="CY23" s="327">
        <v>454658</v>
      </c>
      <c r="CZ23" s="328">
        <v>576217</v>
      </c>
      <c r="DA23" s="326">
        <v>0</v>
      </c>
      <c r="DB23" s="327">
        <v>599383</v>
      </c>
      <c r="DC23" s="327">
        <v>596677</v>
      </c>
      <c r="DD23" s="327">
        <v>427565</v>
      </c>
      <c r="DE23" s="327">
        <v>451627</v>
      </c>
      <c r="DF23" s="327">
        <v>154341</v>
      </c>
      <c r="DG23" s="328">
        <v>2229593</v>
      </c>
      <c r="DH23" s="330">
        <v>2805810</v>
      </c>
      <c r="DI23" s="326">
        <v>5715</v>
      </c>
      <c r="DJ23" s="327">
        <v>0</v>
      </c>
      <c r="DK23" s="331">
        <v>5715</v>
      </c>
      <c r="DL23" s="332">
        <v>0</v>
      </c>
      <c r="DM23" s="327">
        <v>234756</v>
      </c>
      <c r="DN23" s="327">
        <v>784434</v>
      </c>
      <c r="DO23" s="327">
        <v>1321476</v>
      </c>
      <c r="DP23" s="327">
        <v>731877</v>
      </c>
      <c r="DQ23" s="327">
        <v>930415</v>
      </c>
      <c r="DR23" s="328">
        <v>4002958</v>
      </c>
      <c r="DS23" s="330">
        <v>4008673</v>
      </c>
      <c r="DT23" s="326">
        <v>5715</v>
      </c>
      <c r="DU23" s="327">
        <v>0</v>
      </c>
      <c r="DV23" s="328">
        <v>5715</v>
      </c>
      <c r="DW23" s="326">
        <v>0</v>
      </c>
      <c r="DX23" s="327">
        <v>234756</v>
      </c>
      <c r="DY23" s="327">
        <v>732982</v>
      </c>
      <c r="DZ23" s="327">
        <v>1321476</v>
      </c>
      <c r="EA23" s="327">
        <v>710034</v>
      </c>
      <c r="EB23" s="327">
        <v>930415</v>
      </c>
      <c r="EC23" s="328">
        <v>3929663</v>
      </c>
      <c r="ED23" s="330">
        <v>3935378</v>
      </c>
      <c r="EE23" s="326">
        <v>0</v>
      </c>
      <c r="EF23" s="331">
        <v>0</v>
      </c>
      <c r="EG23" s="328">
        <v>0</v>
      </c>
      <c r="EH23" s="326">
        <v>0</v>
      </c>
      <c r="EI23" s="327">
        <v>0</v>
      </c>
      <c r="EJ23" s="327">
        <v>51452</v>
      </c>
      <c r="EK23" s="327">
        <v>0</v>
      </c>
      <c r="EL23" s="327">
        <v>21843</v>
      </c>
      <c r="EM23" s="327">
        <v>0</v>
      </c>
      <c r="EN23" s="331">
        <v>73295</v>
      </c>
      <c r="EO23" s="330">
        <v>73295</v>
      </c>
      <c r="EP23" s="326">
        <v>0</v>
      </c>
      <c r="EQ23" s="327">
        <v>0</v>
      </c>
      <c r="ER23" s="331">
        <v>0</v>
      </c>
      <c r="ES23" s="332">
        <v>0</v>
      </c>
      <c r="ET23" s="327">
        <v>0</v>
      </c>
      <c r="EU23" s="327">
        <v>0</v>
      </c>
      <c r="EV23" s="327">
        <v>0</v>
      </c>
      <c r="EW23" s="327">
        <v>0</v>
      </c>
      <c r="EX23" s="327">
        <v>0</v>
      </c>
      <c r="EY23" s="328">
        <v>0</v>
      </c>
      <c r="EZ23" s="330">
        <v>0</v>
      </c>
      <c r="FA23" s="326">
        <v>0</v>
      </c>
      <c r="FB23" s="327">
        <v>0</v>
      </c>
      <c r="FC23" s="331">
        <v>0</v>
      </c>
      <c r="FD23" s="404">
        <v>0</v>
      </c>
      <c r="FE23" s="327">
        <v>0</v>
      </c>
      <c r="FF23" s="327">
        <v>0</v>
      </c>
      <c r="FG23" s="327">
        <v>0</v>
      </c>
      <c r="FH23" s="327">
        <v>0</v>
      </c>
      <c r="FI23" s="327">
        <v>0</v>
      </c>
      <c r="FJ23" s="328">
        <v>0</v>
      </c>
      <c r="FK23" s="330">
        <v>0</v>
      </c>
      <c r="FL23" s="326">
        <v>42399</v>
      </c>
      <c r="FM23" s="327">
        <v>368956</v>
      </c>
      <c r="FN23" s="328">
        <v>411355</v>
      </c>
      <c r="FO23" s="326">
        <v>0</v>
      </c>
      <c r="FP23" s="327">
        <v>367108</v>
      </c>
      <c r="FQ23" s="327">
        <v>620909</v>
      </c>
      <c r="FR23" s="327">
        <v>569355</v>
      </c>
      <c r="FS23" s="327">
        <v>478520</v>
      </c>
      <c r="FT23" s="327">
        <v>409171</v>
      </c>
      <c r="FU23" s="328">
        <v>2445063</v>
      </c>
      <c r="FV23" s="330">
        <v>2856418</v>
      </c>
      <c r="FW23" s="333">
        <v>27615</v>
      </c>
      <c r="FX23" s="327">
        <v>122136</v>
      </c>
      <c r="FY23" s="331">
        <v>149751</v>
      </c>
      <c r="FZ23" s="332">
        <v>0</v>
      </c>
      <c r="GA23" s="327">
        <v>323708</v>
      </c>
      <c r="GB23" s="327">
        <v>620909</v>
      </c>
      <c r="GC23" s="327">
        <v>539693</v>
      </c>
      <c r="GD23" s="327">
        <v>463120</v>
      </c>
      <c r="GE23" s="327">
        <v>394695</v>
      </c>
      <c r="GF23" s="328">
        <v>2342125</v>
      </c>
      <c r="GG23" s="334">
        <v>2491876</v>
      </c>
      <c r="GH23" s="333">
        <v>14784</v>
      </c>
      <c r="GI23" s="327">
        <v>12320</v>
      </c>
      <c r="GJ23" s="331">
        <v>27104</v>
      </c>
      <c r="GK23" s="332">
        <v>0</v>
      </c>
      <c r="GL23" s="327">
        <v>14000</v>
      </c>
      <c r="GM23" s="327">
        <v>0</v>
      </c>
      <c r="GN23" s="327">
        <v>12862</v>
      </c>
      <c r="GO23" s="327">
        <v>0</v>
      </c>
      <c r="GP23" s="327">
        <v>14476</v>
      </c>
      <c r="GQ23" s="328">
        <v>41338</v>
      </c>
      <c r="GR23" s="330">
        <v>68442</v>
      </c>
      <c r="GS23" s="326">
        <v>0</v>
      </c>
      <c r="GT23" s="327">
        <v>234500</v>
      </c>
      <c r="GU23" s="328">
        <v>234500</v>
      </c>
      <c r="GV23" s="326">
        <v>0</v>
      </c>
      <c r="GW23" s="327">
        <v>29400</v>
      </c>
      <c r="GX23" s="327">
        <v>0</v>
      </c>
      <c r="GY23" s="327">
        <v>16800</v>
      </c>
      <c r="GZ23" s="327">
        <v>15400</v>
      </c>
      <c r="HA23" s="327">
        <v>0</v>
      </c>
      <c r="HB23" s="331">
        <v>61600</v>
      </c>
      <c r="HC23" s="330">
        <v>296100</v>
      </c>
      <c r="HD23" s="326">
        <v>96037</v>
      </c>
      <c r="HE23" s="327">
        <v>243067</v>
      </c>
      <c r="HF23" s="331">
        <v>339104</v>
      </c>
      <c r="HG23" s="332">
        <v>0</v>
      </c>
      <c r="HH23" s="327">
        <v>2218078</v>
      </c>
      <c r="HI23" s="327">
        <v>2029683</v>
      </c>
      <c r="HJ23" s="327">
        <v>2305455</v>
      </c>
      <c r="HK23" s="327">
        <v>1714136</v>
      </c>
      <c r="HL23" s="327">
        <v>3258294</v>
      </c>
      <c r="HM23" s="328">
        <v>11525646</v>
      </c>
      <c r="HN23" s="329">
        <v>11864750</v>
      </c>
      <c r="HO23" s="333">
        <v>0</v>
      </c>
      <c r="HP23" s="327">
        <v>0</v>
      </c>
      <c r="HQ23" s="328">
        <v>0</v>
      </c>
      <c r="HR23" s="326">
        <v>0</v>
      </c>
      <c r="HS23" s="327">
        <v>0</v>
      </c>
      <c r="HT23" s="327">
        <v>0</v>
      </c>
      <c r="HU23" s="327">
        <v>0</v>
      </c>
      <c r="HV23" s="327">
        <v>0</v>
      </c>
      <c r="HW23" s="327">
        <v>0</v>
      </c>
      <c r="HX23" s="331">
        <v>0</v>
      </c>
      <c r="HY23" s="330">
        <v>0</v>
      </c>
      <c r="HZ23" s="335">
        <v>0</v>
      </c>
      <c r="IA23" s="336">
        <v>0</v>
      </c>
      <c r="IB23" s="337">
        <v>0</v>
      </c>
      <c r="IC23" s="338">
        <v>0</v>
      </c>
      <c r="ID23" s="336">
        <v>1926701</v>
      </c>
      <c r="IE23" s="339">
        <v>1529552</v>
      </c>
      <c r="IF23" s="337">
        <v>2010292</v>
      </c>
      <c r="IG23" s="336">
        <v>602708</v>
      </c>
      <c r="IH23" s="337">
        <v>1003611</v>
      </c>
      <c r="II23" s="340">
        <v>7072864</v>
      </c>
      <c r="IJ23" s="341">
        <v>7072864</v>
      </c>
      <c r="IK23" s="342">
        <v>0</v>
      </c>
      <c r="IL23" s="343">
        <v>0</v>
      </c>
      <c r="IM23" s="344">
        <v>0</v>
      </c>
      <c r="IN23" s="404">
        <v>0</v>
      </c>
      <c r="IO23" s="345">
        <v>67027</v>
      </c>
      <c r="IP23" s="345">
        <v>208861</v>
      </c>
      <c r="IQ23" s="345">
        <v>0</v>
      </c>
      <c r="IR23" s="345">
        <v>0</v>
      </c>
      <c r="IS23" s="345">
        <v>75880</v>
      </c>
      <c r="IT23" s="346">
        <v>351768</v>
      </c>
      <c r="IU23" s="347">
        <v>351768</v>
      </c>
      <c r="IV23" s="348">
        <v>0</v>
      </c>
      <c r="IW23" s="345">
        <v>0</v>
      </c>
      <c r="IX23" s="349">
        <v>0</v>
      </c>
      <c r="IY23" s="404">
        <v>0</v>
      </c>
      <c r="IZ23" s="345">
        <v>0</v>
      </c>
      <c r="JA23" s="345">
        <v>0</v>
      </c>
      <c r="JB23" s="345">
        <v>0</v>
      </c>
      <c r="JC23" s="345">
        <v>0</v>
      </c>
      <c r="JD23" s="345">
        <v>0</v>
      </c>
      <c r="JE23" s="349">
        <v>0</v>
      </c>
      <c r="JF23" s="350">
        <v>0</v>
      </c>
      <c r="JG23" s="348">
        <v>0</v>
      </c>
      <c r="JH23" s="345">
        <v>0</v>
      </c>
      <c r="JI23" s="346">
        <v>0</v>
      </c>
      <c r="JJ23" s="351">
        <v>0</v>
      </c>
      <c r="JK23" s="345">
        <v>1324155</v>
      </c>
      <c r="JL23" s="345">
        <v>275094</v>
      </c>
      <c r="JM23" s="345">
        <v>161075</v>
      </c>
      <c r="JN23" s="345">
        <v>119803</v>
      </c>
      <c r="JO23" s="345">
        <v>0</v>
      </c>
      <c r="JP23" s="349">
        <v>1880127</v>
      </c>
      <c r="JQ23" s="347">
        <v>1880127</v>
      </c>
      <c r="JR23" s="348">
        <v>0</v>
      </c>
      <c r="JS23" s="345">
        <v>0</v>
      </c>
      <c r="JT23" s="346">
        <v>0</v>
      </c>
      <c r="JU23" s="351">
        <v>0</v>
      </c>
      <c r="JV23" s="345">
        <v>0</v>
      </c>
      <c r="JW23" s="345">
        <v>30699</v>
      </c>
      <c r="JX23" s="345">
        <v>40048</v>
      </c>
      <c r="JY23" s="345">
        <v>0</v>
      </c>
      <c r="JZ23" s="345">
        <v>0</v>
      </c>
      <c r="KA23" s="349">
        <v>70747</v>
      </c>
      <c r="KB23" s="347">
        <v>70747</v>
      </c>
      <c r="KC23" s="352">
        <v>0</v>
      </c>
      <c r="KD23" s="353">
        <v>0</v>
      </c>
      <c r="KE23" s="349">
        <v>0</v>
      </c>
      <c r="KF23" s="351">
        <v>0</v>
      </c>
      <c r="KG23" s="345">
        <v>330949</v>
      </c>
      <c r="KH23" s="345">
        <v>153017</v>
      </c>
      <c r="KI23" s="345">
        <v>0</v>
      </c>
      <c r="KJ23" s="345">
        <v>0</v>
      </c>
      <c r="KK23" s="345">
        <v>0</v>
      </c>
      <c r="KL23" s="349">
        <v>483966</v>
      </c>
      <c r="KM23" s="354">
        <v>483966</v>
      </c>
      <c r="KN23" s="342">
        <v>0</v>
      </c>
      <c r="KO23" s="343">
        <v>0</v>
      </c>
      <c r="KP23" s="344">
        <v>0</v>
      </c>
      <c r="KQ23" s="404">
        <v>0</v>
      </c>
      <c r="KR23" s="345">
        <v>204570</v>
      </c>
      <c r="KS23" s="345">
        <v>861881</v>
      </c>
      <c r="KT23" s="345">
        <v>1308904</v>
      </c>
      <c r="KU23" s="345">
        <v>226369</v>
      </c>
      <c r="KV23" s="345">
        <v>228351</v>
      </c>
      <c r="KW23" s="349">
        <v>2830075</v>
      </c>
      <c r="KX23" s="347">
        <v>2830075</v>
      </c>
      <c r="KY23" s="348">
        <v>0</v>
      </c>
      <c r="KZ23" s="345">
        <v>0</v>
      </c>
      <c r="LA23" s="349">
        <v>0</v>
      </c>
      <c r="LB23" s="404">
        <v>0</v>
      </c>
      <c r="LC23" s="345">
        <v>0</v>
      </c>
      <c r="LD23" s="345">
        <v>0</v>
      </c>
      <c r="LE23" s="345">
        <v>0</v>
      </c>
      <c r="LF23" s="345">
        <v>0</v>
      </c>
      <c r="LG23" s="345">
        <v>0</v>
      </c>
      <c r="LH23" s="349">
        <v>0</v>
      </c>
      <c r="LI23" s="350">
        <v>0</v>
      </c>
      <c r="LJ23" s="348">
        <v>0</v>
      </c>
      <c r="LK23" s="345">
        <v>0</v>
      </c>
      <c r="LL23" s="349">
        <v>0</v>
      </c>
      <c r="LM23" s="404">
        <v>0</v>
      </c>
      <c r="LN23" s="345">
        <v>0</v>
      </c>
      <c r="LO23" s="345">
        <v>0</v>
      </c>
      <c r="LP23" s="345">
        <v>0</v>
      </c>
      <c r="LQ23" s="345">
        <v>256536</v>
      </c>
      <c r="LR23" s="345">
        <v>0</v>
      </c>
      <c r="LS23" s="349">
        <v>256536</v>
      </c>
      <c r="LT23" s="347">
        <v>256536</v>
      </c>
      <c r="LU23" s="348">
        <v>0</v>
      </c>
      <c r="LV23" s="345">
        <v>0</v>
      </c>
      <c r="LW23" s="349">
        <v>0</v>
      </c>
      <c r="LX23" s="404">
        <v>0</v>
      </c>
      <c r="LY23" s="345">
        <v>0</v>
      </c>
      <c r="LZ23" s="345">
        <v>0</v>
      </c>
      <c r="MA23" s="345">
        <v>500265</v>
      </c>
      <c r="MB23" s="345">
        <v>0</v>
      </c>
      <c r="MC23" s="345">
        <v>699380</v>
      </c>
      <c r="MD23" s="349">
        <v>1199645</v>
      </c>
      <c r="ME23" s="350">
        <v>1199645</v>
      </c>
      <c r="MF23" s="348">
        <v>0</v>
      </c>
      <c r="MG23" s="345">
        <v>0</v>
      </c>
      <c r="MH23" s="349">
        <v>0</v>
      </c>
      <c r="MI23" s="404">
        <v>0</v>
      </c>
      <c r="MJ23" s="345">
        <v>321778</v>
      </c>
      <c r="MK23" s="345">
        <v>199215</v>
      </c>
      <c r="ML23" s="345">
        <v>2802168</v>
      </c>
      <c r="MM23" s="345">
        <v>2861596</v>
      </c>
      <c r="MN23" s="345">
        <v>4089000</v>
      </c>
      <c r="MO23" s="349">
        <v>10273757</v>
      </c>
      <c r="MP23" s="354">
        <v>10273757</v>
      </c>
      <c r="MQ23" s="348">
        <v>0</v>
      </c>
      <c r="MR23" s="345">
        <v>0</v>
      </c>
      <c r="MS23" s="349">
        <v>0</v>
      </c>
      <c r="MT23" s="404">
        <v>0</v>
      </c>
      <c r="MU23" s="345">
        <v>0</v>
      </c>
      <c r="MV23" s="345">
        <v>199215</v>
      </c>
      <c r="MW23" s="345">
        <v>1617962</v>
      </c>
      <c r="MX23" s="345">
        <v>1639374</v>
      </c>
      <c r="MY23" s="345">
        <v>3004362</v>
      </c>
      <c r="MZ23" s="349">
        <v>6460913</v>
      </c>
      <c r="NA23" s="354">
        <v>6460913</v>
      </c>
      <c r="NB23" s="348">
        <v>0</v>
      </c>
      <c r="NC23" s="345">
        <v>0</v>
      </c>
      <c r="ND23" s="349">
        <v>0</v>
      </c>
      <c r="NE23" s="404">
        <v>0</v>
      </c>
      <c r="NF23" s="345">
        <v>321778</v>
      </c>
      <c r="NG23" s="345">
        <v>0</v>
      </c>
      <c r="NH23" s="345">
        <v>1184206</v>
      </c>
      <c r="NI23" s="345">
        <v>1222222</v>
      </c>
      <c r="NJ23" s="345">
        <v>745856</v>
      </c>
      <c r="NK23" s="349">
        <v>3474062</v>
      </c>
      <c r="NL23" s="347">
        <v>3474062</v>
      </c>
      <c r="NM23" s="348">
        <v>0</v>
      </c>
      <c r="NN23" s="345">
        <v>0</v>
      </c>
      <c r="NO23" s="349">
        <v>0</v>
      </c>
      <c r="NP23" s="404">
        <v>0</v>
      </c>
      <c r="NQ23" s="345">
        <v>0</v>
      </c>
      <c r="NR23" s="345">
        <v>0</v>
      </c>
      <c r="NS23" s="345">
        <v>0</v>
      </c>
      <c r="NT23" s="345">
        <v>0</v>
      </c>
      <c r="NU23" s="345">
        <v>0</v>
      </c>
      <c r="NV23" s="349">
        <v>0</v>
      </c>
      <c r="NW23" s="350">
        <v>0</v>
      </c>
      <c r="NX23" s="348">
        <v>0</v>
      </c>
      <c r="NY23" s="345">
        <v>0</v>
      </c>
      <c r="NZ23" s="349">
        <v>0</v>
      </c>
      <c r="OA23" s="404">
        <v>0</v>
      </c>
      <c r="OB23" s="345">
        <v>0</v>
      </c>
      <c r="OC23" s="345">
        <v>0</v>
      </c>
      <c r="OD23" s="345">
        <v>0</v>
      </c>
      <c r="OE23" s="345">
        <v>0</v>
      </c>
      <c r="OF23" s="345">
        <v>338782</v>
      </c>
      <c r="OG23" s="349">
        <v>338782</v>
      </c>
      <c r="OH23" s="350">
        <v>338782</v>
      </c>
      <c r="OI23" s="348">
        <v>471271</v>
      </c>
      <c r="OJ23" s="345">
        <v>1186498</v>
      </c>
      <c r="OK23" s="346">
        <v>1657769</v>
      </c>
      <c r="OL23" s="351">
        <v>0</v>
      </c>
      <c r="OM23" s="345">
        <v>9480116</v>
      </c>
      <c r="ON23" s="345">
        <v>10009176</v>
      </c>
      <c r="OO23" s="345">
        <v>13953589</v>
      </c>
      <c r="OP23" s="345">
        <v>10281271</v>
      </c>
      <c r="OQ23" s="345">
        <v>13247116</v>
      </c>
      <c r="OR23" s="349">
        <v>56971268</v>
      </c>
      <c r="OS23" s="354">
        <v>58629037</v>
      </c>
    </row>
    <row r="24" spans="2:409" s="70" customFormat="1" ht="21" customHeight="1" x14ac:dyDescent="0.2">
      <c r="B24" s="106" t="s">
        <v>19</v>
      </c>
      <c r="C24" s="326">
        <v>306063</v>
      </c>
      <c r="D24" s="327">
        <v>277993</v>
      </c>
      <c r="E24" s="328">
        <v>584056</v>
      </c>
      <c r="F24" s="329">
        <v>0</v>
      </c>
      <c r="G24" s="327">
        <v>2760318</v>
      </c>
      <c r="H24" s="327">
        <v>3551965</v>
      </c>
      <c r="I24" s="327">
        <v>2419314</v>
      </c>
      <c r="J24" s="327">
        <v>1622056</v>
      </c>
      <c r="K24" s="327">
        <v>1708290</v>
      </c>
      <c r="L24" s="329">
        <v>12061943</v>
      </c>
      <c r="M24" s="330">
        <v>12645999</v>
      </c>
      <c r="N24" s="326">
        <v>80297</v>
      </c>
      <c r="O24" s="327">
        <v>94766</v>
      </c>
      <c r="P24" s="328">
        <v>175063</v>
      </c>
      <c r="Q24" s="326">
        <v>0</v>
      </c>
      <c r="R24" s="327">
        <v>1004609</v>
      </c>
      <c r="S24" s="327">
        <v>1026638</v>
      </c>
      <c r="T24" s="327">
        <v>1029448</v>
      </c>
      <c r="U24" s="327">
        <v>863613</v>
      </c>
      <c r="V24" s="327">
        <v>454892</v>
      </c>
      <c r="W24" s="328">
        <v>4379200</v>
      </c>
      <c r="X24" s="330">
        <v>4554263</v>
      </c>
      <c r="Y24" s="326">
        <v>0</v>
      </c>
      <c r="Z24" s="327">
        <v>0</v>
      </c>
      <c r="AA24" s="328">
        <v>0</v>
      </c>
      <c r="AB24" s="326">
        <v>0</v>
      </c>
      <c r="AC24" s="327">
        <v>184795</v>
      </c>
      <c r="AD24" s="327">
        <v>485635</v>
      </c>
      <c r="AE24" s="327">
        <v>609248</v>
      </c>
      <c r="AF24" s="327">
        <v>381934</v>
      </c>
      <c r="AG24" s="327">
        <v>270802</v>
      </c>
      <c r="AH24" s="328">
        <v>1932414</v>
      </c>
      <c r="AI24" s="330">
        <v>1932414</v>
      </c>
      <c r="AJ24" s="326">
        <v>0</v>
      </c>
      <c r="AK24" s="327">
        <v>0</v>
      </c>
      <c r="AL24" s="328">
        <v>0</v>
      </c>
      <c r="AM24" s="326">
        <v>0</v>
      </c>
      <c r="AN24" s="327">
        <v>0</v>
      </c>
      <c r="AO24" s="327">
        <v>0</v>
      </c>
      <c r="AP24" s="327">
        <v>20747</v>
      </c>
      <c r="AQ24" s="327">
        <v>80817</v>
      </c>
      <c r="AR24" s="327">
        <v>0</v>
      </c>
      <c r="AS24" s="328">
        <v>101564</v>
      </c>
      <c r="AT24" s="330">
        <v>101564</v>
      </c>
      <c r="AU24" s="326">
        <v>50498</v>
      </c>
      <c r="AV24" s="327">
        <v>67543</v>
      </c>
      <c r="AW24" s="328">
        <v>118041</v>
      </c>
      <c r="AX24" s="326">
        <v>0</v>
      </c>
      <c r="AY24" s="327">
        <v>519010</v>
      </c>
      <c r="AZ24" s="327">
        <v>284778</v>
      </c>
      <c r="BA24" s="327">
        <v>223779</v>
      </c>
      <c r="BB24" s="327">
        <v>299595</v>
      </c>
      <c r="BC24" s="327">
        <v>121748</v>
      </c>
      <c r="BD24" s="328">
        <v>1448910</v>
      </c>
      <c r="BE24" s="330">
        <v>1566951</v>
      </c>
      <c r="BF24" s="326">
        <v>0</v>
      </c>
      <c r="BG24" s="327">
        <v>0</v>
      </c>
      <c r="BH24" s="331">
        <v>0</v>
      </c>
      <c r="BI24" s="332">
        <v>0</v>
      </c>
      <c r="BJ24" s="327">
        <v>122003</v>
      </c>
      <c r="BK24" s="327">
        <v>22117</v>
      </c>
      <c r="BL24" s="327">
        <v>51354</v>
      </c>
      <c r="BM24" s="327">
        <v>62410</v>
      </c>
      <c r="BN24" s="327">
        <v>0</v>
      </c>
      <c r="BO24" s="328">
        <v>257884</v>
      </c>
      <c r="BP24" s="330">
        <v>257884</v>
      </c>
      <c r="BQ24" s="326">
        <v>29799</v>
      </c>
      <c r="BR24" s="327">
        <v>27223</v>
      </c>
      <c r="BS24" s="328">
        <v>57022</v>
      </c>
      <c r="BT24" s="326">
        <v>0</v>
      </c>
      <c r="BU24" s="327">
        <v>178801</v>
      </c>
      <c r="BV24" s="327">
        <v>234108</v>
      </c>
      <c r="BW24" s="327">
        <v>124320</v>
      </c>
      <c r="BX24" s="327">
        <v>38857</v>
      </c>
      <c r="BY24" s="327">
        <v>62342</v>
      </c>
      <c r="BZ24" s="328">
        <v>638428</v>
      </c>
      <c r="CA24" s="330">
        <v>695450</v>
      </c>
      <c r="CB24" s="326">
        <v>37632</v>
      </c>
      <c r="CC24" s="327">
        <v>67571</v>
      </c>
      <c r="CD24" s="328">
        <v>105203</v>
      </c>
      <c r="CE24" s="326">
        <v>0</v>
      </c>
      <c r="CF24" s="327">
        <v>1117649</v>
      </c>
      <c r="CG24" s="327">
        <v>828461</v>
      </c>
      <c r="CH24" s="327">
        <v>313207</v>
      </c>
      <c r="CI24" s="327">
        <v>374964</v>
      </c>
      <c r="CJ24" s="327">
        <v>496642</v>
      </c>
      <c r="CK24" s="328">
        <v>3130923</v>
      </c>
      <c r="CL24" s="330">
        <v>3236126</v>
      </c>
      <c r="CM24" s="326">
        <v>0</v>
      </c>
      <c r="CN24" s="327">
        <v>0</v>
      </c>
      <c r="CO24" s="328">
        <v>0</v>
      </c>
      <c r="CP24" s="332">
        <v>0</v>
      </c>
      <c r="CQ24" s="327">
        <v>607934</v>
      </c>
      <c r="CR24" s="327">
        <v>504519</v>
      </c>
      <c r="CS24" s="327">
        <v>152231</v>
      </c>
      <c r="CT24" s="327">
        <v>114886</v>
      </c>
      <c r="CU24" s="327">
        <v>359127</v>
      </c>
      <c r="CV24" s="328">
        <v>1738697</v>
      </c>
      <c r="CW24" s="330">
        <v>1738697</v>
      </c>
      <c r="CX24" s="326">
        <v>37632</v>
      </c>
      <c r="CY24" s="327">
        <v>67571</v>
      </c>
      <c r="CZ24" s="328">
        <v>105203</v>
      </c>
      <c r="DA24" s="326">
        <v>0</v>
      </c>
      <c r="DB24" s="327">
        <v>509715</v>
      </c>
      <c r="DC24" s="327">
        <v>323942</v>
      </c>
      <c r="DD24" s="327">
        <v>160976</v>
      </c>
      <c r="DE24" s="327">
        <v>260078</v>
      </c>
      <c r="DF24" s="327">
        <v>137515</v>
      </c>
      <c r="DG24" s="328">
        <v>1392226</v>
      </c>
      <c r="DH24" s="330">
        <v>1497429</v>
      </c>
      <c r="DI24" s="326">
        <v>0</v>
      </c>
      <c r="DJ24" s="327">
        <v>0</v>
      </c>
      <c r="DK24" s="331">
        <v>0</v>
      </c>
      <c r="DL24" s="332">
        <v>0</v>
      </c>
      <c r="DM24" s="327">
        <v>215762</v>
      </c>
      <c r="DN24" s="327">
        <v>45715</v>
      </c>
      <c r="DO24" s="327">
        <v>27516</v>
      </c>
      <c r="DP24" s="327">
        <v>154525</v>
      </c>
      <c r="DQ24" s="327">
        <v>0</v>
      </c>
      <c r="DR24" s="328">
        <v>443518</v>
      </c>
      <c r="DS24" s="330">
        <v>443518</v>
      </c>
      <c r="DT24" s="326">
        <v>0</v>
      </c>
      <c r="DU24" s="327">
        <v>0</v>
      </c>
      <c r="DV24" s="328">
        <v>0</v>
      </c>
      <c r="DW24" s="326">
        <v>0</v>
      </c>
      <c r="DX24" s="327">
        <v>27760</v>
      </c>
      <c r="DY24" s="327">
        <v>45715</v>
      </c>
      <c r="DZ24" s="327">
        <v>27516</v>
      </c>
      <c r="EA24" s="327">
        <v>14707</v>
      </c>
      <c r="EB24" s="327">
        <v>0</v>
      </c>
      <c r="EC24" s="328">
        <v>115698</v>
      </c>
      <c r="ED24" s="330">
        <v>115698</v>
      </c>
      <c r="EE24" s="326">
        <v>0</v>
      </c>
      <c r="EF24" s="331">
        <v>0</v>
      </c>
      <c r="EG24" s="328">
        <v>0</v>
      </c>
      <c r="EH24" s="326">
        <v>0</v>
      </c>
      <c r="EI24" s="327">
        <v>188002</v>
      </c>
      <c r="EJ24" s="327">
        <v>0</v>
      </c>
      <c r="EK24" s="327">
        <v>0</v>
      </c>
      <c r="EL24" s="327">
        <v>139818</v>
      </c>
      <c r="EM24" s="327">
        <v>0</v>
      </c>
      <c r="EN24" s="331">
        <v>327820</v>
      </c>
      <c r="EO24" s="330">
        <v>327820</v>
      </c>
      <c r="EP24" s="326">
        <v>0</v>
      </c>
      <c r="EQ24" s="327">
        <v>0</v>
      </c>
      <c r="ER24" s="331">
        <v>0</v>
      </c>
      <c r="ES24" s="332">
        <v>0</v>
      </c>
      <c r="ET24" s="327">
        <v>0</v>
      </c>
      <c r="EU24" s="327">
        <v>0</v>
      </c>
      <c r="EV24" s="327">
        <v>0</v>
      </c>
      <c r="EW24" s="327">
        <v>0</v>
      </c>
      <c r="EX24" s="327">
        <v>0</v>
      </c>
      <c r="EY24" s="328">
        <v>0</v>
      </c>
      <c r="EZ24" s="330">
        <v>0</v>
      </c>
      <c r="FA24" s="326">
        <v>0</v>
      </c>
      <c r="FB24" s="327">
        <v>0</v>
      </c>
      <c r="FC24" s="331">
        <v>0</v>
      </c>
      <c r="FD24" s="404">
        <v>0</v>
      </c>
      <c r="FE24" s="327">
        <v>0</v>
      </c>
      <c r="FF24" s="327">
        <v>0</v>
      </c>
      <c r="FG24" s="327">
        <v>0</v>
      </c>
      <c r="FH24" s="327">
        <v>0</v>
      </c>
      <c r="FI24" s="327">
        <v>0</v>
      </c>
      <c r="FJ24" s="328">
        <v>0</v>
      </c>
      <c r="FK24" s="330">
        <v>0</v>
      </c>
      <c r="FL24" s="326">
        <v>88998</v>
      </c>
      <c r="FM24" s="327">
        <v>35140</v>
      </c>
      <c r="FN24" s="328">
        <v>124138</v>
      </c>
      <c r="FO24" s="326">
        <v>0</v>
      </c>
      <c r="FP24" s="327">
        <v>243586</v>
      </c>
      <c r="FQ24" s="327">
        <v>228046</v>
      </c>
      <c r="FR24" s="327">
        <v>162106</v>
      </c>
      <c r="FS24" s="327">
        <v>236509</v>
      </c>
      <c r="FT24" s="327">
        <v>130872</v>
      </c>
      <c r="FU24" s="328">
        <v>1001119</v>
      </c>
      <c r="FV24" s="330">
        <v>1125257</v>
      </c>
      <c r="FW24" s="333">
        <v>36470</v>
      </c>
      <c r="FX24" s="327">
        <v>35140</v>
      </c>
      <c r="FY24" s="331">
        <v>71610</v>
      </c>
      <c r="FZ24" s="332">
        <v>0</v>
      </c>
      <c r="GA24" s="327">
        <v>243586</v>
      </c>
      <c r="GB24" s="327">
        <v>228046</v>
      </c>
      <c r="GC24" s="327">
        <v>162106</v>
      </c>
      <c r="GD24" s="327">
        <v>236509</v>
      </c>
      <c r="GE24" s="327">
        <v>109032</v>
      </c>
      <c r="GF24" s="328">
        <v>979279</v>
      </c>
      <c r="GG24" s="334">
        <v>1050889</v>
      </c>
      <c r="GH24" s="333">
        <v>20328</v>
      </c>
      <c r="GI24" s="327">
        <v>0</v>
      </c>
      <c r="GJ24" s="331">
        <v>20328</v>
      </c>
      <c r="GK24" s="332">
        <v>0</v>
      </c>
      <c r="GL24" s="327">
        <v>0</v>
      </c>
      <c r="GM24" s="327">
        <v>0</v>
      </c>
      <c r="GN24" s="327">
        <v>0</v>
      </c>
      <c r="GO24" s="327">
        <v>0</v>
      </c>
      <c r="GP24" s="327">
        <v>21840</v>
      </c>
      <c r="GQ24" s="328">
        <v>21840</v>
      </c>
      <c r="GR24" s="330">
        <v>42168</v>
      </c>
      <c r="GS24" s="326">
        <v>32200</v>
      </c>
      <c r="GT24" s="327">
        <v>0</v>
      </c>
      <c r="GU24" s="328">
        <v>32200</v>
      </c>
      <c r="GV24" s="326">
        <v>0</v>
      </c>
      <c r="GW24" s="327">
        <v>0</v>
      </c>
      <c r="GX24" s="327">
        <v>0</v>
      </c>
      <c r="GY24" s="327">
        <v>0</v>
      </c>
      <c r="GZ24" s="327">
        <v>0</v>
      </c>
      <c r="HA24" s="327">
        <v>0</v>
      </c>
      <c r="HB24" s="331">
        <v>0</v>
      </c>
      <c r="HC24" s="330">
        <v>32200</v>
      </c>
      <c r="HD24" s="326">
        <v>99136</v>
      </c>
      <c r="HE24" s="327">
        <v>80516</v>
      </c>
      <c r="HF24" s="331">
        <v>179652</v>
      </c>
      <c r="HG24" s="332">
        <v>0</v>
      </c>
      <c r="HH24" s="327">
        <v>178712</v>
      </c>
      <c r="HI24" s="327">
        <v>1423105</v>
      </c>
      <c r="HJ24" s="327">
        <v>887037</v>
      </c>
      <c r="HK24" s="327">
        <v>-7555</v>
      </c>
      <c r="HL24" s="327">
        <v>625884</v>
      </c>
      <c r="HM24" s="328">
        <v>3107183</v>
      </c>
      <c r="HN24" s="329">
        <v>3286835</v>
      </c>
      <c r="HO24" s="333">
        <v>0</v>
      </c>
      <c r="HP24" s="327">
        <v>0</v>
      </c>
      <c r="HQ24" s="328">
        <v>0</v>
      </c>
      <c r="HR24" s="326">
        <v>0</v>
      </c>
      <c r="HS24" s="327">
        <v>0</v>
      </c>
      <c r="HT24" s="327">
        <v>0</v>
      </c>
      <c r="HU24" s="327">
        <v>0</v>
      </c>
      <c r="HV24" s="327">
        <v>0</v>
      </c>
      <c r="HW24" s="327">
        <v>0</v>
      </c>
      <c r="HX24" s="331">
        <v>0</v>
      </c>
      <c r="HY24" s="330">
        <v>0</v>
      </c>
      <c r="HZ24" s="358">
        <v>25817</v>
      </c>
      <c r="IA24" s="356">
        <v>0</v>
      </c>
      <c r="IB24" s="358">
        <v>25817</v>
      </c>
      <c r="IC24" s="355">
        <v>0</v>
      </c>
      <c r="ID24" s="356">
        <v>1128441</v>
      </c>
      <c r="IE24" s="357">
        <v>666958</v>
      </c>
      <c r="IF24" s="358">
        <v>535143</v>
      </c>
      <c r="IG24" s="356">
        <v>790464</v>
      </c>
      <c r="IH24" s="358">
        <v>187175</v>
      </c>
      <c r="II24" s="359">
        <v>3308181</v>
      </c>
      <c r="IJ24" s="358">
        <v>3333998</v>
      </c>
      <c r="IK24" s="342">
        <v>0</v>
      </c>
      <c r="IL24" s="343">
        <v>0</v>
      </c>
      <c r="IM24" s="344">
        <v>0</v>
      </c>
      <c r="IN24" s="404">
        <v>0</v>
      </c>
      <c r="IO24" s="345">
        <v>0</v>
      </c>
      <c r="IP24" s="345">
        <v>183114</v>
      </c>
      <c r="IQ24" s="345">
        <v>0</v>
      </c>
      <c r="IR24" s="345">
        <v>181092</v>
      </c>
      <c r="IS24" s="345">
        <v>0</v>
      </c>
      <c r="IT24" s="346">
        <v>364206</v>
      </c>
      <c r="IU24" s="347">
        <v>364206</v>
      </c>
      <c r="IV24" s="348">
        <v>0</v>
      </c>
      <c r="IW24" s="345">
        <v>0</v>
      </c>
      <c r="IX24" s="349">
        <v>0</v>
      </c>
      <c r="IY24" s="404">
        <v>0</v>
      </c>
      <c r="IZ24" s="345">
        <v>0</v>
      </c>
      <c r="JA24" s="345">
        <v>9069</v>
      </c>
      <c r="JB24" s="345">
        <v>0</v>
      </c>
      <c r="JC24" s="345">
        <v>9069</v>
      </c>
      <c r="JD24" s="345">
        <v>0</v>
      </c>
      <c r="JE24" s="349">
        <v>18138</v>
      </c>
      <c r="JF24" s="350">
        <v>18138</v>
      </c>
      <c r="JG24" s="348">
        <v>0</v>
      </c>
      <c r="JH24" s="345">
        <v>0</v>
      </c>
      <c r="JI24" s="346">
        <v>0</v>
      </c>
      <c r="JJ24" s="351">
        <v>0</v>
      </c>
      <c r="JK24" s="345">
        <v>637786</v>
      </c>
      <c r="JL24" s="345">
        <v>174186</v>
      </c>
      <c r="JM24" s="345">
        <v>14768</v>
      </c>
      <c r="JN24" s="345">
        <v>359597</v>
      </c>
      <c r="JO24" s="345">
        <v>0</v>
      </c>
      <c r="JP24" s="349">
        <v>1186337</v>
      </c>
      <c r="JQ24" s="347">
        <v>1186337</v>
      </c>
      <c r="JR24" s="348">
        <v>25817</v>
      </c>
      <c r="JS24" s="345">
        <v>0</v>
      </c>
      <c r="JT24" s="346">
        <v>25817</v>
      </c>
      <c r="JU24" s="351">
        <v>0</v>
      </c>
      <c r="JV24" s="345">
        <v>35794</v>
      </c>
      <c r="JW24" s="345">
        <v>137588</v>
      </c>
      <c r="JX24" s="345">
        <v>86307</v>
      </c>
      <c r="JY24" s="345">
        <v>0</v>
      </c>
      <c r="JZ24" s="345">
        <v>0</v>
      </c>
      <c r="KA24" s="349">
        <v>259689</v>
      </c>
      <c r="KB24" s="347">
        <v>285506</v>
      </c>
      <c r="KC24" s="352">
        <v>0</v>
      </c>
      <c r="KD24" s="353">
        <v>0</v>
      </c>
      <c r="KE24" s="349">
        <v>0</v>
      </c>
      <c r="KF24" s="351">
        <v>0</v>
      </c>
      <c r="KG24" s="345">
        <v>247101</v>
      </c>
      <c r="KH24" s="345">
        <v>163001</v>
      </c>
      <c r="KI24" s="345">
        <v>214246</v>
      </c>
      <c r="KJ24" s="345">
        <v>240706</v>
      </c>
      <c r="KK24" s="345">
        <v>0</v>
      </c>
      <c r="KL24" s="349">
        <v>865054</v>
      </c>
      <c r="KM24" s="354">
        <v>865054</v>
      </c>
      <c r="KN24" s="342">
        <v>0</v>
      </c>
      <c r="KO24" s="343">
        <v>0</v>
      </c>
      <c r="KP24" s="344">
        <v>0</v>
      </c>
      <c r="KQ24" s="404">
        <v>0</v>
      </c>
      <c r="KR24" s="345">
        <v>207760</v>
      </c>
      <c r="KS24" s="345">
        <v>0</v>
      </c>
      <c r="KT24" s="345">
        <v>219822</v>
      </c>
      <c r="KU24" s="345">
        <v>0</v>
      </c>
      <c r="KV24" s="345">
        <v>187175</v>
      </c>
      <c r="KW24" s="349">
        <v>614757</v>
      </c>
      <c r="KX24" s="347">
        <v>614757</v>
      </c>
      <c r="KY24" s="348">
        <v>0</v>
      </c>
      <c r="KZ24" s="345">
        <v>0</v>
      </c>
      <c r="LA24" s="349">
        <v>0</v>
      </c>
      <c r="LB24" s="404">
        <v>0</v>
      </c>
      <c r="LC24" s="345">
        <v>0</v>
      </c>
      <c r="LD24" s="345">
        <v>0</v>
      </c>
      <c r="LE24" s="345">
        <v>0</v>
      </c>
      <c r="LF24" s="345">
        <v>0</v>
      </c>
      <c r="LG24" s="345">
        <v>0</v>
      </c>
      <c r="LH24" s="349">
        <v>0</v>
      </c>
      <c r="LI24" s="350">
        <v>0</v>
      </c>
      <c r="LJ24" s="348">
        <v>0</v>
      </c>
      <c r="LK24" s="345">
        <v>0</v>
      </c>
      <c r="LL24" s="349">
        <v>0</v>
      </c>
      <c r="LM24" s="404">
        <v>0</v>
      </c>
      <c r="LN24" s="345">
        <v>0</v>
      </c>
      <c r="LO24" s="345">
        <v>0</v>
      </c>
      <c r="LP24" s="345">
        <v>0</v>
      </c>
      <c r="LQ24" s="345">
        <v>0</v>
      </c>
      <c r="LR24" s="345">
        <v>0</v>
      </c>
      <c r="LS24" s="349">
        <v>0</v>
      </c>
      <c r="LT24" s="347">
        <v>0</v>
      </c>
      <c r="LU24" s="348">
        <v>0</v>
      </c>
      <c r="LV24" s="345">
        <v>0</v>
      </c>
      <c r="LW24" s="349">
        <v>0</v>
      </c>
      <c r="LX24" s="404">
        <v>0</v>
      </c>
      <c r="LY24" s="345">
        <v>0</v>
      </c>
      <c r="LZ24" s="345">
        <v>0</v>
      </c>
      <c r="MA24" s="345">
        <v>0</v>
      </c>
      <c r="MB24" s="345">
        <v>0</v>
      </c>
      <c r="MC24" s="345">
        <v>0</v>
      </c>
      <c r="MD24" s="349">
        <v>0</v>
      </c>
      <c r="ME24" s="350">
        <v>0</v>
      </c>
      <c r="MF24" s="348">
        <v>0</v>
      </c>
      <c r="MG24" s="345">
        <v>0</v>
      </c>
      <c r="MH24" s="349">
        <v>0</v>
      </c>
      <c r="MI24" s="404">
        <v>0</v>
      </c>
      <c r="MJ24" s="345">
        <v>96864</v>
      </c>
      <c r="MK24" s="345">
        <v>491157</v>
      </c>
      <c r="ML24" s="345">
        <v>1705982</v>
      </c>
      <c r="MM24" s="345">
        <v>849122</v>
      </c>
      <c r="MN24" s="345">
        <v>762747</v>
      </c>
      <c r="MO24" s="349">
        <v>3905872</v>
      </c>
      <c r="MP24" s="354">
        <v>3905872</v>
      </c>
      <c r="MQ24" s="348">
        <v>0</v>
      </c>
      <c r="MR24" s="345">
        <v>0</v>
      </c>
      <c r="MS24" s="349">
        <v>0</v>
      </c>
      <c r="MT24" s="404">
        <v>0</v>
      </c>
      <c r="MU24" s="345">
        <v>0</v>
      </c>
      <c r="MV24" s="345">
        <v>0</v>
      </c>
      <c r="MW24" s="345">
        <v>830410</v>
      </c>
      <c r="MX24" s="345">
        <v>704183</v>
      </c>
      <c r="MY24" s="345">
        <v>491844</v>
      </c>
      <c r="MZ24" s="349">
        <v>2026437</v>
      </c>
      <c r="NA24" s="354">
        <v>2026437</v>
      </c>
      <c r="NB24" s="348">
        <v>0</v>
      </c>
      <c r="NC24" s="345">
        <v>0</v>
      </c>
      <c r="ND24" s="349">
        <v>0</v>
      </c>
      <c r="NE24" s="404">
        <v>0</v>
      </c>
      <c r="NF24" s="345">
        <v>96864</v>
      </c>
      <c r="NG24" s="345">
        <v>491157</v>
      </c>
      <c r="NH24" s="345">
        <v>875572</v>
      </c>
      <c r="NI24" s="345">
        <v>144939</v>
      </c>
      <c r="NJ24" s="345">
        <v>270903</v>
      </c>
      <c r="NK24" s="349">
        <v>1879435</v>
      </c>
      <c r="NL24" s="347">
        <v>1879435</v>
      </c>
      <c r="NM24" s="348">
        <v>0</v>
      </c>
      <c r="NN24" s="345">
        <v>0</v>
      </c>
      <c r="NO24" s="349">
        <v>0</v>
      </c>
      <c r="NP24" s="404">
        <v>0</v>
      </c>
      <c r="NQ24" s="345">
        <v>0</v>
      </c>
      <c r="NR24" s="345">
        <v>0</v>
      </c>
      <c r="NS24" s="345">
        <v>0</v>
      </c>
      <c r="NT24" s="345">
        <v>0</v>
      </c>
      <c r="NU24" s="345">
        <v>0</v>
      </c>
      <c r="NV24" s="349">
        <v>0</v>
      </c>
      <c r="NW24" s="350">
        <v>0</v>
      </c>
      <c r="NX24" s="348">
        <v>0</v>
      </c>
      <c r="NY24" s="345">
        <v>0</v>
      </c>
      <c r="NZ24" s="349">
        <v>0</v>
      </c>
      <c r="OA24" s="404">
        <v>0</v>
      </c>
      <c r="OB24" s="345">
        <v>0</v>
      </c>
      <c r="OC24" s="345">
        <v>0</v>
      </c>
      <c r="OD24" s="345">
        <v>0</v>
      </c>
      <c r="OE24" s="345">
        <v>0</v>
      </c>
      <c r="OF24" s="345">
        <v>0</v>
      </c>
      <c r="OG24" s="349">
        <v>0</v>
      </c>
      <c r="OH24" s="350">
        <v>0</v>
      </c>
      <c r="OI24" s="348">
        <v>331880</v>
      </c>
      <c r="OJ24" s="345">
        <v>277993</v>
      </c>
      <c r="OK24" s="346">
        <v>609873</v>
      </c>
      <c r="OL24" s="351">
        <v>0</v>
      </c>
      <c r="OM24" s="345">
        <v>3985623</v>
      </c>
      <c r="ON24" s="345">
        <v>4710080</v>
      </c>
      <c r="OO24" s="345">
        <v>4660439</v>
      </c>
      <c r="OP24" s="345">
        <v>3261642</v>
      </c>
      <c r="OQ24" s="345">
        <v>2658212</v>
      </c>
      <c r="OR24" s="349">
        <v>19275996</v>
      </c>
      <c r="OS24" s="354">
        <v>19885869</v>
      </c>
    </row>
    <row r="25" spans="2:409" s="70" customFormat="1" ht="21" customHeight="1" x14ac:dyDescent="0.2">
      <c r="B25" s="106" t="s">
        <v>20</v>
      </c>
      <c r="C25" s="326">
        <v>314263</v>
      </c>
      <c r="D25" s="327">
        <v>446390</v>
      </c>
      <c r="E25" s="328">
        <v>760653</v>
      </c>
      <c r="F25" s="326">
        <v>0</v>
      </c>
      <c r="G25" s="327">
        <v>3632932</v>
      </c>
      <c r="H25" s="327">
        <v>4361530</v>
      </c>
      <c r="I25" s="327">
        <v>4281552</v>
      </c>
      <c r="J25" s="327">
        <v>2656480</v>
      </c>
      <c r="K25" s="327">
        <v>2364768</v>
      </c>
      <c r="L25" s="367">
        <v>17297262</v>
      </c>
      <c r="M25" s="330">
        <v>18057915</v>
      </c>
      <c r="N25" s="326">
        <v>110051</v>
      </c>
      <c r="O25" s="327">
        <v>172753</v>
      </c>
      <c r="P25" s="328">
        <v>282804</v>
      </c>
      <c r="Q25" s="326">
        <v>0</v>
      </c>
      <c r="R25" s="327">
        <v>1339654</v>
      </c>
      <c r="S25" s="327">
        <v>1553378</v>
      </c>
      <c r="T25" s="327">
        <v>1293474</v>
      </c>
      <c r="U25" s="327">
        <v>1041087</v>
      </c>
      <c r="V25" s="327">
        <v>929266</v>
      </c>
      <c r="W25" s="328">
        <v>6156859</v>
      </c>
      <c r="X25" s="330">
        <v>6439663</v>
      </c>
      <c r="Y25" s="326">
        <v>0</v>
      </c>
      <c r="Z25" s="327">
        <v>0</v>
      </c>
      <c r="AA25" s="328">
        <v>0</v>
      </c>
      <c r="AB25" s="326">
        <v>0</v>
      </c>
      <c r="AC25" s="327">
        <v>548352</v>
      </c>
      <c r="AD25" s="327">
        <v>745150</v>
      </c>
      <c r="AE25" s="327">
        <v>557435</v>
      </c>
      <c r="AF25" s="327">
        <v>628174</v>
      </c>
      <c r="AG25" s="327">
        <v>622884</v>
      </c>
      <c r="AH25" s="328">
        <v>3101995</v>
      </c>
      <c r="AI25" s="330">
        <v>3101995</v>
      </c>
      <c r="AJ25" s="326">
        <v>0</v>
      </c>
      <c r="AK25" s="327">
        <v>0</v>
      </c>
      <c r="AL25" s="328">
        <v>0</v>
      </c>
      <c r="AM25" s="326">
        <v>0</v>
      </c>
      <c r="AN25" s="327">
        <v>0</v>
      </c>
      <c r="AO25" s="327">
        <v>0</v>
      </c>
      <c r="AP25" s="327">
        <v>42037</v>
      </c>
      <c r="AQ25" s="327">
        <v>84628</v>
      </c>
      <c r="AR25" s="327">
        <v>104251</v>
      </c>
      <c r="AS25" s="328">
        <v>230916</v>
      </c>
      <c r="AT25" s="330">
        <v>230916</v>
      </c>
      <c r="AU25" s="326">
        <v>55941</v>
      </c>
      <c r="AV25" s="327">
        <v>71776</v>
      </c>
      <c r="AW25" s="328">
        <v>127717</v>
      </c>
      <c r="AX25" s="326">
        <v>0</v>
      </c>
      <c r="AY25" s="327">
        <v>511069</v>
      </c>
      <c r="AZ25" s="327">
        <v>543198</v>
      </c>
      <c r="BA25" s="327">
        <v>367200</v>
      </c>
      <c r="BB25" s="327">
        <v>189972</v>
      </c>
      <c r="BC25" s="327">
        <v>7928</v>
      </c>
      <c r="BD25" s="328">
        <v>1619367</v>
      </c>
      <c r="BE25" s="330">
        <v>1747084</v>
      </c>
      <c r="BF25" s="326">
        <v>0</v>
      </c>
      <c r="BG25" s="327">
        <v>92584</v>
      </c>
      <c r="BH25" s="331">
        <v>92584</v>
      </c>
      <c r="BI25" s="332">
        <v>0</v>
      </c>
      <c r="BJ25" s="327">
        <v>131833</v>
      </c>
      <c r="BK25" s="327">
        <v>86117</v>
      </c>
      <c r="BL25" s="327">
        <v>118643</v>
      </c>
      <c r="BM25" s="327">
        <v>0</v>
      </c>
      <c r="BN25" s="327">
        <v>46909</v>
      </c>
      <c r="BO25" s="328">
        <v>383502</v>
      </c>
      <c r="BP25" s="330">
        <v>476086</v>
      </c>
      <c r="BQ25" s="326">
        <v>54110</v>
      </c>
      <c r="BR25" s="327">
        <v>8393</v>
      </c>
      <c r="BS25" s="328">
        <v>62503</v>
      </c>
      <c r="BT25" s="326">
        <v>0</v>
      </c>
      <c r="BU25" s="327">
        <v>148400</v>
      </c>
      <c r="BV25" s="327">
        <v>178913</v>
      </c>
      <c r="BW25" s="327">
        <v>208159</v>
      </c>
      <c r="BX25" s="327">
        <v>138313</v>
      </c>
      <c r="BY25" s="327">
        <v>147294</v>
      </c>
      <c r="BZ25" s="328">
        <v>821079</v>
      </c>
      <c r="CA25" s="330">
        <v>883582</v>
      </c>
      <c r="CB25" s="326">
        <v>0</v>
      </c>
      <c r="CC25" s="327">
        <v>73076</v>
      </c>
      <c r="CD25" s="328">
        <v>73076</v>
      </c>
      <c r="CE25" s="326">
        <v>0</v>
      </c>
      <c r="CF25" s="327">
        <v>809632</v>
      </c>
      <c r="CG25" s="327">
        <v>1231661</v>
      </c>
      <c r="CH25" s="327">
        <v>1337141</v>
      </c>
      <c r="CI25" s="327">
        <v>476410</v>
      </c>
      <c r="CJ25" s="327">
        <v>257495</v>
      </c>
      <c r="CK25" s="328">
        <v>4112339</v>
      </c>
      <c r="CL25" s="330">
        <v>4185415</v>
      </c>
      <c r="CM25" s="326">
        <v>0</v>
      </c>
      <c r="CN25" s="327">
        <v>0</v>
      </c>
      <c r="CO25" s="328">
        <v>0</v>
      </c>
      <c r="CP25" s="332">
        <v>0</v>
      </c>
      <c r="CQ25" s="327">
        <v>635737</v>
      </c>
      <c r="CR25" s="327">
        <v>667022</v>
      </c>
      <c r="CS25" s="327">
        <v>1094720</v>
      </c>
      <c r="CT25" s="327">
        <v>318564</v>
      </c>
      <c r="CU25" s="327">
        <v>242639</v>
      </c>
      <c r="CV25" s="328">
        <v>2958682</v>
      </c>
      <c r="CW25" s="330">
        <v>2958682</v>
      </c>
      <c r="CX25" s="326">
        <v>0</v>
      </c>
      <c r="CY25" s="327">
        <v>73076</v>
      </c>
      <c r="CZ25" s="328">
        <v>73076</v>
      </c>
      <c r="DA25" s="326">
        <v>0</v>
      </c>
      <c r="DB25" s="327">
        <v>173895</v>
      </c>
      <c r="DC25" s="327">
        <v>564639</v>
      </c>
      <c r="DD25" s="327">
        <v>242421</v>
      </c>
      <c r="DE25" s="327">
        <v>157846</v>
      </c>
      <c r="DF25" s="327">
        <v>14856</v>
      </c>
      <c r="DG25" s="328">
        <v>1153657</v>
      </c>
      <c r="DH25" s="330">
        <v>1226733</v>
      </c>
      <c r="DI25" s="326">
        <v>0</v>
      </c>
      <c r="DJ25" s="327">
        <v>0</v>
      </c>
      <c r="DK25" s="331">
        <v>0</v>
      </c>
      <c r="DL25" s="332">
        <v>0</v>
      </c>
      <c r="DM25" s="327">
        <v>236837</v>
      </c>
      <c r="DN25" s="327">
        <v>279080</v>
      </c>
      <c r="DO25" s="327">
        <v>683449</v>
      </c>
      <c r="DP25" s="327">
        <v>174211</v>
      </c>
      <c r="DQ25" s="327">
        <v>114436</v>
      </c>
      <c r="DR25" s="328">
        <v>1488013</v>
      </c>
      <c r="DS25" s="330">
        <v>1488013</v>
      </c>
      <c r="DT25" s="326">
        <v>0</v>
      </c>
      <c r="DU25" s="327">
        <v>0</v>
      </c>
      <c r="DV25" s="328">
        <v>0</v>
      </c>
      <c r="DW25" s="326">
        <v>0</v>
      </c>
      <c r="DX25" s="327">
        <v>180625</v>
      </c>
      <c r="DY25" s="327">
        <v>251915</v>
      </c>
      <c r="DZ25" s="327">
        <v>683449</v>
      </c>
      <c r="EA25" s="327">
        <v>174211</v>
      </c>
      <c r="EB25" s="327">
        <v>114436</v>
      </c>
      <c r="EC25" s="328">
        <v>1404636</v>
      </c>
      <c r="ED25" s="330">
        <v>1404636</v>
      </c>
      <c r="EE25" s="326">
        <v>0</v>
      </c>
      <c r="EF25" s="331">
        <v>0</v>
      </c>
      <c r="EG25" s="328">
        <v>0</v>
      </c>
      <c r="EH25" s="326">
        <v>0</v>
      </c>
      <c r="EI25" s="327">
        <v>56212</v>
      </c>
      <c r="EJ25" s="327">
        <v>27165</v>
      </c>
      <c r="EK25" s="327">
        <v>0</v>
      </c>
      <c r="EL25" s="327">
        <v>0</v>
      </c>
      <c r="EM25" s="327">
        <v>0</v>
      </c>
      <c r="EN25" s="331">
        <v>83377</v>
      </c>
      <c r="EO25" s="330">
        <v>83377</v>
      </c>
      <c r="EP25" s="326">
        <v>0</v>
      </c>
      <c r="EQ25" s="327">
        <v>0</v>
      </c>
      <c r="ER25" s="331">
        <v>0</v>
      </c>
      <c r="ES25" s="332">
        <v>0</v>
      </c>
      <c r="ET25" s="327">
        <v>0</v>
      </c>
      <c r="EU25" s="327">
        <v>0</v>
      </c>
      <c r="EV25" s="327">
        <v>0</v>
      </c>
      <c r="EW25" s="327">
        <v>0</v>
      </c>
      <c r="EX25" s="327">
        <v>0</v>
      </c>
      <c r="EY25" s="328">
        <v>0</v>
      </c>
      <c r="EZ25" s="330">
        <v>0</v>
      </c>
      <c r="FA25" s="326">
        <v>0</v>
      </c>
      <c r="FB25" s="327">
        <v>0</v>
      </c>
      <c r="FC25" s="331">
        <v>0</v>
      </c>
      <c r="FD25" s="404">
        <v>0</v>
      </c>
      <c r="FE25" s="327">
        <v>0</v>
      </c>
      <c r="FF25" s="327">
        <v>0</v>
      </c>
      <c r="FG25" s="327">
        <v>0</v>
      </c>
      <c r="FH25" s="327">
        <v>0</v>
      </c>
      <c r="FI25" s="327">
        <v>0</v>
      </c>
      <c r="FJ25" s="328">
        <v>0</v>
      </c>
      <c r="FK25" s="330">
        <v>0</v>
      </c>
      <c r="FL25" s="326">
        <v>56385</v>
      </c>
      <c r="FM25" s="327">
        <v>122591</v>
      </c>
      <c r="FN25" s="328">
        <v>178976</v>
      </c>
      <c r="FO25" s="326">
        <v>0</v>
      </c>
      <c r="FP25" s="327">
        <v>173138</v>
      </c>
      <c r="FQ25" s="327">
        <v>311871</v>
      </c>
      <c r="FR25" s="327">
        <v>425845</v>
      </c>
      <c r="FS25" s="327">
        <v>191023</v>
      </c>
      <c r="FT25" s="327">
        <v>218547</v>
      </c>
      <c r="FU25" s="328">
        <v>1320424</v>
      </c>
      <c r="FV25" s="330">
        <v>1499400</v>
      </c>
      <c r="FW25" s="333">
        <v>56385</v>
      </c>
      <c r="FX25" s="327">
        <v>122591</v>
      </c>
      <c r="FY25" s="331">
        <v>178976</v>
      </c>
      <c r="FZ25" s="332">
        <v>0</v>
      </c>
      <c r="GA25" s="327">
        <v>117698</v>
      </c>
      <c r="GB25" s="327">
        <v>311871</v>
      </c>
      <c r="GC25" s="327">
        <v>381745</v>
      </c>
      <c r="GD25" s="327">
        <v>191023</v>
      </c>
      <c r="GE25" s="327">
        <v>133847</v>
      </c>
      <c r="GF25" s="328">
        <v>1136184</v>
      </c>
      <c r="GG25" s="334">
        <v>1315160</v>
      </c>
      <c r="GH25" s="333">
        <v>0</v>
      </c>
      <c r="GI25" s="327">
        <v>0</v>
      </c>
      <c r="GJ25" s="331">
        <v>0</v>
      </c>
      <c r="GK25" s="332">
        <v>0</v>
      </c>
      <c r="GL25" s="327">
        <v>0</v>
      </c>
      <c r="GM25" s="327">
        <v>0</v>
      </c>
      <c r="GN25" s="327">
        <v>0</v>
      </c>
      <c r="GO25" s="327">
        <v>0</v>
      </c>
      <c r="GP25" s="327">
        <v>0</v>
      </c>
      <c r="GQ25" s="328">
        <v>0</v>
      </c>
      <c r="GR25" s="330">
        <v>0</v>
      </c>
      <c r="GS25" s="326">
        <v>0</v>
      </c>
      <c r="GT25" s="327">
        <v>0</v>
      </c>
      <c r="GU25" s="328">
        <v>0</v>
      </c>
      <c r="GV25" s="326">
        <v>0</v>
      </c>
      <c r="GW25" s="327">
        <v>55440</v>
      </c>
      <c r="GX25" s="327">
        <v>0</v>
      </c>
      <c r="GY25" s="327">
        <v>44100</v>
      </c>
      <c r="GZ25" s="327">
        <v>0</v>
      </c>
      <c r="HA25" s="327">
        <v>84700</v>
      </c>
      <c r="HB25" s="331">
        <v>184240</v>
      </c>
      <c r="HC25" s="330">
        <v>184240</v>
      </c>
      <c r="HD25" s="326">
        <v>147827</v>
      </c>
      <c r="HE25" s="327">
        <v>77970</v>
      </c>
      <c r="HF25" s="331">
        <v>225797</v>
      </c>
      <c r="HG25" s="332">
        <v>0</v>
      </c>
      <c r="HH25" s="327">
        <v>1073671</v>
      </c>
      <c r="HI25" s="327">
        <v>985540</v>
      </c>
      <c r="HJ25" s="327">
        <v>541643</v>
      </c>
      <c r="HK25" s="327">
        <v>773749</v>
      </c>
      <c r="HL25" s="327">
        <v>845024</v>
      </c>
      <c r="HM25" s="328">
        <v>4219627</v>
      </c>
      <c r="HN25" s="329">
        <v>4445424</v>
      </c>
      <c r="HO25" s="333">
        <v>0</v>
      </c>
      <c r="HP25" s="327">
        <v>0</v>
      </c>
      <c r="HQ25" s="328">
        <v>0</v>
      </c>
      <c r="HR25" s="326">
        <v>0</v>
      </c>
      <c r="HS25" s="327">
        <v>0</v>
      </c>
      <c r="HT25" s="327">
        <v>0</v>
      </c>
      <c r="HU25" s="327">
        <v>0</v>
      </c>
      <c r="HV25" s="327">
        <v>0</v>
      </c>
      <c r="HW25" s="327">
        <v>0</v>
      </c>
      <c r="HX25" s="331">
        <v>0</v>
      </c>
      <c r="HY25" s="330">
        <v>0</v>
      </c>
      <c r="HZ25" s="335">
        <v>0</v>
      </c>
      <c r="IA25" s="336">
        <v>0</v>
      </c>
      <c r="IB25" s="337">
        <v>0</v>
      </c>
      <c r="IC25" s="338">
        <v>0</v>
      </c>
      <c r="ID25" s="336">
        <v>461103</v>
      </c>
      <c r="IE25" s="339">
        <v>931252</v>
      </c>
      <c r="IF25" s="337">
        <v>1243396</v>
      </c>
      <c r="IG25" s="336">
        <v>21971</v>
      </c>
      <c r="IH25" s="337">
        <v>259527</v>
      </c>
      <c r="II25" s="340">
        <v>2917249</v>
      </c>
      <c r="IJ25" s="341">
        <v>2917249</v>
      </c>
      <c r="IK25" s="342">
        <v>0</v>
      </c>
      <c r="IL25" s="343">
        <v>0</v>
      </c>
      <c r="IM25" s="344">
        <v>0</v>
      </c>
      <c r="IN25" s="404">
        <v>0</v>
      </c>
      <c r="IO25" s="345">
        <v>0</v>
      </c>
      <c r="IP25" s="345">
        <v>0</v>
      </c>
      <c r="IQ25" s="345">
        <v>0</v>
      </c>
      <c r="IR25" s="345">
        <v>0</v>
      </c>
      <c r="IS25" s="345">
        <v>0</v>
      </c>
      <c r="IT25" s="346">
        <v>0</v>
      </c>
      <c r="IU25" s="347">
        <v>0</v>
      </c>
      <c r="IV25" s="348">
        <v>0</v>
      </c>
      <c r="IW25" s="345">
        <v>0</v>
      </c>
      <c r="IX25" s="349">
        <v>0</v>
      </c>
      <c r="IY25" s="404">
        <v>0</v>
      </c>
      <c r="IZ25" s="345">
        <v>0</v>
      </c>
      <c r="JA25" s="345">
        <v>0</v>
      </c>
      <c r="JB25" s="345">
        <v>0</v>
      </c>
      <c r="JC25" s="345">
        <v>0</v>
      </c>
      <c r="JD25" s="345">
        <v>0</v>
      </c>
      <c r="JE25" s="349">
        <v>0</v>
      </c>
      <c r="JF25" s="350">
        <v>0</v>
      </c>
      <c r="JG25" s="348">
        <v>0</v>
      </c>
      <c r="JH25" s="345">
        <v>0</v>
      </c>
      <c r="JI25" s="346">
        <v>0</v>
      </c>
      <c r="JJ25" s="351">
        <v>0</v>
      </c>
      <c r="JK25" s="345">
        <v>253642</v>
      </c>
      <c r="JL25" s="345">
        <v>359564</v>
      </c>
      <c r="JM25" s="345">
        <v>64318</v>
      </c>
      <c r="JN25" s="345">
        <v>21971</v>
      </c>
      <c r="JO25" s="345">
        <v>0</v>
      </c>
      <c r="JP25" s="349">
        <v>699495</v>
      </c>
      <c r="JQ25" s="347">
        <v>699495</v>
      </c>
      <c r="JR25" s="348">
        <v>0</v>
      </c>
      <c r="JS25" s="345">
        <v>0</v>
      </c>
      <c r="JT25" s="346">
        <v>0</v>
      </c>
      <c r="JU25" s="351">
        <v>0</v>
      </c>
      <c r="JV25" s="345">
        <v>0</v>
      </c>
      <c r="JW25" s="345">
        <v>0</v>
      </c>
      <c r="JX25" s="345">
        <v>50935</v>
      </c>
      <c r="JY25" s="345">
        <v>0</v>
      </c>
      <c r="JZ25" s="345">
        <v>0</v>
      </c>
      <c r="KA25" s="349">
        <v>50935</v>
      </c>
      <c r="KB25" s="347">
        <v>50935</v>
      </c>
      <c r="KC25" s="352">
        <v>0</v>
      </c>
      <c r="KD25" s="353">
        <v>0</v>
      </c>
      <c r="KE25" s="349">
        <v>0</v>
      </c>
      <c r="KF25" s="351">
        <v>0</v>
      </c>
      <c r="KG25" s="345">
        <v>0</v>
      </c>
      <c r="KH25" s="345">
        <v>136860</v>
      </c>
      <c r="KI25" s="345">
        <v>0</v>
      </c>
      <c r="KJ25" s="345">
        <v>0</v>
      </c>
      <c r="KK25" s="345">
        <v>259527</v>
      </c>
      <c r="KL25" s="349">
        <v>396387</v>
      </c>
      <c r="KM25" s="354">
        <v>396387</v>
      </c>
      <c r="KN25" s="342">
        <v>0</v>
      </c>
      <c r="KO25" s="343">
        <v>0</v>
      </c>
      <c r="KP25" s="344">
        <v>0</v>
      </c>
      <c r="KQ25" s="404">
        <v>0</v>
      </c>
      <c r="KR25" s="345">
        <v>207461</v>
      </c>
      <c r="KS25" s="345">
        <v>434828</v>
      </c>
      <c r="KT25" s="345">
        <v>1128143</v>
      </c>
      <c r="KU25" s="345">
        <v>0</v>
      </c>
      <c r="KV25" s="345">
        <v>0</v>
      </c>
      <c r="KW25" s="349">
        <v>1770432</v>
      </c>
      <c r="KX25" s="347">
        <v>1770432</v>
      </c>
      <c r="KY25" s="348">
        <v>0</v>
      </c>
      <c r="KZ25" s="345">
        <v>0</v>
      </c>
      <c r="LA25" s="349">
        <v>0</v>
      </c>
      <c r="LB25" s="404">
        <v>0</v>
      </c>
      <c r="LC25" s="345">
        <v>0</v>
      </c>
      <c r="LD25" s="345">
        <v>0</v>
      </c>
      <c r="LE25" s="345">
        <v>0</v>
      </c>
      <c r="LF25" s="345">
        <v>0</v>
      </c>
      <c r="LG25" s="345">
        <v>0</v>
      </c>
      <c r="LH25" s="349">
        <v>0</v>
      </c>
      <c r="LI25" s="350">
        <v>0</v>
      </c>
      <c r="LJ25" s="348">
        <v>0</v>
      </c>
      <c r="LK25" s="345">
        <v>0</v>
      </c>
      <c r="LL25" s="349">
        <v>0</v>
      </c>
      <c r="LM25" s="404">
        <v>0</v>
      </c>
      <c r="LN25" s="345">
        <v>0</v>
      </c>
      <c r="LO25" s="345">
        <v>0</v>
      </c>
      <c r="LP25" s="345">
        <v>0</v>
      </c>
      <c r="LQ25" s="345">
        <v>0</v>
      </c>
      <c r="LR25" s="345">
        <v>0</v>
      </c>
      <c r="LS25" s="349">
        <v>0</v>
      </c>
      <c r="LT25" s="347">
        <v>0</v>
      </c>
      <c r="LU25" s="348">
        <v>0</v>
      </c>
      <c r="LV25" s="345">
        <v>0</v>
      </c>
      <c r="LW25" s="349">
        <v>0</v>
      </c>
      <c r="LX25" s="404">
        <v>0</v>
      </c>
      <c r="LY25" s="345">
        <v>0</v>
      </c>
      <c r="LZ25" s="345">
        <v>0</v>
      </c>
      <c r="MA25" s="345">
        <v>0</v>
      </c>
      <c r="MB25" s="345">
        <v>0</v>
      </c>
      <c r="MC25" s="345">
        <v>0</v>
      </c>
      <c r="MD25" s="349">
        <v>0</v>
      </c>
      <c r="ME25" s="350">
        <v>0</v>
      </c>
      <c r="MF25" s="348">
        <v>0</v>
      </c>
      <c r="MG25" s="345">
        <v>0</v>
      </c>
      <c r="MH25" s="349">
        <v>0</v>
      </c>
      <c r="MI25" s="404">
        <v>0</v>
      </c>
      <c r="MJ25" s="345">
        <v>198681</v>
      </c>
      <c r="MK25" s="345">
        <v>664147</v>
      </c>
      <c r="ML25" s="345">
        <v>404519</v>
      </c>
      <c r="MM25" s="345">
        <v>2665097</v>
      </c>
      <c r="MN25" s="345">
        <v>1578056</v>
      </c>
      <c r="MO25" s="349">
        <v>5510500</v>
      </c>
      <c r="MP25" s="354">
        <v>5510500</v>
      </c>
      <c r="MQ25" s="348">
        <v>0</v>
      </c>
      <c r="MR25" s="345">
        <v>0</v>
      </c>
      <c r="MS25" s="349">
        <v>0</v>
      </c>
      <c r="MT25" s="404">
        <v>0</v>
      </c>
      <c r="MU25" s="345">
        <v>0</v>
      </c>
      <c r="MV25" s="345">
        <v>430268</v>
      </c>
      <c r="MW25" s="345">
        <v>404519</v>
      </c>
      <c r="MX25" s="345">
        <v>1663052</v>
      </c>
      <c r="MY25" s="345">
        <v>1578056</v>
      </c>
      <c r="MZ25" s="349">
        <v>4075895</v>
      </c>
      <c r="NA25" s="354">
        <v>4075895</v>
      </c>
      <c r="NB25" s="348">
        <v>0</v>
      </c>
      <c r="NC25" s="345">
        <v>0</v>
      </c>
      <c r="ND25" s="349">
        <v>0</v>
      </c>
      <c r="NE25" s="404">
        <v>0</v>
      </c>
      <c r="NF25" s="345">
        <v>198681</v>
      </c>
      <c r="NG25" s="345">
        <v>233879</v>
      </c>
      <c r="NH25" s="345">
        <v>0</v>
      </c>
      <c r="NI25" s="345">
        <v>1002045</v>
      </c>
      <c r="NJ25" s="345">
        <v>0</v>
      </c>
      <c r="NK25" s="349">
        <v>1434605</v>
      </c>
      <c r="NL25" s="347">
        <v>1434605</v>
      </c>
      <c r="NM25" s="348">
        <v>0</v>
      </c>
      <c r="NN25" s="345">
        <v>0</v>
      </c>
      <c r="NO25" s="349">
        <v>0</v>
      </c>
      <c r="NP25" s="404">
        <v>0</v>
      </c>
      <c r="NQ25" s="345">
        <v>0</v>
      </c>
      <c r="NR25" s="345">
        <v>0</v>
      </c>
      <c r="NS25" s="345">
        <v>0</v>
      </c>
      <c r="NT25" s="345">
        <v>0</v>
      </c>
      <c r="NU25" s="345">
        <v>0</v>
      </c>
      <c r="NV25" s="349">
        <v>0</v>
      </c>
      <c r="NW25" s="350">
        <v>0</v>
      </c>
      <c r="NX25" s="348">
        <v>0</v>
      </c>
      <c r="NY25" s="345">
        <v>0</v>
      </c>
      <c r="NZ25" s="349">
        <v>0</v>
      </c>
      <c r="OA25" s="404">
        <v>0</v>
      </c>
      <c r="OB25" s="345">
        <v>0</v>
      </c>
      <c r="OC25" s="345">
        <v>0</v>
      </c>
      <c r="OD25" s="345">
        <v>0</v>
      </c>
      <c r="OE25" s="345">
        <v>0</v>
      </c>
      <c r="OF25" s="345">
        <v>0</v>
      </c>
      <c r="OG25" s="349">
        <v>0</v>
      </c>
      <c r="OH25" s="350">
        <v>0</v>
      </c>
      <c r="OI25" s="348">
        <v>314263</v>
      </c>
      <c r="OJ25" s="345">
        <v>446390</v>
      </c>
      <c r="OK25" s="346">
        <v>760653</v>
      </c>
      <c r="OL25" s="351">
        <v>0</v>
      </c>
      <c r="OM25" s="345">
        <v>4292716</v>
      </c>
      <c r="ON25" s="345">
        <v>5956929</v>
      </c>
      <c r="OO25" s="345">
        <v>5929467</v>
      </c>
      <c r="OP25" s="345">
        <v>5343548</v>
      </c>
      <c r="OQ25" s="345">
        <v>4202351</v>
      </c>
      <c r="OR25" s="349">
        <v>25725011</v>
      </c>
      <c r="OS25" s="354">
        <v>26485664</v>
      </c>
    </row>
    <row r="26" spans="2:409" s="70" customFormat="1" ht="21" customHeight="1" x14ac:dyDescent="0.2">
      <c r="B26" s="106" t="s">
        <v>21</v>
      </c>
      <c r="C26" s="326">
        <v>445463</v>
      </c>
      <c r="D26" s="327">
        <v>434016</v>
      </c>
      <c r="E26" s="328">
        <v>879479</v>
      </c>
      <c r="F26" s="329">
        <v>0</v>
      </c>
      <c r="G26" s="327">
        <v>2769103</v>
      </c>
      <c r="H26" s="327">
        <v>4169569</v>
      </c>
      <c r="I26" s="327">
        <v>4537607</v>
      </c>
      <c r="J26" s="327">
        <v>3327498</v>
      </c>
      <c r="K26" s="327">
        <v>1998227</v>
      </c>
      <c r="L26" s="367">
        <v>16802004</v>
      </c>
      <c r="M26" s="330">
        <v>17681483</v>
      </c>
      <c r="N26" s="326">
        <v>103234</v>
      </c>
      <c r="O26" s="327">
        <v>231453</v>
      </c>
      <c r="P26" s="328">
        <v>334687</v>
      </c>
      <c r="Q26" s="326">
        <v>0</v>
      </c>
      <c r="R26" s="327">
        <v>1023997</v>
      </c>
      <c r="S26" s="327">
        <v>1773803</v>
      </c>
      <c r="T26" s="327">
        <v>1010987</v>
      </c>
      <c r="U26" s="327">
        <v>1343583</v>
      </c>
      <c r="V26" s="327">
        <v>1035401</v>
      </c>
      <c r="W26" s="328">
        <v>6187771</v>
      </c>
      <c r="X26" s="330">
        <v>6522458</v>
      </c>
      <c r="Y26" s="326">
        <v>0</v>
      </c>
      <c r="Z26" s="327">
        <v>0</v>
      </c>
      <c r="AA26" s="328">
        <v>0</v>
      </c>
      <c r="AB26" s="326">
        <v>0</v>
      </c>
      <c r="AC26" s="327">
        <v>442290</v>
      </c>
      <c r="AD26" s="327">
        <v>1228656</v>
      </c>
      <c r="AE26" s="327">
        <v>700614</v>
      </c>
      <c r="AF26" s="327">
        <v>618925</v>
      </c>
      <c r="AG26" s="327">
        <v>586157</v>
      </c>
      <c r="AH26" s="328">
        <v>3576642</v>
      </c>
      <c r="AI26" s="330">
        <v>3576642</v>
      </c>
      <c r="AJ26" s="326">
        <v>0</v>
      </c>
      <c r="AK26" s="327">
        <v>0</v>
      </c>
      <c r="AL26" s="328">
        <v>0</v>
      </c>
      <c r="AM26" s="326">
        <v>0</v>
      </c>
      <c r="AN26" s="327">
        <v>0</v>
      </c>
      <c r="AO26" s="327">
        <v>0</v>
      </c>
      <c r="AP26" s="327">
        <v>0</v>
      </c>
      <c r="AQ26" s="327">
        <v>85230</v>
      </c>
      <c r="AR26" s="327">
        <v>157267</v>
      </c>
      <c r="AS26" s="328">
        <v>242497</v>
      </c>
      <c r="AT26" s="330">
        <v>242497</v>
      </c>
      <c r="AU26" s="326">
        <v>12565</v>
      </c>
      <c r="AV26" s="327">
        <v>107271</v>
      </c>
      <c r="AW26" s="328">
        <v>119836</v>
      </c>
      <c r="AX26" s="326">
        <v>0</v>
      </c>
      <c r="AY26" s="327">
        <v>435890</v>
      </c>
      <c r="AZ26" s="327">
        <v>305362</v>
      </c>
      <c r="BA26" s="327">
        <v>52455</v>
      </c>
      <c r="BB26" s="327">
        <v>486366</v>
      </c>
      <c r="BC26" s="327">
        <v>161271</v>
      </c>
      <c r="BD26" s="328">
        <v>1441344</v>
      </c>
      <c r="BE26" s="330">
        <v>1561180</v>
      </c>
      <c r="BF26" s="326">
        <v>35565</v>
      </c>
      <c r="BG26" s="327">
        <v>60615</v>
      </c>
      <c r="BH26" s="331">
        <v>96180</v>
      </c>
      <c r="BI26" s="332">
        <v>0</v>
      </c>
      <c r="BJ26" s="327">
        <v>0</v>
      </c>
      <c r="BK26" s="327">
        <v>0</v>
      </c>
      <c r="BL26" s="327">
        <v>85081</v>
      </c>
      <c r="BM26" s="327">
        <v>0</v>
      </c>
      <c r="BN26" s="327">
        <v>31194</v>
      </c>
      <c r="BO26" s="328">
        <v>116275</v>
      </c>
      <c r="BP26" s="330">
        <v>212455</v>
      </c>
      <c r="BQ26" s="326">
        <v>55104</v>
      </c>
      <c r="BR26" s="327">
        <v>63567</v>
      </c>
      <c r="BS26" s="328">
        <v>118671</v>
      </c>
      <c r="BT26" s="326">
        <v>0</v>
      </c>
      <c r="BU26" s="327">
        <v>145817</v>
      </c>
      <c r="BV26" s="327">
        <v>239785</v>
      </c>
      <c r="BW26" s="327">
        <v>172837</v>
      </c>
      <c r="BX26" s="327">
        <v>153062</v>
      </c>
      <c r="BY26" s="327">
        <v>99512</v>
      </c>
      <c r="BZ26" s="328">
        <v>811013</v>
      </c>
      <c r="CA26" s="330">
        <v>929684</v>
      </c>
      <c r="CB26" s="326">
        <v>0</v>
      </c>
      <c r="CC26" s="327">
        <v>0</v>
      </c>
      <c r="CD26" s="328">
        <v>0</v>
      </c>
      <c r="CE26" s="326">
        <v>0</v>
      </c>
      <c r="CF26" s="327">
        <v>765235</v>
      </c>
      <c r="CG26" s="327">
        <v>1077874</v>
      </c>
      <c r="CH26" s="327">
        <v>744016</v>
      </c>
      <c r="CI26" s="327">
        <v>388202</v>
      </c>
      <c r="CJ26" s="327">
        <v>397827</v>
      </c>
      <c r="CK26" s="328">
        <v>3373154</v>
      </c>
      <c r="CL26" s="330">
        <v>3373154</v>
      </c>
      <c r="CM26" s="326">
        <v>0</v>
      </c>
      <c r="CN26" s="327">
        <v>0</v>
      </c>
      <c r="CO26" s="328">
        <v>0</v>
      </c>
      <c r="CP26" s="332">
        <v>0</v>
      </c>
      <c r="CQ26" s="327">
        <v>687340</v>
      </c>
      <c r="CR26" s="327">
        <v>967684</v>
      </c>
      <c r="CS26" s="327">
        <v>649010</v>
      </c>
      <c r="CT26" s="327">
        <v>255149</v>
      </c>
      <c r="CU26" s="327">
        <v>195928</v>
      </c>
      <c r="CV26" s="328">
        <v>2755111</v>
      </c>
      <c r="CW26" s="330">
        <v>2755111</v>
      </c>
      <c r="CX26" s="326">
        <v>0</v>
      </c>
      <c r="CY26" s="327">
        <v>0</v>
      </c>
      <c r="CZ26" s="328">
        <v>0</v>
      </c>
      <c r="DA26" s="326">
        <v>0</v>
      </c>
      <c r="DB26" s="327">
        <v>77895</v>
      </c>
      <c r="DC26" s="327">
        <v>110190</v>
      </c>
      <c r="DD26" s="327">
        <v>95006</v>
      </c>
      <c r="DE26" s="327">
        <v>133053</v>
      </c>
      <c r="DF26" s="327">
        <v>201899</v>
      </c>
      <c r="DG26" s="328">
        <v>618043</v>
      </c>
      <c r="DH26" s="330">
        <v>618043</v>
      </c>
      <c r="DI26" s="326">
        <v>0</v>
      </c>
      <c r="DJ26" s="327">
        <v>0</v>
      </c>
      <c r="DK26" s="331">
        <v>0</v>
      </c>
      <c r="DL26" s="332">
        <v>0</v>
      </c>
      <c r="DM26" s="327">
        <v>184311</v>
      </c>
      <c r="DN26" s="327">
        <v>241054</v>
      </c>
      <c r="DO26" s="327">
        <v>350050</v>
      </c>
      <c r="DP26" s="327">
        <v>210129</v>
      </c>
      <c r="DQ26" s="327">
        <v>242360</v>
      </c>
      <c r="DR26" s="328">
        <v>1227904</v>
      </c>
      <c r="DS26" s="330">
        <v>1227904</v>
      </c>
      <c r="DT26" s="326">
        <v>0</v>
      </c>
      <c r="DU26" s="327">
        <v>0</v>
      </c>
      <c r="DV26" s="328">
        <v>0</v>
      </c>
      <c r="DW26" s="326">
        <v>0</v>
      </c>
      <c r="DX26" s="327">
        <v>184311</v>
      </c>
      <c r="DY26" s="327">
        <v>154540</v>
      </c>
      <c r="DZ26" s="327">
        <v>218161</v>
      </c>
      <c r="EA26" s="327">
        <v>210129</v>
      </c>
      <c r="EB26" s="327">
        <v>242360</v>
      </c>
      <c r="EC26" s="328">
        <v>1009501</v>
      </c>
      <c r="ED26" s="330">
        <v>1009501</v>
      </c>
      <c r="EE26" s="326">
        <v>0</v>
      </c>
      <c r="EF26" s="331">
        <v>0</v>
      </c>
      <c r="EG26" s="328">
        <v>0</v>
      </c>
      <c r="EH26" s="326">
        <v>0</v>
      </c>
      <c r="EI26" s="327">
        <v>0</v>
      </c>
      <c r="EJ26" s="327">
        <v>86514</v>
      </c>
      <c r="EK26" s="327">
        <v>131889</v>
      </c>
      <c r="EL26" s="327">
        <v>0</v>
      </c>
      <c r="EM26" s="327">
        <v>0</v>
      </c>
      <c r="EN26" s="331">
        <v>218403</v>
      </c>
      <c r="EO26" s="330">
        <v>218403</v>
      </c>
      <c r="EP26" s="326">
        <v>0</v>
      </c>
      <c r="EQ26" s="327">
        <v>0</v>
      </c>
      <c r="ER26" s="331">
        <v>0</v>
      </c>
      <c r="ES26" s="332">
        <v>0</v>
      </c>
      <c r="ET26" s="327">
        <v>0</v>
      </c>
      <c r="EU26" s="327">
        <v>0</v>
      </c>
      <c r="EV26" s="327">
        <v>0</v>
      </c>
      <c r="EW26" s="327">
        <v>0</v>
      </c>
      <c r="EX26" s="327">
        <v>0</v>
      </c>
      <c r="EY26" s="328">
        <v>0</v>
      </c>
      <c r="EZ26" s="330">
        <v>0</v>
      </c>
      <c r="FA26" s="326">
        <v>0</v>
      </c>
      <c r="FB26" s="327">
        <v>0</v>
      </c>
      <c r="FC26" s="331">
        <v>0</v>
      </c>
      <c r="FD26" s="404">
        <v>0</v>
      </c>
      <c r="FE26" s="327">
        <v>0</v>
      </c>
      <c r="FF26" s="327">
        <v>0</v>
      </c>
      <c r="FG26" s="327">
        <v>0</v>
      </c>
      <c r="FH26" s="327">
        <v>0</v>
      </c>
      <c r="FI26" s="327">
        <v>0</v>
      </c>
      <c r="FJ26" s="328">
        <v>0</v>
      </c>
      <c r="FK26" s="330">
        <v>0</v>
      </c>
      <c r="FL26" s="326">
        <v>197316</v>
      </c>
      <c r="FM26" s="327">
        <v>41531</v>
      </c>
      <c r="FN26" s="328">
        <v>238847</v>
      </c>
      <c r="FO26" s="326">
        <v>0</v>
      </c>
      <c r="FP26" s="327">
        <v>211225</v>
      </c>
      <c r="FQ26" s="327">
        <v>423773</v>
      </c>
      <c r="FR26" s="327">
        <v>429037</v>
      </c>
      <c r="FS26" s="327">
        <v>137284</v>
      </c>
      <c r="FT26" s="327">
        <v>110670</v>
      </c>
      <c r="FU26" s="328">
        <v>1311989</v>
      </c>
      <c r="FV26" s="330">
        <v>1550836</v>
      </c>
      <c r="FW26" s="333">
        <v>27286</v>
      </c>
      <c r="FX26" s="327">
        <v>41531</v>
      </c>
      <c r="FY26" s="331">
        <v>68817</v>
      </c>
      <c r="FZ26" s="332">
        <v>0</v>
      </c>
      <c r="GA26" s="327">
        <v>95340</v>
      </c>
      <c r="GB26" s="327">
        <v>423773</v>
      </c>
      <c r="GC26" s="327">
        <v>429037</v>
      </c>
      <c r="GD26" s="327">
        <v>137284</v>
      </c>
      <c r="GE26" s="327">
        <v>110670</v>
      </c>
      <c r="GF26" s="328">
        <v>1196104</v>
      </c>
      <c r="GG26" s="334">
        <v>1264921</v>
      </c>
      <c r="GH26" s="333">
        <v>30030</v>
      </c>
      <c r="GI26" s="327">
        <v>0</v>
      </c>
      <c r="GJ26" s="331">
        <v>30030</v>
      </c>
      <c r="GK26" s="332">
        <v>0</v>
      </c>
      <c r="GL26" s="327">
        <v>0</v>
      </c>
      <c r="GM26" s="327">
        <v>0</v>
      </c>
      <c r="GN26" s="327">
        <v>0</v>
      </c>
      <c r="GO26" s="327">
        <v>0</v>
      </c>
      <c r="GP26" s="327">
        <v>0</v>
      </c>
      <c r="GQ26" s="328">
        <v>0</v>
      </c>
      <c r="GR26" s="330">
        <v>30030</v>
      </c>
      <c r="GS26" s="326">
        <v>140000</v>
      </c>
      <c r="GT26" s="327">
        <v>0</v>
      </c>
      <c r="GU26" s="328">
        <v>140000</v>
      </c>
      <c r="GV26" s="326">
        <v>0</v>
      </c>
      <c r="GW26" s="327">
        <v>115885</v>
      </c>
      <c r="GX26" s="327">
        <v>0</v>
      </c>
      <c r="GY26" s="327">
        <v>0</v>
      </c>
      <c r="GZ26" s="327">
        <v>0</v>
      </c>
      <c r="HA26" s="327">
        <v>0</v>
      </c>
      <c r="HB26" s="331">
        <v>115885</v>
      </c>
      <c r="HC26" s="330">
        <v>255885</v>
      </c>
      <c r="HD26" s="326">
        <v>144913</v>
      </c>
      <c r="HE26" s="327">
        <v>161032</v>
      </c>
      <c r="HF26" s="331">
        <v>305945</v>
      </c>
      <c r="HG26" s="332">
        <v>0</v>
      </c>
      <c r="HH26" s="327">
        <v>584335</v>
      </c>
      <c r="HI26" s="327">
        <v>653065</v>
      </c>
      <c r="HJ26" s="327">
        <v>2003517</v>
      </c>
      <c r="HK26" s="327">
        <v>1248300</v>
      </c>
      <c r="HL26" s="327">
        <v>211969</v>
      </c>
      <c r="HM26" s="328">
        <v>4701186</v>
      </c>
      <c r="HN26" s="329">
        <v>5007131</v>
      </c>
      <c r="HO26" s="333">
        <v>0</v>
      </c>
      <c r="HP26" s="327">
        <v>0</v>
      </c>
      <c r="HQ26" s="328">
        <v>0</v>
      </c>
      <c r="HR26" s="326">
        <v>0</v>
      </c>
      <c r="HS26" s="327">
        <v>0</v>
      </c>
      <c r="HT26" s="327">
        <v>0</v>
      </c>
      <c r="HU26" s="327">
        <v>0</v>
      </c>
      <c r="HV26" s="327">
        <v>0</v>
      </c>
      <c r="HW26" s="327">
        <v>0</v>
      </c>
      <c r="HX26" s="331">
        <v>0</v>
      </c>
      <c r="HY26" s="330">
        <v>0</v>
      </c>
      <c r="HZ26" s="358">
        <v>0</v>
      </c>
      <c r="IA26" s="356">
        <v>0</v>
      </c>
      <c r="IB26" s="358">
        <v>0</v>
      </c>
      <c r="IC26" s="355">
        <v>0</v>
      </c>
      <c r="ID26" s="356">
        <v>520226</v>
      </c>
      <c r="IE26" s="357">
        <v>452847</v>
      </c>
      <c r="IF26" s="358">
        <v>395828</v>
      </c>
      <c r="IG26" s="356">
        <v>558520</v>
      </c>
      <c r="IH26" s="358">
        <v>592966</v>
      </c>
      <c r="II26" s="359">
        <v>2520387</v>
      </c>
      <c r="IJ26" s="358">
        <v>2520387</v>
      </c>
      <c r="IK26" s="342">
        <v>0</v>
      </c>
      <c r="IL26" s="343">
        <v>0</v>
      </c>
      <c r="IM26" s="344">
        <v>0</v>
      </c>
      <c r="IN26" s="404">
        <v>0</v>
      </c>
      <c r="IO26" s="345">
        <v>0</v>
      </c>
      <c r="IP26" s="345">
        <v>0</v>
      </c>
      <c r="IQ26" s="345">
        <v>0</v>
      </c>
      <c r="IR26" s="345">
        <v>0</v>
      </c>
      <c r="IS26" s="345">
        <v>0</v>
      </c>
      <c r="IT26" s="346">
        <v>0</v>
      </c>
      <c r="IU26" s="347">
        <v>0</v>
      </c>
      <c r="IV26" s="348">
        <v>0</v>
      </c>
      <c r="IW26" s="345">
        <v>0</v>
      </c>
      <c r="IX26" s="349">
        <v>0</v>
      </c>
      <c r="IY26" s="404">
        <v>0</v>
      </c>
      <c r="IZ26" s="345">
        <v>0</v>
      </c>
      <c r="JA26" s="345">
        <v>0</v>
      </c>
      <c r="JB26" s="345">
        <v>0</v>
      </c>
      <c r="JC26" s="345">
        <v>0</v>
      </c>
      <c r="JD26" s="345">
        <v>0</v>
      </c>
      <c r="JE26" s="349">
        <v>0</v>
      </c>
      <c r="JF26" s="350">
        <v>0</v>
      </c>
      <c r="JG26" s="348">
        <v>0</v>
      </c>
      <c r="JH26" s="345">
        <v>0</v>
      </c>
      <c r="JI26" s="346">
        <v>0</v>
      </c>
      <c r="JJ26" s="351">
        <v>0</v>
      </c>
      <c r="JK26" s="345">
        <v>413100</v>
      </c>
      <c r="JL26" s="345">
        <v>234488</v>
      </c>
      <c r="JM26" s="345">
        <v>187978</v>
      </c>
      <c r="JN26" s="345">
        <v>109490</v>
      </c>
      <c r="JO26" s="345">
        <v>0</v>
      </c>
      <c r="JP26" s="349">
        <v>945056</v>
      </c>
      <c r="JQ26" s="347">
        <v>945056</v>
      </c>
      <c r="JR26" s="348">
        <v>0</v>
      </c>
      <c r="JS26" s="345">
        <v>0</v>
      </c>
      <c r="JT26" s="346">
        <v>0</v>
      </c>
      <c r="JU26" s="351">
        <v>0</v>
      </c>
      <c r="JV26" s="345">
        <v>0</v>
      </c>
      <c r="JW26" s="345">
        <v>0</v>
      </c>
      <c r="JX26" s="345">
        <v>0</v>
      </c>
      <c r="JY26" s="345">
        <v>0</v>
      </c>
      <c r="JZ26" s="345">
        <v>0</v>
      </c>
      <c r="KA26" s="349">
        <v>0</v>
      </c>
      <c r="KB26" s="347">
        <v>0</v>
      </c>
      <c r="KC26" s="352">
        <v>0</v>
      </c>
      <c r="KD26" s="353">
        <v>0</v>
      </c>
      <c r="KE26" s="349">
        <v>0</v>
      </c>
      <c r="KF26" s="351">
        <v>0</v>
      </c>
      <c r="KG26" s="345">
        <v>107126</v>
      </c>
      <c r="KH26" s="345">
        <v>0</v>
      </c>
      <c r="KI26" s="345">
        <v>207850</v>
      </c>
      <c r="KJ26" s="345">
        <v>0</v>
      </c>
      <c r="KK26" s="345">
        <v>0</v>
      </c>
      <c r="KL26" s="349">
        <v>314976</v>
      </c>
      <c r="KM26" s="354">
        <v>314976</v>
      </c>
      <c r="KN26" s="342">
        <v>0</v>
      </c>
      <c r="KO26" s="343">
        <v>0</v>
      </c>
      <c r="KP26" s="344">
        <v>0</v>
      </c>
      <c r="KQ26" s="404">
        <v>0</v>
      </c>
      <c r="KR26" s="345">
        <v>0</v>
      </c>
      <c r="KS26" s="345">
        <v>218359</v>
      </c>
      <c r="KT26" s="345">
        <v>0</v>
      </c>
      <c r="KU26" s="345">
        <v>449030</v>
      </c>
      <c r="KV26" s="345">
        <v>592966</v>
      </c>
      <c r="KW26" s="349">
        <v>1260355</v>
      </c>
      <c r="KX26" s="347">
        <v>1260355</v>
      </c>
      <c r="KY26" s="348">
        <v>0</v>
      </c>
      <c r="KZ26" s="345">
        <v>0</v>
      </c>
      <c r="LA26" s="349">
        <v>0</v>
      </c>
      <c r="LB26" s="404">
        <v>0</v>
      </c>
      <c r="LC26" s="345">
        <v>0</v>
      </c>
      <c r="LD26" s="345">
        <v>0</v>
      </c>
      <c r="LE26" s="345">
        <v>0</v>
      </c>
      <c r="LF26" s="345">
        <v>0</v>
      </c>
      <c r="LG26" s="345">
        <v>0</v>
      </c>
      <c r="LH26" s="349">
        <v>0</v>
      </c>
      <c r="LI26" s="350">
        <v>0</v>
      </c>
      <c r="LJ26" s="348">
        <v>0</v>
      </c>
      <c r="LK26" s="345">
        <v>0</v>
      </c>
      <c r="LL26" s="349">
        <v>0</v>
      </c>
      <c r="LM26" s="404">
        <v>0</v>
      </c>
      <c r="LN26" s="345">
        <v>0</v>
      </c>
      <c r="LO26" s="345">
        <v>0</v>
      </c>
      <c r="LP26" s="345">
        <v>0</v>
      </c>
      <c r="LQ26" s="345">
        <v>0</v>
      </c>
      <c r="LR26" s="345">
        <v>0</v>
      </c>
      <c r="LS26" s="349">
        <v>0</v>
      </c>
      <c r="LT26" s="347">
        <v>0</v>
      </c>
      <c r="LU26" s="348">
        <v>0</v>
      </c>
      <c r="LV26" s="345">
        <v>0</v>
      </c>
      <c r="LW26" s="349">
        <v>0</v>
      </c>
      <c r="LX26" s="404">
        <v>0</v>
      </c>
      <c r="LY26" s="345">
        <v>0</v>
      </c>
      <c r="LZ26" s="345">
        <v>0</v>
      </c>
      <c r="MA26" s="345">
        <v>0</v>
      </c>
      <c r="MB26" s="345">
        <v>0</v>
      </c>
      <c r="MC26" s="345">
        <v>0</v>
      </c>
      <c r="MD26" s="349">
        <v>0</v>
      </c>
      <c r="ME26" s="350">
        <v>0</v>
      </c>
      <c r="MF26" s="348">
        <v>0</v>
      </c>
      <c r="MG26" s="345">
        <v>0</v>
      </c>
      <c r="MH26" s="349">
        <v>0</v>
      </c>
      <c r="MI26" s="404">
        <v>0</v>
      </c>
      <c r="MJ26" s="345">
        <v>0</v>
      </c>
      <c r="MK26" s="345">
        <v>662459</v>
      </c>
      <c r="ML26" s="345">
        <v>1738614</v>
      </c>
      <c r="MM26" s="345">
        <v>2302947</v>
      </c>
      <c r="MN26" s="345">
        <v>380650</v>
      </c>
      <c r="MO26" s="349">
        <v>5084670</v>
      </c>
      <c r="MP26" s="354">
        <v>5084670</v>
      </c>
      <c r="MQ26" s="348">
        <v>0</v>
      </c>
      <c r="MR26" s="345">
        <v>0</v>
      </c>
      <c r="MS26" s="349">
        <v>0</v>
      </c>
      <c r="MT26" s="404">
        <v>0</v>
      </c>
      <c r="MU26" s="345">
        <v>0</v>
      </c>
      <c r="MV26" s="345">
        <v>0</v>
      </c>
      <c r="MW26" s="345">
        <v>1278694</v>
      </c>
      <c r="MX26" s="345">
        <v>1698321</v>
      </c>
      <c r="MY26" s="345">
        <v>292467</v>
      </c>
      <c r="MZ26" s="349">
        <v>3269482</v>
      </c>
      <c r="NA26" s="354">
        <v>3269482</v>
      </c>
      <c r="NB26" s="348">
        <v>0</v>
      </c>
      <c r="NC26" s="345">
        <v>0</v>
      </c>
      <c r="ND26" s="349">
        <v>0</v>
      </c>
      <c r="NE26" s="404">
        <v>0</v>
      </c>
      <c r="NF26" s="345">
        <v>0</v>
      </c>
      <c r="NG26" s="345">
        <v>662459</v>
      </c>
      <c r="NH26" s="345">
        <v>459920</v>
      </c>
      <c r="NI26" s="345">
        <v>293675</v>
      </c>
      <c r="NJ26" s="345">
        <v>0</v>
      </c>
      <c r="NK26" s="349">
        <v>1416054</v>
      </c>
      <c r="NL26" s="347">
        <v>1416054</v>
      </c>
      <c r="NM26" s="348">
        <v>0</v>
      </c>
      <c r="NN26" s="345">
        <v>0</v>
      </c>
      <c r="NO26" s="349">
        <v>0</v>
      </c>
      <c r="NP26" s="404">
        <v>0</v>
      </c>
      <c r="NQ26" s="345">
        <v>0</v>
      </c>
      <c r="NR26" s="345">
        <v>0</v>
      </c>
      <c r="NS26" s="345">
        <v>0</v>
      </c>
      <c r="NT26" s="345">
        <v>0</v>
      </c>
      <c r="NU26" s="345">
        <v>0</v>
      </c>
      <c r="NV26" s="349">
        <v>0</v>
      </c>
      <c r="NW26" s="350">
        <v>0</v>
      </c>
      <c r="NX26" s="348">
        <v>0</v>
      </c>
      <c r="NY26" s="345">
        <v>0</v>
      </c>
      <c r="NZ26" s="349">
        <v>0</v>
      </c>
      <c r="OA26" s="404">
        <v>0</v>
      </c>
      <c r="OB26" s="345">
        <v>0</v>
      </c>
      <c r="OC26" s="345">
        <v>0</v>
      </c>
      <c r="OD26" s="345">
        <v>0</v>
      </c>
      <c r="OE26" s="345">
        <v>310951</v>
      </c>
      <c r="OF26" s="345">
        <v>88183</v>
      </c>
      <c r="OG26" s="349">
        <v>399134</v>
      </c>
      <c r="OH26" s="350">
        <v>399134</v>
      </c>
      <c r="OI26" s="348">
        <v>445463</v>
      </c>
      <c r="OJ26" s="345">
        <v>434016</v>
      </c>
      <c r="OK26" s="346">
        <v>879479</v>
      </c>
      <c r="OL26" s="351">
        <v>0</v>
      </c>
      <c r="OM26" s="345">
        <v>3289329</v>
      </c>
      <c r="ON26" s="345">
        <v>5284875</v>
      </c>
      <c r="OO26" s="345">
        <v>6672049</v>
      </c>
      <c r="OP26" s="345">
        <v>6188965</v>
      </c>
      <c r="OQ26" s="345">
        <v>2971843</v>
      </c>
      <c r="OR26" s="349">
        <v>24407061</v>
      </c>
      <c r="OS26" s="354">
        <v>25286540</v>
      </c>
    </row>
    <row r="27" spans="2:409" s="70" customFormat="1" ht="21" customHeight="1" x14ac:dyDescent="0.2">
      <c r="B27" s="106" t="s">
        <v>22</v>
      </c>
      <c r="C27" s="326">
        <v>29134</v>
      </c>
      <c r="D27" s="327">
        <v>91662</v>
      </c>
      <c r="E27" s="328">
        <v>120796</v>
      </c>
      <c r="F27" s="329">
        <v>0</v>
      </c>
      <c r="G27" s="327">
        <v>1083990</v>
      </c>
      <c r="H27" s="327">
        <v>904356</v>
      </c>
      <c r="I27" s="327">
        <v>689892</v>
      </c>
      <c r="J27" s="327">
        <v>1569997</v>
      </c>
      <c r="K27" s="327">
        <v>1998857</v>
      </c>
      <c r="L27" s="367">
        <v>6247092</v>
      </c>
      <c r="M27" s="330">
        <v>6367888</v>
      </c>
      <c r="N27" s="326">
        <v>0</v>
      </c>
      <c r="O27" s="327">
        <v>16237</v>
      </c>
      <c r="P27" s="328">
        <v>16237</v>
      </c>
      <c r="Q27" s="326">
        <v>0</v>
      </c>
      <c r="R27" s="327">
        <v>277552</v>
      </c>
      <c r="S27" s="327">
        <v>170397</v>
      </c>
      <c r="T27" s="327">
        <v>155260</v>
      </c>
      <c r="U27" s="327">
        <v>258308</v>
      </c>
      <c r="V27" s="327">
        <v>948538</v>
      </c>
      <c r="W27" s="328">
        <v>1810055</v>
      </c>
      <c r="X27" s="330">
        <v>1826292</v>
      </c>
      <c r="Y27" s="326">
        <v>0</v>
      </c>
      <c r="Z27" s="327">
        <v>0</v>
      </c>
      <c r="AA27" s="328">
        <v>0</v>
      </c>
      <c r="AB27" s="326">
        <v>0</v>
      </c>
      <c r="AC27" s="327">
        <v>53249</v>
      </c>
      <c r="AD27" s="327">
        <v>30474</v>
      </c>
      <c r="AE27" s="327">
        <v>89624</v>
      </c>
      <c r="AF27" s="327">
        <v>16409</v>
      </c>
      <c r="AG27" s="327">
        <v>319847</v>
      </c>
      <c r="AH27" s="328">
        <v>509603</v>
      </c>
      <c r="AI27" s="330">
        <v>509603</v>
      </c>
      <c r="AJ27" s="326">
        <v>0</v>
      </c>
      <c r="AK27" s="327">
        <v>0</v>
      </c>
      <c r="AL27" s="328">
        <v>0</v>
      </c>
      <c r="AM27" s="326">
        <v>0</v>
      </c>
      <c r="AN27" s="327">
        <v>0</v>
      </c>
      <c r="AO27" s="327">
        <v>0</v>
      </c>
      <c r="AP27" s="327">
        <v>0</v>
      </c>
      <c r="AQ27" s="327">
        <v>79188</v>
      </c>
      <c r="AR27" s="327">
        <v>349949</v>
      </c>
      <c r="AS27" s="328">
        <v>429137</v>
      </c>
      <c r="AT27" s="330">
        <v>429137</v>
      </c>
      <c r="AU27" s="326">
        <v>0</v>
      </c>
      <c r="AV27" s="327">
        <v>16237</v>
      </c>
      <c r="AW27" s="328">
        <v>16237</v>
      </c>
      <c r="AX27" s="326">
        <v>0</v>
      </c>
      <c r="AY27" s="327">
        <v>178627</v>
      </c>
      <c r="AZ27" s="327">
        <v>82802</v>
      </c>
      <c r="BA27" s="327">
        <v>17091</v>
      </c>
      <c r="BB27" s="327">
        <v>24927</v>
      </c>
      <c r="BC27" s="327">
        <v>233578</v>
      </c>
      <c r="BD27" s="328">
        <v>537025</v>
      </c>
      <c r="BE27" s="330">
        <v>553262</v>
      </c>
      <c r="BF27" s="326">
        <v>0</v>
      </c>
      <c r="BG27" s="327">
        <v>0</v>
      </c>
      <c r="BH27" s="331">
        <v>0</v>
      </c>
      <c r="BI27" s="332">
        <v>0</v>
      </c>
      <c r="BJ27" s="327">
        <v>27308</v>
      </c>
      <c r="BK27" s="327">
        <v>27308</v>
      </c>
      <c r="BL27" s="327">
        <v>0</v>
      </c>
      <c r="BM27" s="327">
        <v>36494</v>
      </c>
      <c r="BN27" s="327">
        <v>0</v>
      </c>
      <c r="BO27" s="328">
        <v>91110</v>
      </c>
      <c r="BP27" s="330">
        <v>91110</v>
      </c>
      <c r="BQ27" s="326">
        <v>0</v>
      </c>
      <c r="BR27" s="327">
        <v>0</v>
      </c>
      <c r="BS27" s="328">
        <v>0</v>
      </c>
      <c r="BT27" s="326">
        <v>0</v>
      </c>
      <c r="BU27" s="327">
        <v>18368</v>
      </c>
      <c r="BV27" s="327">
        <v>29813</v>
      </c>
      <c r="BW27" s="327">
        <v>48545</v>
      </c>
      <c r="BX27" s="327">
        <v>101290</v>
      </c>
      <c r="BY27" s="327">
        <v>45164</v>
      </c>
      <c r="BZ27" s="328">
        <v>243180</v>
      </c>
      <c r="CA27" s="330">
        <v>243180</v>
      </c>
      <c r="CB27" s="326">
        <v>18214</v>
      </c>
      <c r="CC27" s="327">
        <v>0</v>
      </c>
      <c r="CD27" s="328">
        <v>18214</v>
      </c>
      <c r="CE27" s="326">
        <v>0</v>
      </c>
      <c r="CF27" s="327">
        <v>226370</v>
      </c>
      <c r="CG27" s="327">
        <v>382063</v>
      </c>
      <c r="CH27" s="327">
        <v>204547</v>
      </c>
      <c r="CI27" s="327">
        <v>476567</v>
      </c>
      <c r="CJ27" s="327">
        <v>168361</v>
      </c>
      <c r="CK27" s="328">
        <v>1457908</v>
      </c>
      <c r="CL27" s="330">
        <v>1476122</v>
      </c>
      <c r="CM27" s="326">
        <v>0</v>
      </c>
      <c r="CN27" s="327">
        <v>0</v>
      </c>
      <c r="CO27" s="328">
        <v>0</v>
      </c>
      <c r="CP27" s="332">
        <v>0</v>
      </c>
      <c r="CQ27" s="327">
        <v>98797</v>
      </c>
      <c r="CR27" s="327">
        <v>224817</v>
      </c>
      <c r="CS27" s="327">
        <v>204547</v>
      </c>
      <c r="CT27" s="327">
        <v>476567</v>
      </c>
      <c r="CU27" s="327">
        <v>168361</v>
      </c>
      <c r="CV27" s="328">
        <v>1173089</v>
      </c>
      <c r="CW27" s="330">
        <v>1173089</v>
      </c>
      <c r="CX27" s="326">
        <v>18214</v>
      </c>
      <c r="CY27" s="327">
        <v>0</v>
      </c>
      <c r="CZ27" s="328">
        <v>18214</v>
      </c>
      <c r="DA27" s="326">
        <v>0</v>
      </c>
      <c r="DB27" s="327">
        <v>127573</v>
      </c>
      <c r="DC27" s="327">
        <v>157246</v>
      </c>
      <c r="DD27" s="327">
        <v>0</v>
      </c>
      <c r="DE27" s="327">
        <v>0</v>
      </c>
      <c r="DF27" s="327">
        <v>0</v>
      </c>
      <c r="DG27" s="328">
        <v>284819</v>
      </c>
      <c r="DH27" s="330">
        <v>303033</v>
      </c>
      <c r="DI27" s="326">
        <v>0</v>
      </c>
      <c r="DJ27" s="327">
        <v>0</v>
      </c>
      <c r="DK27" s="331">
        <v>0</v>
      </c>
      <c r="DL27" s="332">
        <v>0</v>
      </c>
      <c r="DM27" s="327">
        <v>30347</v>
      </c>
      <c r="DN27" s="327">
        <v>133221</v>
      </c>
      <c r="DO27" s="327">
        <v>44915</v>
      </c>
      <c r="DP27" s="327">
        <v>27191</v>
      </c>
      <c r="DQ27" s="327">
        <v>135067</v>
      </c>
      <c r="DR27" s="328">
        <v>370741</v>
      </c>
      <c r="DS27" s="330">
        <v>370741</v>
      </c>
      <c r="DT27" s="326">
        <v>0</v>
      </c>
      <c r="DU27" s="327">
        <v>0</v>
      </c>
      <c r="DV27" s="328">
        <v>0</v>
      </c>
      <c r="DW27" s="326">
        <v>0</v>
      </c>
      <c r="DX27" s="327">
        <v>10656</v>
      </c>
      <c r="DY27" s="327">
        <v>133221</v>
      </c>
      <c r="DZ27" s="327">
        <v>44915</v>
      </c>
      <c r="EA27" s="327">
        <v>27191</v>
      </c>
      <c r="EB27" s="327">
        <v>135067</v>
      </c>
      <c r="EC27" s="328">
        <v>351050</v>
      </c>
      <c r="ED27" s="330">
        <v>351050</v>
      </c>
      <c r="EE27" s="326">
        <v>0</v>
      </c>
      <c r="EF27" s="331">
        <v>0</v>
      </c>
      <c r="EG27" s="328">
        <v>0</v>
      </c>
      <c r="EH27" s="326">
        <v>0</v>
      </c>
      <c r="EI27" s="327">
        <v>19691</v>
      </c>
      <c r="EJ27" s="327">
        <v>0</v>
      </c>
      <c r="EK27" s="327">
        <v>0</v>
      </c>
      <c r="EL27" s="327">
        <v>0</v>
      </c>
      <c r="EM27" s="327">
        <v>0</v>
      </c>
      <c r="EN27" s="331">
        <v>19691</v>
      </c>
      <c r="EO27" s="330">
        <v>19691</v>
      </c>
      <c r="EP27" s="326">
        <v>0</v>
      </c>
      <c r="EQ27" s="327">
        <v>0</v>
      </c>
      <c r="ER27" s="331">
        <v>0</v>
      </c>
      <c r="ES27" s="332">
        <v>0</v>
      </c>
      <c r="ET27" s="327">
        <v>0</v>
      </c>
      <c r="EU27" s="327">
        <v>0</v>
      </c>
      <c r="EV27" s="327">
        <v>0</v>
      </c>
      <c r="EW27" s="327">
        <v>0</v>
      </c>
      <c r="EX27" s="327">
        <v>0</v>
      </c>
      <c r="EY27" s="328">
        <v>0</v>
      </c>
      <c r="EZ27" s="330">
        <v>0</v>
      </c>
      <c r="FA27" s="326">
        <v>0</v>
      </c>
      <c r="FB27" s="327">
        <v>0</v>
      </c>
      <c r="FC27" s="331">
        <v>0</v>
      </c>
      <c r="FD27" s="404">
        <v>0</v>
      </c>
      <c r="FE27" s="327">
        <v>0</v>
      </c>
      <c r="FF27" s="327">
        <v>0</v>
      </c>
      <c r="FG27" s="327">
        <v>0</v>
      </c>
      <c r="FH27" s="327">
        <v>0</v>
      </c>
      <c r="FI27" s="327">
        <v>0</v>
      </c>
      <c r="FJ27" s="328">
        <v>0</v>
      </c>
      <c r="FK27" s="330">
        <v>0</v>
      </c>
      <c r="FL27" s="326">
        <v>10920</v>
      </c>
      <c r="FM27" s="327">
        <v>75425</v>
      </c>
      <c r="FN27" s="328">
        <v>86345</v>
      </c>
      <c r="FO27" s="326">
        <v>0</v>
      </c>
      <c r="FP27" s="327">
        <v>23135</v>
      </c>
      <c r="FQ27" s="327">
        <v>60270</v>
      </c>
      <c r="FR27" s="327">
        <v>39340</v>
      </c>
      <c r="FS27" s="327">
        <v>64106</v>
      </c>
      <c r="FT27" s="327">
        <v>137718</v>
      </c>
      <c r="FU27" s="328">
        <v>324569</v>
      </c>
      <c r="FV27" s="330">
        <v>410914</v>
      </c>
      <c r="FW27" s="333">
        <v>10920</v>
      </c>
      <c r="FX27" s="327">
        <v>46550</v>
      </c>
      <c r="FY27" s="331">
        <v>57470</v>
      </c>
      <c r="FZ27" s="332">
        <v>0</v>
      </c>
      <c r="GA27" s="327">
        <v>23135</v>
      </c>
      <c r="GB27" s="327">
        <v>60270</v>
      </c>
      <c r="GC27" s="327">
        <v>39340</v>
      </c>
      <c r="GD27" s="327">
        <v>64106</v>
      </c>
      <c r="GE27" s="327">
        <v>137718</v>
      </c>
      <c r="GF27" s="328">
        <v>324569</v>
      </c>
      <c r="GG27" s="334">
        <v>382039</v>
      </c>
      <c r="GH27" s="333">
        <v>0</v>
      </c>
      <c r="GI27" s="327">
        <v>0</v>
      </c>
      <c r="GJ27" s="331">
        <v>0</v>
      </c>
      <c r="GK27" s="332">
        <v>0</v>
      </c>
      <c r="GL27" s="327">
        <v>0</v>
      </c>
      <c r="GM27" s="327">
        <v>0</v>
      </c>
      <c r="GN27" s="327">
        <v>0</v>
      </c>
      <c r="GO27" s="327">
        <v>0</v>
      </c>
      <c r="GP27" s="327">
        <v>0</v>
      </c>
      <c r="GQ27" s="328">
        <v>0</v>
      </c>
      <c r="GR27" s="330">
        <v>0</v>
      </c>
      <c r="GS27" s="326">
        <v>0</v>
      </c>
      <c r="GT27" s="327">
        <v>28875</v>
      </c>
      <c r="GU27" s="328">
        <v>28875</v>
      </c>
      <c r="GV27" s="326">
        <v>0</v>
      </c>
      <c r="GW27" s="327">
        <v>0</v>
      </c>
      <c r="GX27" s="327">
        <v>0</v>
      </c>
      <c r="GY27" s="327">
        <v>0</v>
      </c>
      <c r="GZ27" s="327">
        <v>0</v>
      </c>
      <c r="HA27" s="327">
        <v>0</v>
      </c>
      <c r="HB27" s="331">
        <v>0</v>
      </c>
      <c r="HC27" s="330">
        <v>28875</v>
      </c>
      <c r="HD27" s="326">
        <v>0</v>
      </c>
      <c r="HE27" s="327">
        <v>0</v>
      </c>
      <c r="HF27" s="331">
        <v>0</v>
      </c>
      <c r="HG27" s="332">
        <v>0</v>
      </c>
      <c r="HH27" s="327">
        <v>526586</v>
      </c>
      <c r="HI27" s="327">
        <v>158405</v>
      </c>
      <c r="HJ27" s="327">
        <v>245830</v>
      </c>
      <c r="HK27" s="327">
        <v>743825</v>
      </c>
      <c r="HL27" s="327">
        <v>609173</v>
      </c>
      <c r="HM27" s="328">
        <v>2283819</v>
      </c>
      <c r="HN27" s="329">
        <v>2283819</v>
      </c>
      <c r="HO27" s="333">
        <v>0</v>
      </c>
      <c r="HP27" s="327">
        <v>0</v>
      </c>
      <c r="HQ27" s="328">
        <v>0</v>
      </c>
      <c r="HR27" s="326">
        <v>0</v>
      </c>
      <c r="HS27" s="327">
        <v>0</v>
      </c>
      <c r="HT27" s="327">
        <v>0</v>
      </c>
      <c r="HU27" s="327">
        <v>0</v>
      </c>
      <c r="HV27" s="327">
        <v>0</v>
      </c>
      <c r="HW27" s="327">
        <v>0</v>
      </c>
      <c r="HX27" s="331">
        <v>0</v>
      </c>
      <c r="HY27" s="330">
        <v>0</v>
      </c>
      <c r="HZ27" s="335">
        <v>0</v>
      </c>
      <c r="IA27" s="336">
        <v>93100</v>
      </c>
      <c r="IB27" s="337">
        <v>93100</v>
      </c>
      <c r="IC27" s="338">
        <v>0</v>
      </c>
      <c r="ID27" s="336">
        <v>253832</v>
      </c>
      <c r="IE27" s="339">
        <v>453302</v>
      </c>
      <c r="IF27" s="337">
        <v>9688</v>
      </c>
      <c r="IG27" s="336">
        <v>188741</v>
      </c>
      <c r="IH27" s="337">
        <v>8183</v>
      </c>
      <c r="II27" s="340">
        <v>913746</v>
      </c>
      <c r="IJ27" s="341">
        <v>1006846</v>
      </c>
      <c r="IK27" s="342">
        <v>0</v>
      </c>
      <c r="IL27" s="343">
        <v>0</v>
      </c>
      <c r="IM27" s="344">
        <v>0</v>
      </c>
      <c r="IN27" s="404">
        <v>0</v>
      </c>
      <c r="IO27" s="345">
        <v>0</v>
      </c>
      <c r="IP27" s="345">
        <v>0</v>
      </c>
      <c r="IQ27" s="345">
        <v>0</v>
      </c>
      <c r="IR27" s="345">
        <v>188741</v>
      </c>
      <c r="IS27" s="345">
        <v>0</v>
      </c>
      <c r="IT27" s="346">
        <v>188741</v>
      </c>
      <c r="IU27" s="347">
        <v>188741</v>
      </c>
      <c r="IV27" s="348">
        <v>0</v>
      </c>
      <c r="IW27" s="345">
        <v>0</v>
      </c>
      <c r="IX27" s="349">
        <v>0</v>
      </c>
      <c r="IY27" s="404">
        <v>0</v>
      </c>
      <c r="IZ27" s="345">
        <v>0</v>
      </c>
      <c r="JA27" s="345">
        <v>0</v>
      </c>
      <c r="JB27" s="345">
        <v>0</v>
      </c>
      <c r="JC27" s="345">
        <v>0</v>
      </c>
      <c r="JD27" s="345">
        <v>0</v>
      </c>
      <c r="JE27" s="349">
        <v>0</v>
      </c>
      <c r="JF27" s="350">
        <v>0</v>
      </c>
      <c r="JG27" s="348">
        <v>0</v>
      </c>
      <c r="JH27" s="345">
        <v>0</v>
      </c>
      <c r="JI27" s="346">
        <v>0</v>
      </c>
      <c r="JJ27" s="351">
        <v>0</v>
      </c>
      <c r="JK27" s="345">
        <v>253832</v>
      </c>
      <c r="JL27" s="345">
        <v>321053</v>
      </c>
      <c r="JM27" s="345">
        <v>9688</v>
      </c>
      <c r="JN27" s="345">
        <v>0</v>
      </c>
      <c r="JO27" s="345">
        <v>8183</v>
      </c>
      <c r="JP27" s="349">
        <v>592756</v>
      </c>
      <c r="JQ27" s="347">
        <v>592756</v>
      </c>
      <c r="JR27" s="348">
        <v>0</v>
      </c>
      <c r="JS27" s="345">
        <v>0</v>
      </c>
      <c r="JT27" s="346">
        <v>0</v>
      </c>
      <c r="JU27" s="351">
        <v>0</v>
      </c>
      <c r="JV27" s="345">
        <v>0</v>
      </c>
      <c r="JW27" s="345">
        <v>0</v>
      </c>
      <c r="JX27" s="345">
        <v>0</v>
      </c>
      <c r="JY27" s="345">
        <v>0</v>
      </c>
      <c r="JZ27" s="345">
        <v>0</v>
      </c>
      <c r="KA27" s="349">
        <v>0</v>
      </c>
      <c r="KB27" s="347">
        <v>0</v>
      </c>
      <c r="KC27" s="352">
        <v>0</v>
      </c>
      <c r="KD27" s="353">
        <v>0</v>
      </c>
      <c r="KE27" s="349">
        <v>0</v>
      </c>
      <c r="KF27" s="351">
        <v>0</v>
      </c>
      <c r="KG27" s="345">
        <v>0</v>
      </c>
      <c r="KH27" s="345">
        <v>132249</v>
      </c>
      <c r="KI27" s="345">
        <v>0</v>
      </c>
      <c r="KJ27" s="345">
        <v>0</v>
      </c>
      <c r="KK27" s="345">
        <v>0</v>
      </c>
      <c r="KL27" s="349">
        <v>132249</v>
      </c>
      <c r="KM27" s="354">
        <v>132249</v>
      </c>
      <c r="KN27" s="342">
        <v>0</v>
      </c>
      <c r="KO27" s="343">
        <v>93100</v>
      </c>
      <c r="KP27" s="344">
        <v>93100</v>
      </c>
      <c r="KQ27" s="404">
        <v>0</v>
      </c>
      <c r="KR27" s="345">
        <v>0</v>
      </c>
      <c r="KS27" s="345">
        <v>0</v>
      </c>
      <c r="KT27" s="345">
        <v>0</v>
      </c>
      <c r="KU27" s="345">
        <v>0</v>
      </c>
      <c r="KV27" s="345">
        <v>0</v>
      </c>
      <c r="KW27" s="349">
        <v>0</v>
      </c>
      <c r="KX27" s="347">
        <v>93100</v>
      </c>
      <c r="KY27" s="348">
        <v>0</v>
      </c>
      <c r="KZ27" s="345">
        <v>0</v>
      </c>
      <c r="LA27" s="349">
        <v>0</v>
      </c>
      <c r="LB27" s="404">
        <v>0</v>
      </c>
      <c r="LC27" s="345">
        <v>0</v>
      </c>
      <c r="LD27" s="345">
        <v>0</v>
      </c>
      <c r="LE27" s="345">
        <v>0</v>
      </c>
      <c r="LF27" s="345">
        <v>0</v>
      </c>
      <c r="LG27" s="345">
        <v>0</v>
      </c>
      <c r="LH27" s="349">
        <v>0</v>
      </c>
      <c r="LI27" s="350">
        <v>0</v>
      </c>
      <c r="LJ27" s="348">
        <v>0</v>
      </c>
      <c r="LK27" s="345">
        <v>0</v>
      </c>
      <c r="LL27" s="349">
        <v>0</v>
      </c>
      <c r="LM27" s="404">
        <v>0</v>
      </c>
      <c r="LN27" s="345">
        <v>0</v>
      </c>
      <c r="LO27" s="345">
        <v>0</v>
      </c>
      <c r="LP27" s="345">
        <v>0</v>
      </c>
      <c r="LQ27" s="345">
        <v>0</v>
      </c>
      <c r="LR27" s="345">
        <v>0</v>
      </c>
      <c r="LS27" s="349">
        <v>0</v>
      </c>
      <c r="LT27" s="347">
        <v>0</v>
      </c>
      <c r="LU27" s="348">
        <v>0</v>
      </c>
      <c r="LV27" s="345">
        <v>0</v>
      </c>
      <c r="LW27" s="349">
        <v>0</v>
      </c>
      <c r="LX27" s="404">
        <v>0</v>
      </c>
      <c r="LY27" s="345">
        <v>0</v>
      </c>
      <c r="LZ27" s="345">
        <v>0</v>
      </c>
      <c r="MA27" s="345">
        <v>0</v>
      </c>
      <c r="MB27" s="345">
        <v>0</v>
      </c>
      <c r="MC27" s="345">
        <v>0</v>
      </c>
      <c r="MD27" s="349">
        <v>0</v>
      </c>
      <c r="ME27" s="350">
        <v>0</v>
      </c>
      <c r="MF27" s="348">
        <v>0</v>
      </c>
      <c r="MG27" s="345">
        <v>0</v>
      </c>
      <c r="MH27" s="349">
        <v>0</v>
      </c>
      <c r="MI27" s="404">
        <v>0</v>
      </c>
      <c r="MJ27" s="345">
        <v>0</v>
      </c>
      <c r="MK27" s="345">
        <v>407591</v>
      </c>
      <c r="ML27" s="345">
        <v>202895</v>
      </c>
      <c r="MM27" s="345">
        <v>237477</v>
      </c>
      <c r="MN27" s="345">
        <v>280303</v>
      </c>
      <c r="MO27" s="349">
        <v>1128266</v>
      </c>
      <c r="MP27" s="354">
        <v>1128266</v>
      </c>
      <c r="MQ27" s="348">
        <v>0</v>
      </c>
      <c r="MR27" s="345">
        <v>0</v>
      </c>
      <c r="MS27" s="349">
        <v>0</v>
      </c>
      <c r="MT27" s="404">
        <v>0</v>
      </c>
      <c r="MU27" s="345">
        <v>0</v>
      </c>
      <c r="MV27" s="345">
        <v>198814</v>
      </c>
      <c r="MW27" s="345">
        <v>202895</v>
      </c>
      <c r="MX27" s="345">
        <v>0</v>
      </c>
      <c r="MY27" s="345">
        <v>0</v>
      </c>
      <c r="MZ27" s="349">
        <v>401709</v>
      </c>
      <c r="NA27" s="354">
        <v>401709</v>
      </c>
      <c r="NB27" s="348">
        <v>0</v>
      </c>
      <c r="NC27" s="345">
        <v>0</v>
      </c>
      <c r="ND27" s="349">
        <v>0</v>
      </c>
      <c r="NE27" s="404">
        <v>0</v>
      </c>
      <c r="NF27" s="345">
        <v>0</v>
      </c>
      <c r="NG27" s="345">
        <v>208777</v>
      </c>
      <c r="NH27" s="345">
        <v>0</v>
      </c>
      <c r="NI27" s="345">
        <v>237477</v>
      </c>
      <c r="NJ27" s="345">
        <v>280303</v>
      </c>
      <c r="NK27" s="349">
        <v>726557</v>
      </c>
      <c r="NL27" s="347">
        <v>726557</v>
      </c>
      <c r="NM27" s="348">
        <v>0</v>
      </c>
      <c r="NN27" s="345">
        <v>0</v>
      </c>
      <c r="NO27" s="349">
        <v>0</v>
      </c>
      <c r="NP27" s="404">
        <v>0</v>
      </c>
      <c r="NQ27" s="345">
        <v>0</v>
      </c>
      <c r="NR27" s="345">
        <v>0</v>
      </c>
      <c r="NS27" s="345">
        <v>0</v>
      </c>
      <c r="NT27" s="345">
        <v>0</v>
      </c>
      <c r="NU27" s="345">
        <v>0</v>
      </c>
      <c r="NV27" s="349">
        <v>0</v>
      </c>
      <c r="NW27" s="350">
        <v>0</v>
      </c>
      <c r="NX27" s="348">
        <v>0</v>
      </c>
      <c r="NY27" s="345">
        <v>0</v>
      </c>
      <c r="NZ27" s="349">
        <v>0</v>
      </c>
      <c r="OA27" s="404">
        <v>0</v>
      </c>
      <c r="OB27" s="345">
        <v>0</v>
      </c>
      <c r="OC27" s="345">
        <v>0</v>
      </c>
      <c r="OD27" s="345">
        <v>0</v>
      </c>
      <c r="OE27" s="345">
        <v>0</v>
      </c>
      <c r="OF27" s="345">
        <v>0</v>
      </c>
      <c r="OG27" s="349">
        <v>0</v>
      </c>
      <c r="OH27" s="350">
        <v>0</v>
      </c>
      <c r="OI27" s="348">
        <v>29134</v>
      </c>
      <c r="OJ27" s="345">
        <v>184762</v>
      </c>
      <c r="OK27" s="346">
        <v>213896</v>
      </c>
      <c r="OL27" s="351">
        <v>0</v>
      </c>
      <c r="OM27" s="345">
        <v>1337822</v>
      </c>
      <c r="ON27" s="345">
        <v>1765249</v>
      </c>
      <c r="OO27" s="345">
        <v>902475</v>
      </c>
      <c r="OP27" s="345">
        <v>1996215</v>
      </c>
      <c r="OQ27" s="345">
        <v>2287343</v>
      </c>
      <c r="OR27" s="349">
        <v>8289104</v>
      </c>
      <c r="OS27" s="354">
        <v>8503000</v>
      </c>
    </row>
    <row r="28" spans="2:409" s="70" customFormat="1" ht="21" customHeight="1" x14ac:dyDescent="0.2">
      <c r="B28" s="106" t="s">
        <v>23</v>
      </c>
      <c r="C28" s="326">
        <v>143947</v>
      </c>
      <c r="D28" s="327">
        <v>266229</v>
      </c>
      <c r="E28" s="328">
        <v>410176</v>
      </c>
      <c r="F28" s="329">
        <v>0</v>
      </c>
      <c r="G28" s="327">
        <v>1034805</v>
      </c>
      <c r="H28" s="327">
        <v>1826832</v>
      </c>
      <c r="I28" s="327">
        <v>1828477</v>
      </c>
      <c r="J28" s="327">
        <v>2255111</v>
      </c>
      <c r="K28" s="327">
        <v>1636103</v>
      </c>
      <c r="L28" s="367">
        <v>8581328</v>
      </c>
      <c r="M28" s="330">
        <v>8991504</v>
      </c>
      <c r="N28" s="326">
        <v>90231</v>
      </c>
      <c r="O28" s="327">
        <v>118931</v>
      </c>
      <c r="P28" s="328">
        <v>209162</v>
      </c>
      <c r="Q28" s="326">
        <v>0</v>
      </c>
      <c r="R28" s="327">
        <v>234197</v>
      </c>
      <c r="S28" s="327">
        <v>642132</v>
      </c>
      <c r="T28" s="327">
        <v>740092</v>
      </c>
      <c r="U28" s="327">
        <v>478043</v>
      </c>
      <c r="V28" s="327">
        <v>356066</v>
      </c>
      <c r="W28" s="328">
        <v>2450530</v>
      </c>
      <c r="X28" s="330">
        <v>2659692</v>
      </c>
      <c r="Y28" s="326">
        <v>0</v>
      </c>
      <c r="Z28" s="327">
        <v>0</v>
      </c>
      <c r="AA28" s="328">
        <v>0</v>
      </c>
      <c r="AB28" s="326">
        <v>0</v>
      </c>
      <c r="AC28" s="327">
        <v>0</v>
      </c>
      <c r="AD28" s="327">
        <v>99759</v>
      </c>
      <c r="AE28" s="327">
        <v>252392</v>
      </c>
      <c r="AF28" s="327">
        <v>45875</v>
      </c>
      <c r="AG28" s="327">
        <v>123300</v>
      </c>
      <c r="AH28" s="328">
        <v>521326</v>
      </c>
      <c r="AI28" s="330">
        <v>521326</v>
      </c>
      <c r="AJ28" s="326">
        <v>0</v>
      </c>
      <c r="AK28" s="327">
        <v>0</v>
      </c>
      <c r="AL28" s="328">
        <v>0</v>
      </c>
      <c r="AM28" s="326">
        <v>0</v>
      </c>
      <c r="AN28" s="327">
        <v>0</v>
      </c>
      <c r="AO28" s="327">
        <v>33189</v>
      </c>
      <c r="AP28" s="327">
        <v>42037</v>
      </c>
      <c r="AQ28" s="327">
        <v>82961</v>
      </c>
      <c r="AR28" s="327">
        <v>0</v>
      </c>
      <c r="AS28" s="328">
        <v>158187</v>
      </c>
      <c r="AT28" s="330">
        <v>158187</v>
      </c>
      <c r="AU28" s="326">
        <v>63405</v>
      </c>
      <c r="AV28" s="327">
        <v>74200</v>
      </c>
      <c r="AW28" s="328">
        <v>137605</v>
      </c>
      <c r="AX28" s="326">
        <v>0</v>
      </c>
      <c r="AY28" s="327">
        <v>202186</v>
      </c>
      <c r="AZ28" s="327">
        <v>371046</v>
      </c>
      <c r="BA28" s="327">
        <v>317808</v>
      </c>
      <c r="BB28" s="327">
        <v>166080</v>
      </c>
      <c r="BC28" s="327">
        <v>56226</v>
      </c>
      <c r="BD28" s="328">
        <v>1113346</v>
      </c>
      <c r="BE28" s="330">
        <v>1250951</v>
      </c>
      <c r="BF28" s="326">
        <v>13610</v>
      </c>
      <c r="BG28" s="327">
        <v>23997</v>
      </c>
      <c r="BH28" s="331">
        <v>37607</v>
      </c>
      <c r="BI28" s="332">
        <v>0</v>
      </c>
      <c r="BJ28" s="327">
        <v>0</v>
      </c>
      <c r="BK28" s="327">
        <v>59220</v>
      </c>
      <c r="BL28" s="327">
        <v>0</v>
      </c>
      <c r="BM28" s="327">
        <v>0</v>
      </c>
      <c r="BN28" s="327">
        <v>0</v>
      </c>
      <c r="BO28" s="328">
        <v>59220</v>
      </c>
      <c r="BP28" s="330">
        <v>96827</v>
      </c>
      <c r="BQ28" s="326">
        <v>13216</v>
      </c>
      <c r="BR28" s="327">
        <v>20734</v>
      </c>
      <c r="BS28" s="328">
        <v>33950</v>
      </c>
      <c r="BT28" s="326">
        <v>0</v>
      </c>
      <c r="BU28" s="327">
        <v>32011</v>
      </c>
      <c r="BV28" s="327">
        <v>78918</v>
      </c>
      <c r="BW28" s="327">
        <v>127855</v>
      </c>
      <c r="BX28" s="327">
        <v>183127</v>
      </c>
      <c r="BY28" s="327">
        <v>176540</v>
      </c>
      <c r="BZ28" s="328">
        <v>598451</v>
      </c>
      <c r="CA28" s="330">
        <v>632401</v>
      </c>
      <c r="CB28" s="326">
        <v>0</v>
      </c>
      <c r="CC28" s="327">
        <v>0</v>
      </c>
      <c r="CD28" s="328">
        <v>0</v>
      </c>
      <c r="CE28" s="326">
        <v>0</v>
      </c>
      <c r="CF28" s="327">
        <v>494915</v>
      </c>
      <c r="CG28" s="327">
        <v>607084</v>
      </c>
      <c r="CH28" s="327">
        <v>510206</v>
      </c>
      <c r="CI28" s="327">
        <v>289103</v>
      </c>
      <c r="CJ28" s="327">
        <v>181337</v>
      </c>
      <c r="CK28" s="328">
        <v>2082645</v>
      </c>
      <c r="CL28" s="330">
        <v>2082645</v>
      </c>
      <c r="CM28" s="326">
        <v>0</v>
      </c>
      <c r="CN28" s="327">
        <v>0</v>
      </c>
      <c r="CO28" s="328">
        <v>0</v>
      </c>
      <c r="CP28" s="332">
        <v>0</v>
      </c>
      <c r="CQ28" s="327">
        <v>481062</v>
      </c>
      <c r="CR28" s="327">
        <v>581060</v>
      </c>
      <c r="CS28" s="327">
        <v>281236</v>
      </c>
      <c r="CT28" s="327">
        <v>289103</v>
      </c>
      <c r="CU28" s="327">
        <v>181337</v>
      </c>
      <c r="CV28" s="328">
        <v>1813798</v>
      </c>
      <c r="CW28" s="330">
        <v>1813798</v>
      </c>
      <c r="CX28" s="326">
        <v>0</v>
      </c>
      <c r="CY28" s="327">
        <v>0</v>
      </c>
      <c r="CZ28" s="328">
        <v>0</v>
      </c>
      <c r="DA28" s="326">
        <v>0</v>
      </c>
      <c r="DB28" s="327">
        <v>13853</v>
      </c>
      <c r="DC28" s="327">
        <v>26024</v>
      </c>
      <c r="DD28" s="327">
        <v>228970</v>
      </c>
      <c r="DE28" s="327">
        <v>0</v>
      </c>
      <c r="DF28" s="327">
        <v>0</v>
      </c>
      <c r="DG28" s="328">
        <v>268847</v>
      </c>
      <c r="DH28" s="330">
        <v>268847</v>
      </c>
      <c r="DI28" s="326">
        <v>0</v>
      </c>
      <c r="DJ28" s="327">
        <v>0</v>
      </c>
      <c r="DK28" s="331">
        <v>0</v>
      </c>
      <c r="DL28" s="332">
        <v>0</v>
      </c>
      <c r="DM28" s="327">
        <v>108223</v>
      </c>
      <c r="DN28" s="327">
        <v>-512675</v>
      </c>
      <c r="DO28" s="327">
        <v>166794</v>
      </c>
      <c r="DP28" s="327">
        <v>0</v>
      </c>
      <c r="DQ28" s="327">
        <v>0</v>
      </c>
      <c r="DR28" s="328">
        <v>-237658</v>
      </c>
      <c r="DS28" s="330">
        <v>-237658</v>
      </c>
      <c r="DT28" s="326">
        <v>0</v>
      </c>
      <c r="DU28" s="327">
        <v>0</v>
      </c>
      <c r="DV28" s="328">
        <v>0</v>
      </c>
      <c r="DW28" s="326">
        <v>0</v>
      </c>
      <c r="DX28" s="327">
        <v>108223</v>
      </c>
      <c r="DY28" s="327">
        <v>-512675</v>
      </c>
      <c r="DZ28" s="327">
        <v>166794</v>
      </c>
      <c r="EA28" s="327">
        <v>0</v>
      </c>
      <c r="EB28" s="327">
        <v>0</v>
      </c>
      <c r="EC28" s="328">
        <v>-237658</v>
      </c>
      <c r="ED28" s="330">
        <v>-237658</v>
      </c>
      <c r="EE28" s="326">
        <v>0</v>
      </c>
      <c r="EF28" s="331">
        <v>0</v>
      </c>
      <c r="EG28" s="328">
        <v>0</v>
      </c>
      <c r="EH28" s="326">
        <v>0</v>
      </c>
      <c r="EI28" s="327">
        <v>0</v>
      </c>
      <c r="EJ28" s="327">
        <v>0</v>
      </c>
      <c r="EK28" s="327">
        <v>0</v>
      </c>
      <c r="EL28" s="327">
        <v>0</v>
      </c>
      <c r="EM28" s="327">
        <v>0</v>
      </c>
      <c r="EN28" s="331">
        <v>0</v>
      </c>
      <c r="EO28" s="330">
        <v>0</v>
      </c>
      <c r="EP28" s="326">
        <v>0</v>
      </c>
      <c r="EQ28" s="327">
        <v>0</v>
      </c>
      <c r="ER28" s="331">
        <v>0</v>
      </c>
      <c r="ES28" s="332">
        <v>0</v>
      </c>
      <c r="ET28" s="327">
        <v>0</v>
      </c>
      <c r="EU28" s="327">
        <v>0</v>
      </c>
      <c r="EV28" s="327">
        <v>0</v>
      </c>
      <c r="EW28" s="327">
        <v>0</v>
      </c>
      <c r="EX28" s="327">
        <v>0</v>
      </c>
      <c r="EY28" s="328">
        <v>0</v>
      </c>
      <c r="EZ28" s="330">
        <v>0</v>
      </c>
      <c r="FA28" s="326">
        <v>0</v>
      </c>
      <c r="FB28" s="327">
        <v>0</v>
      </c>
      <c r="FC28" s="331">
        <v>0</v>
      </c>
      <c r="FD28" s="404">
        <v>0</v>
      </c>
      <c r="FE28" s="327">
        <v>0</v>
      </c>
      <c r="FF28" s="327">
        <v>0</v>
      </c>
      <c r="FG28" s="327">
        <v>0</v>
      </c>
      <c r="FH28" s="327">
        <v>0</v>
      </c>
      <c r="FI28" s="327">
        <v>0</v>
      </c>
      <c r="FJ28" s="328">
        <v>0</v>
      </c>
      <c r="FK28" s="330">
        <v>0</v>
      </c>
      <c r="FL28" s="326">
        <v>2184</v>
      </c>
      <c r="FM28" s="327">
        <v>68999</v>
      </c>
      <c r="FN28" s="328">
        <v>71183</v>
      </c>
      <c r="FO28" s="326">
        <v>0</v>
      </c>
      <c r="FP28" s="327">
        <v>36827</v>
      </c>
      <c r="FQ28" s="327">
        <v>185115</v>
      </c>
      <c r="FR28" s="327">
        <v>230083</v>
      </c>
      <c r="FS28" s="327">
        <v>130592</v>
      </c>
      <c r="FT28" s="327">
        <v>53746</v>
      </c>
      <c r="FU28" s="328">
        <v>636363</v>
      </c>
      <c r="FV28" s="330">
        <v>707546</v>
      </c>
      <c r="FW28" s="333">
        <v>2184</v>
      </c>
      <c r="FX28" s="327">
        <v>68999</v>
      </c>
      <c r="FY28" s="331">
        <v>71183</v>
      </c>
      <c r="FZ28" s="332">
        <v>0</v>
      </c>
      <c r="GA28" s="327">
        <v>36827</v>
      </c>
      <c r="GB28" s="327">
        <v>185115</v>
      </c>
      <c r="GC28" s="327">
        <v>230083</v>
      </c>
      <c r="GD28" s="327">
        <v>130592</v>
      </c>
      <c r="GE28" s="327">
        <v>53746</v>
      </c>
      <c r="GF28" s="328">
        <v>636363</v>
      </c>
      <c r="GG28" s="334">
        <v>707546</v>
      </c>
      <c r="GH28" s="333">
        <v>0</v>
      </c>
      <c r="GI28" s="327">
        <v>0</v>
      </c>
      <c r="GJ28" s="331">
        <v>0</v>
      </c>
      <c r="GK28" s="332">
        <v>0</v>
      </c>
      <c r="GL28" s="327">
        <v>0</v>
      </c>
      <c r="GM28" s="327">
        <v>0</v>
      </c>
      <c r="GN28" s="327">
        <v>0</v>
      </c>
      <c r="GO28" s="327">
        <v>0</v>
      </c>
      <c r="GP28" s="327">
        <v>0</v>
      </c>
      <c r="GQ28" s="328">
        <v>0</v>
      </c>
      <c r="GR28" s="330">
        <v>0</v>
      </c>
      <c r="GS28" s="326">
        <v>0</v>
      </c>
      <c r="GT28" s="327">
        <v>0</v>
      </c>
      <c r="GU28" s="328">
        <v>0</v>
      </c>
      <c r="GV28" s="326">
        <v>0</v>
      </c>
      <c r="GW28" s="327">
        <v>0</v>
      </c>
      <c r="GX28" s="327">
        <v>0</v>
      </c>
      <c r="GY28" s="327">
        <v>0</v>
      </c>
      <c r="GZ28" s="327">
        <v>0</v>
      </c>
      <c r="HA28" s="327">
        <v>0</v>
      </c>
      <c r="HB28" s="331">
        <v>0</v>
      </c>
      <c r="HC28" s="330">
        <v>0</v>
      </c>
      <c r="HD28" s="326">
        <v>51532</v>
      </c>
      <c r="HE28" s="327">
        <v>78299</v>
      </c>
      <c r="HF28" s="331">
        <v>129831</v>
      </c>
      <c r="HG28" s="332">
        <v>0</v>
      </c>
      <c r="HH28" s="327">
        <v>160643</v>
      </c>
      <c r="HI28" s="327">
        <v>905176</v>
      </c>
      <c r="HJ28" s="327">
        <v>181302</v>
      </c>
      <c r="HK28" s="327">
        <v>1357373</v>
      </c>
      <c r="HL28" s="327">
        <v>1044954</v>
      </c>
      <c r="HM28" s="328">
        <v>3649448</v>
      </c>
      <c r="HN28" s="329">
        <v>3779279</v>
      </c>
      <c r="HO28" s="333">
        <v>0</v>
      </c>
      <c r="HP28" s="327">
        <v>0</v>
      </c>
      <c r="HQ28" s="328">
        <v>0</v>
      </c>
      <c r="HR28" s="326">
        <v>0</v>
      </c>
      <c r="HS28" s="327">
        <v>0</v>
      </c>
      <c r="HT28" s="327">
        <v>0</v>
      </c>
      <c r="HU28" s="327">
        <v>0</v>
      </c>
      <c r="HV28" s="327">
        <v>0</v>
      </c>
      <c r="HW28" s="327">
        <v>0</v>
      </c>
      <c r="HX28" s="331">
        <v>0</v>
      </c>
      <c r="HY28" s="330">
        <v>0</v>
      </c>
      <c r="HZ28" s="358">
        <v>0</v>
      </c>
      <c r="IA28" s="356">
        <v>0</v>
      </c>
      <c r="IB28" s="358">
        <v>0</v>
      </c>
      <c r="IC28" s="355">
        <v>0</v>
      </c>
      <c r="ID28" s="356">
        <v>382827</v>
      </c>
      <c r="IE28" s="357">
        <v>194409</v>
      </c>
      <c r="IF28" s="358">
        <v>955824</v>
      </c>
      <c r="IG28" s="356">
        <v>439258</v>
      </c>
      <c r="IH28" s="358">
        <v>741866</v>
      </c>
      <c r="II28" s="359">
        <v>2714184</v>
      </c>
      <c r="IJ28" s="358">
        <v>2714184</v>
      </c>
      <c r="IK28" s="342">
        <v>0</v>
      </c>
      <c r="IL28" s="343">
        <v>0</v>
      </c>
      <c r="IM28" s="344">
        <v>0</v>
      </c>
      <c r="IN28" s="404">
        <v>0</v>
      </c>
      <c r="IO28" s="345">
        <v>0</v>
      </c>
      <c r="IP28" s="345">
        <v>0</v>
      </c>
      <c r="IQ28" s="345">
        <v>0</v>
      </c>
      <c r="IR28" s="345">
        <v>0</v>
      </c>
      <c r="IS28" s="345">
        <v>278616</v>
      </c>
      <c r="IT28" s="346">
        <v>278616</v>
      </c>
      <c r="IU28" s="347">
        <v>278616</v>
      </c>
      <c r="IV28" s="348">
        <v>0</v>
      </c>
      <c r="IW28" s="345">
        <v>0</v>
      </c>
      <c r="IX28" s="349">
        <v>0</v>
      </c>
      <c r="IY28" s="404">
        <v>0</v>
      </c>
      <c r="IZ28" s="345">
        <v>0</v>
      </c>
      <c r="JA28" s="345">
        <v>0</v>
      </c>
      <c r="JB28" s="345">
        <v>0</v>
      </c>
      <c r="JC28" s="345">
        <v>0</v>
      </c>
      <c r="JD28" s="345">
        <v>0</v>
      </c>
      <c r="JE28" s="349">
        <v>0</v>
      </c>
      <c r="JF28" s="350">
        <v>0</v>
      </c>
      <c r="JG28" s="348">
        <v>0</v>
      </c>
      <c r="JH28" s="345">
        <v>0</v>
      </c>
      <c r="JI28" s="346">
        <v>0</v>
      </c>
      <c r="JJ28" s="351">
        <v>0</v>
      </c>
      <c r="JK28" s="345">
        <v>173516</v>
      </c>
      <c r="JL28" s="345">
        <v>120390</v>
      </c>
      <c r="JM28" s="345">
        <v>119643</v>
      </c>
      <c r="JN28" s="345">
        <v>0</v>
      </c>
      <c r="JO28" s="345">
        <v>0</v>
      </c>
      <c r="JP28" s="349">
        <v>413549</v>
      </c>
      <c r="JQ28" s="347">
        <v>413549</v>
      </c>
      <c r="JR28" s="348">
        <v>0</v>
      </c>
      <c r="JS28" s="345">
        <v>0</v>
      </c>
      <c r="JT28" s="346">
        <v>0</v>
      </c>
      <c r="JU28" s="351">
        <v>0</v>
      </c>
      <c r="JV28" s="345">
        <v>0</v>
      </c>
      <c r="JW28" s="345">
        <v>0</v>
      </c>
      <c r="JX28" s="345">
        <v>0</v>
      </c>
      <c r="JY28" s="345">
        <v>0</v>
      </c>
      <c r="JZ28" s="345">
        <v>0</v>
      </c>
      <c r="KA28" s="349">
        <v>0</v>
      </c>
      <c r="KB28" s="347">
        <v>0</v>
      </c>
      <c r="KC28" s="352">
        <v>0</v>
      </c>
      <c r="KD28" s="353">
        <v>0</v>
      </c>
      <c r="KE28" s="349">
        <v>0</v>
      </c>
      <c r="KF28" s="351">
        <v>0</v>
      </c>
      <c r="KG28" s="345">
        <v>0</v>
      </c>
      <c r="KH28" s="345">
        <v>0</v>
      </c>
      <c r="KI28" s="345">
        <v>0</v>
      </c>
      <c r="KJ28" s="345">
        <v>0</v>
      </c>
      <c r="KK28" s="345">
        <v>0</v>
      </c>
      <c r="KL28" s="349">
        <v>0</v>
      </c>
      <c r="KM28" s="354">
        <v>0</v>
      </c>
      <c r="KN28" s="342">
        <v>0</v>
      </c>
      <c r="KO28" s="343">
        <v>0</v>
      </c>
      <c r="KP28" s="344">
        <v>0</v>
      </c>
      <c r="KQ28" s="404">
        <v>0</v>
      </c>
      <c r="KR28" s="345">
        <v>209311</v>
      </c>
      <c r="KS28" s="345">
        <v>0</v>
      </c>
      <c r="KT28" s="345">
        <v>674798</v>
      </c>
      <c r="KU28" s="345">
        <v>0</v>
      </c>
      <c r="KV28" s="345">
        <v>463250</v>
      </c>
      <c r="KW28" s="349">
        <v>1347359</v>
      </c>
      <c r="KX28" s="347">
        <v>1347359</v>
      </c>
      <c r="KY28" s="348">
        <v>0</v>
      </c>
      <c r="KZ28" s="345">
        <v>0</v>
      </c>
      <c r="LA28" s="349">
        <v>0</v>
      </c>
      <c r="LB28" s="404">
        <v>0</v>
      </c>
      <c r="LC28" s="345">
        <v>0</v>
      </c>
      <c r="LD28" s="345">
        <v>0</v>
      </c>
      <c r="LE28" s="345">
        <v>0</v>
      </c>
      <c r="LF28" s="345">
        <v>0</v>
      </c>
      <c r="LG28" s="345">
        <v>0</v>
      </c>
      <c r="LH28" s="349">
        <v>0</v>
      </c>
      <c r="LI28" s="350">
        <v>0</v>
      </c>
      <c r="LJ28" s="348">
        <v>0</v>
      </c>
      <c r="LK28" s="345">
        <v>0</v>
      </c>
      <c r="LL28" s="349">
        <v>0</v>
      </c>
      <c r="LM28" s="404">
        <v>0</v>
      </c>
      <c r="LN28" s="345">
        <v>0</v>
      </c>
      <c r="LO28" s="345">
        <v>0</v>
      </c>
      <c r="LP28" s="345">
        <v>0</v>
      </c>
      <c r="LQ28" s="345">
        <v>0</v>
      </c>
      <c r="LR28" s="345">
        <v>0</v>
      </c>
      <c r="LS28" s="349">
        <v>0</v>
      </c>
      <c r="LT28" s="347">
        <v>0</v>
      </c>
      <c r="LU28" s="348">
        <v>0</v>
      </c>
      <c r="LV28" s="345">
        <v>0</v>
      </c>
      <c r="LW28" s="349">
        <v>0</v>
      </c>
      <c r="LX28" s="404">
        <v>0</v>
      </c>
      <c r="LY28" s="345">
        <v>0</v>
      </c>
      <c r="LZ28" s="345">
        <v>74019</v>
      </c>
      <c r="MA28" s="345">
        <v>161383</v>
      </c>
      <c r="MB28" s="345">
        <v>439258</v>
      </c>
      <c r="MC28" s="345">
        <v>0</v>
      </c>
      <c r="MD28" s="349">
        <v>674660</v>
      </c>
      <c r="ME28" s="350">
        <v>674660</v>
      </c>
      <c r="MF28" s="348">
        <v>0</v>
      </c>
      <c r="MG28" s="345">
        <v>0</v>
      </c>
      <c r="MH28" s="349">
        <v>0</v>
      </c>
      <c r="MI28" s="404">
        <v>0</v>
      </c>
      <c r="MJ28" s="345">
        <v>0</v>
      </c>
      <c r="MK28" s="345">
        <v>0</v>
      </c>
      <c r="ML28" s="345">
        <v>829275</v>
      </c>
      <c r="MM28" s="345">
        <v>554877</v>
      </c>
      <c r="MN28" s="345">
        <v>1387488</v>
      </c>
      <c r="MO28" s="349">
        <v>2771640</v>
      </c>
      <c r="MP28" s="354">
        <v>2771640</v>
      </c>
      <c r="MQ28" s="348">
        <v>0</v>
      </c>
      <c r="MR28" s="345">
        <v>0</v>
      </c>
      <c r="MS28" s="349">
        <v>0</v>
      </c>
      <c r="MT28" s="404">
        <v>0</v>
      </c>
      <c r="MU28" s="345">
        <v>0</v>
      </c>
      <c r="MV28" s="345">
        <v>0</v>
      </c>
      <c r="MW28" s="345">
        <v>829275</v>
      </c>
      <c r="MX28" s="345">
        <v>554877</v>
      </c>
      <c r="MY28" s="345">
        <v>491186</v>
      </c>
      <c r="MZ28" s="349">
        <v>1875338</v>
      </c>
      <c r="NA28" s="354">
        <v>1875338</v>
      </c>
      <c r="NB28" s="348">
        <v>0</v>
      </c>
      <c r="NC28" s="345">
        <v>0</v>
      </c>
      <c r="ND28" s="349">
        <v>0</v>
      </c>
      <c r="NE28" s="404">
        <v>0</v>
      </c>
      <c r="NF28" s="345">
        <v>0</v>
      </c>
      <c r="NG28" s="345">
        <v>0</v>
      </c>
      <c r="NH28" s="345">
        <v>0</v>
      </c>
      <c r="NI28" s="345">
        <v>0</v>
      </c>
      <c r="NJ28" s="345">
        <v>562490</v>
      </c>
      <c r="NK28" s="349">
        <v>562490</v>
      </c>
      <c r="NL28" s="347">
        <v>562490</v>
      </c>
      <c r="NM28" s="348">
        <v>0</v>
      </c>
      <c r="NN28" s="345">
        <v>0</v>
      </c>
      <c r="NO28" s="349">
        <v>0</v>
      </c>
      <c r="NP28" s="404">
        <v>0</v>
      </c>
      <c r="NQ28" s="345">
        <v>0</v>
      </c>
      <c r="NR28" s="345">
        <v>0</v>
      </c>
      <c r="NS28" s="345">
        <v>0</v>
      </c>
      <c r="NT28" s="345">
        <v>0</v>
      </c>
      <c r="NU28" s="345">
        <v>0</v>
      </c>
      <c r="NV28" s="349">
        <v>0</v>
      </c>
      <c r="NW28" s="350">
        <v>0</v>
      </c>
      <c r="NX28" s="348">
        <v>0</v>
      </c>
      <c r="NY28" s="345">
        <v>0</v>
      </c>
      <c r="NZ28" s="349">
        <v>0</v>
      </c>
      <c r="OA28" s="404">
        <v>0</v>
      </c>
      <c r="OB28" s="345">
        <v>0</v>
      </c>
      <c r="OC28" s="345">
        <v>0</v>
      </c>
      <c r="OD28" s="345">
        <v>0</v>
      </c>
      <c r="OE28" s="345">
        <v>0</v>
      </c>
      <c r="OF28" s="345">
        <v>333812</v>
      </c>
      <c r="OG28" s="349">
        <v>333812</v>
      </c>
      <c r="OH28" s="350">
        <v>333812</v>
      </c>
      <c r="OI28" s="348">
        <v>143947</v>
      </c>
      <c r="OJ28" s="345">
        <v>266229</v>
      </c>
      <c r="OK28" s="346">
        <v>410176</v>
      </c>
      <c r="OL28" s="351">
        <v>0</v>
      </c>
      <c r="OM28" s="345">
        <v>1417632</v>
      </c>
      <c r="ON28" s="345">
        <v>2021241</v>
      </c>
      <c r="OO28" s="345">
        <v>3613576</v>
      </c>
      <c r="OP28" s="345">
        <v>3249246</v>
      </c>
      <c r="OQ28" s="345">
        <v>3765457</v>
      </c>
      <c r="OR28" s="349">
        <v>14067152</v>
      </c>
      <c r="OS28" s="354">
        <v>14477328</v>
      </c>
    </row>
    <row r="29" spans="2:409" s="70" customFormat="1" ht="21" customHeight="1" x14ac:dyDescent="0.2">
      <c r="B29" s="106" t="s">
        <v>24</v>
      </c>
      <c r="C29" s="326">
        <v>471213</v>
      </c>
      <c r="D29" s="327">
        <v>325818</v>
      </c>
      <c r="E29" s="328">
        <v>797031</v>
      </c>
      <c r="F29" s="329">
        <v>0</v>
      </c>
      <c r="G29" s="327">
        <v>2220010</v>
      </c>
      <c r="H29" s="327">
        <v>2288642</v>
      </c>
      <c r="I29" s="327">
        <v>1220349</v>
      </c>
      <c r="J29" s="327">
        <v>1709600</v>
      </c>
      <c r="K29" s="327">
        <v>2919782</v>
      </c>
      <c r="L29" s="367">
        <v>10358383</v>
      </c>
      <c r="M29" s="330">
        <v>11155414</v>
      </c>
      <c r="N29" s="326">
        <v>102023</v>
      </c>
      <c r="O29" s="327">
        <v>106224</v>
      </c>
      <c r="P29" s="328">
        <v>208247</v>
      </c>
      <c r="Q29" s="326">
        <v>0</v>
      </c>
      <c r="R29" s="327">
        <v>593641</v>
      </c>
      <c r="S29" s="327">
        <v>752993</v>
      </c>
      <c r="T29" s="327">
        <v>217857</v>
      </c>
      <c r="U29" s="327">
        <v>837598</v>
      </c>
      <c r="V29" s="327">
        <v>1409821</v>
      </c>
      <c r="W29" s="328">
        <v>3811910</v>
      </c>
      <c r="X29" s="330">
        <v>4020157</v>
      </c>
      <c r="Y29" s="326">
        <v>0</v>
      </c>
      <c r="Z29" s="327">
        <v>0</v>
      </c>
      <c r="AA29" s="328">
        <v>0</v>
      </c>
      <c r="AB29" s="326">
        <v>0</v>
      </c>
      <c r="AC29" s="327">
        <v>239015</v>
      </c>
      <c r="AD29" s="327">
        <v>288306</v>
      </c>
      <c r="AE29" s="327">
        <v>9998</v>
      </c>
      <c r="AF29" s="327">
        <v>538708</v>
      </c>
      <c r="AG29" s="327">
        <v>751304</v>
      </c>
      <c r="AH29" s="328">
        <v>1827331</v>
      </c>
      <c r="AI29" s="330">
        <v>1827331</v>
      </c>
      <c r="AJ29" s="326">
        <v>0</v>
      </c>
      <c r="AK29" s="327">
        <v>0</v>
      </c>
      <c r="AL29" s="328">
        <v>0</v>
      </c>
      <c r="AM29" s="326">
        <v>0</v>
      </c>
      <c r="AN29" s="327">
        <v>0</v>
      </c>
      <c r="AO29" s="327">
        <v>0</v>
      </c>
      <c r="AP29" s="327">
        <v>0</v>
      </c>
      <c r="AQ29" s="327">
        <v>0</v>
      </c>
      <c r="AR29" s="327">
        <v>212831</v>
      </c>
      <c r="AS29" s="328">
        <v>212831</v>
      </c>
      <c r="AT29" s="330">
        <v>212831</v>
      </c>
      <c r="AU29" s="326">
        <v>48459</v>
      </c>
      <c r="AV29" s="327">
        <v>97796</v>
      </c>
      <c r="AW29" s="328">
        <v>146255</v>
      </c>
      <c r="AX29" s="326">
        <v>0</v>
      </c>
      <c r="AY29" s="327">
        <v>229214</v>
      </c>
      <c r="AZ29" s="327">
        <v>317178</v>
      </c>
      <c r="BA29" s="327">
        <v>122074</v>
      </c>
      <c r="BB29" s="327">
        <v>150917</v>
      </c>
      <c r="BC29" s="327">
        <v>230170</v>
      </c>
      <c r="BD29" s="328">
        <v>1049553</v>
      </c>
      <c r="BE29" s="330">
        <v>1195808</v>
      </c>
      <c r="BF29" s="326">
        <v>0</v>
      </c>
      <c r="BG29" s="327">
        <v>0</v>
      </c>
      <c r="BH29" s="331">
        <v>0</v>
      </c>
      <c r="BI29" s="332">
        <v>0</v>
      </c>
      <c r="BJ29" s="327">
        <v>0</v>
      </c>
      <c r="BK29" s="327">
        <v>0</v>
      </c>
      <c r="BL29" s="327">
        <v>0</v>
      </c>
      <c r="BM29" s="327">
        <v>0</v>
      </c>
      <c r="BN29" s="327">
        <v>0</v>
      </c>
      <c r="BO29" s="328">
        <v>0</v>
      </c>
      <c r="BP29" s="330">
        <v>0</v>
      </c>
      <c r="BQ29" s="326">
        <v>53564</v>
      </c>
      <c r="BR29" s="327">
        <v>8428</v>
      </c>
      <c r="BS29" s="328">
        <v>61992</v>
      </c>
      <c r="BT29" s="326">
        <v>0</v>
      </c>
      <c r="BU29" s="327">
        <v>125412</v>
      </c>
      <c r="BV29" s="327">
        <v>147509</v>
      </c>
      <c r="BW29" s="327">
        <v>85785</v>
      </c>
      <c r="BX29" s="327">
        <v>147973</v>
      </c>
      <c r="BY29" s="327">
        <v>215516</v>
      </c>
      <c r="BZ29" s="328">
        <v>722195</v>
      </c>
      <c r="CA29" s="330">
        <v>784187</v>
      </c>
      <c r="CB29" s="326">
        <v>37527</v>
      </c>
      <c r="CC29" s="327">
        <v>34794</v>
      </c>
      <c r="CD29" s="328">
        <v>72321</v>
      </c>
      <c r="CE29" s="326">
        <v>0</v>
      </c>
      <c r="CF29" s="327">
        <v>551911</v>
      </c>
      <c r="CG29" s="327">
        <v>526606</v>
      </c>
      <c r="CH29" s="327">
        <v>159498</v>
      </c>
      <c r="CI29" s="327">
        <v>45447</v>
      </c>
      <c r="CJ29" s="327">
        <v>9718</v>
      </c>
      <c r="CK29" s="328">
        <v>1293180</v>
      </c>
      <c r="CL29" s="330">
        <v>1365501</v>
      </c>
      <c r="CM29" s="326">
        <v>0</v>
      </c>
      <c r="CN29" s="327">
        <v>0</v>
      </c>
      <c r="CO29" s="328">
        <v>0</v>
      </c>
      <c r="CP29" s="332">
        <v>0</v>
      </c>
      <c r="CQ29" s="327">
        <v>284417</v>
      </c>
      <c r="CR29" s="327">
        <v>349246</v>
      </c>
      <c r="CS29" s="327">
        <v>159498</v>
      </c>
      <c r="CT29" s="327">
        <v>45447</v>
      </c>
      <c r="CU29" s="327">
        <v>0</v>
      </c>
      <c r="CV29" s="328">
        <v>838608</v>
      </c>
      <c r="CW29" s="330">
        <v>838608</v>
      </c>
      <c r="CX29" s="326">
        <v>37527</v>
      </c>
      <c r="CY29" s="327">
        <v>34794</v>
      </c>
      <c r="CZ29" s="328">
        <v>72321</v>
      </c>
      <c r="DA29" s="326">
        <v>0</v>
      </c>
      <c r="DB29" s="327">
        <v>267494</v>
      </c>
      <c r="DC29" s="327">
        <v>177360</v>
      </c>
      <c r="DD29" s="327">
        <v>0</v>
      </c>
      <c r="DE29" s="327">
        <v>0</v>
      </c>
      <c r="DF29" s="327">
        <v>9718</v>
      </c>
      <c r="DG29" s="328">
        <v>454572</v>
      </c>
      <c r="DH29" s="330">
        <v>526893</v>
      </c>
      <c r="DI29" s="326">
        <v>0</v>
      </c>
      <c r="DJ29" s="327">
        <v>0</v>
      </c>
      <c r="DK29" s="331">
        <v>0</v>
      </c>
      <c r="DL29" s="332">
        <v>0</v>
      </c>
      <c r="DM29" s="327">
        <v>0</v>
      </c>
      <c r="DN29" s="327">
        <v>137579</v>
      </c>
      <c r="DO29" s="327">
        <v>43363</v>
      </c>
      <c r="DP29" s="327">
        <v>0</v>
      </c>
      <c r="DQ29" s="327">
        <v>0</v>
      </c>
      <c r="DR29" s="328">
        <v>180942</v>
      </c>
      <c r="DS29" s="330">
        <v>180942</v>
      </c>
      <c r="DT29" s="326">
        <v>0</v>
      </c>
      <c r="DU29" s="327">
        <v>0</v>
      </c>
      <c r="DV29" s="328">
        <v>0</v>
      </c>
      <c r="DW29" s="326">
        <v>0</v>
      </c>
      <c r="DX29" s="327">
        <v>0</v>
      </c>
      <c r="DY29" s="327">
        <v>137579</v>
      </c>
      <c r="DZ29" s="327">
        <v>43363</v>
      </c>
      <c r="EA29" s="327">
        <v>0</v>
      </c>
      <c r="EB29" s="327">
        <v>0</v>
      </c>
      <c r="EC29" s="328">
        <v>180942</v>
      </c>
      <c r="ED29" s="330">
        <v>180942</v>
      </c>
      <c r="EE29" s="326">
        <v>0</v>
      </c>
      <c r="EF29" s="331">
        <v>0</v>
      </c>
      <c r="EG29" s="328">
        <v>0</v>
      </c>
      <c r="EH29" s="326">
        <v>0</v>
      </c>
      <c r="EI29" s="327">
        <v>0</v>
      </c>
      <c r="EJ29" s="327">
        <v>0</v>
      </c>
      <c r="EK29" s="327">
        <v>0</v>
      </c>
      <c r="EL29" s="327">
        <v>0</v>
      </c>
      <c r="EM29" s="327">
        <v>0</v>
      </c>
      <c r="EN29" s="331">
        <v>0</v>
      </c>
      <c r="EO29" s="330">
        <v>0</v>
      </c>
      <c r="EP29" s="326">
        <v>0</v>
      </c>
      <c r="EQ29" s="327">
        <v>0</v>
      </c>
      <c r="ER29" s="331">
        <v>0</v>
      </c>
      <c r="ES29" s="332">
        <v>0</v>
      </c>
      <c r="ET29" s="327">
        <v>0</v>
      </c>
      <c r="EU29" s="327">
        <v>0</v>
      </c>
      <c r="EV29" s="327">
        <v>0</v>
      </c>
      <c r="EW29" s="327">
        <v>0</v>
      </c>
      <c r="EX29" s="327">
        <v>0</v>
      </c>
      <c r="EY29" s="328">
        <v>0</v>
      </c>
      <c r="EZ29" s="330">
        <v>0</v>
      </c>
      <c r="FA29" s="326">
        <v>0</v>
      </c>
      <c r="FB29" s="327">
        <v>0</v>
      </c>
      <c r="FC29" s="331">
        <v>0</v>
      </c>
      <c r="FD29" s="404">
        <v>0</v>
      </c>
      <c r="FE29" s="327">
        <v>0</v>
      </c>
      <c r="FF29" s="327">
        <v>0</v>
      </c>
      <c r="FG29" s="327">
        <v>0</v>
      </c>
      <c r="FH29" s="327">
        <v>0</v>
      </c>
      <c r="FI29" s="327">
        <v>0</v>
      </c>
      <c r="FJ29" s="328">
        <v>0</v>
      </c>
      <c r="FK29" s="330">
        <v>0</v>
      </c>
      <c r="FL29" s="326">
        <v>141680</v>
      </c>
      <c r="FM29" s="327">
        <v>26544</v>
      </c>
      <c r="FN29" s="328">
        <v>168224</v>
      </c>
      <c r="FO29" s="326">
        <v>0</v>
      </c>
      <c r="FP29" s="327">
        <v>275866</v>
      </c>
      <c r="FQ29" s="327">
        <v>229124</v>
      </c>
      <c r="FR29" s="327">
        <v>84196</v>
      </c>
      <c r="FS29" s="327">
        <v>68516</v>
      </c>
      <c r="FT29" s="327">
        <v>233856</v>
      </c>
      <c r="FU29" s="328">
        <v>891558</v>
      </c>
      <c r="FV29" s="330">
        <v>1059782</v>
      </c>
      <c r="FW29" s="333">
        <v>26180</v>
      </c>
      <c r="FX29" s="327">
        <v>26544</v>
      </c>
      <c r="FY29" s="331">
        <v>52724</v>
      </c>
      <c r="FZ29" s="332">
        <v>0</v>
      </c>
      <c r="GA29" s="327">
        <v>47390</v>
      </c>
      <c r="GB29" s="327">
        <v>229124</v>
      </c>
      <c r="GC29" s="327">
        <v>84196</v>
      </c>
      <c r="GD29" s="327">
        <v>68516</v>
      </c>
      <c r="GE29" s="327">
        <v>138936</v>
      </c>
      <c r="GF29" s="328">
        <v>568162</v>
      </c>
      <c r="GG29" s="334">
        <v>620886</v>
      </c>
      <c r="GH29" s="333">
        <v>0</v>
      </c>
      <c r="GI29" s="327">
        <v>0</v>
      </c>
      <c r="GJ29" s="331">
        <v>0</v>
      </c>
      <c r="GK29" s="332">
        <v>0</v>
      </c>
      <c r="GL29" s="327">
        <v>43484</v>
      </c>
      <c r="GM29" s="327">
        <v>0</v>
      </c>
      <c r="GN29" s="327">
        <v>0</v>
      </c>
      <c r="GO29" s="327">
        <v>0</v>
      </c>
      <c r="GP29" s="327">
        <v>12320</v>
      </c>
      <c r="GQ29" s="328">
        <v>55804</v>
      </c>
      <c r="GR29" s="330">
        <v>55804</v>
      </c>
      <c r="GS29" s="326">
        <v>115500</v>
      </c>
      <c r="GT29" s="327">
        <v>0</v>
      </c>
      <c r="GU29" s="328">
        <v>115500</v>
      </c>
      <c r="GV29" s="326">
        <v>0</v>
      </c>
      <c r="GW29" s="327">
        <v>184992</v>
      </c>
      <c r="GX29" s="327">
        <v>0</v>
      </c>
      <c r="GY29" s="327">
        <v>0</v>
      </c>
      <c r="GZ29" s="327">
        <v>0</v>
      </c>
      <c r="HA29" s="327">
        <v>82600</v>
      </c>
      <c r="HB29" s="331">
        <v>267592</v>
      </c>
      <c r="HC29" s="330">
        <v>383092</v>
      </c>
      <c r="HD29" s="326">
        <v>189983</v>
      </c>
      <c r="HE29" s="327">
        <v>158256</v>
      </c>
      <c r="HF29" s="331">
        <v>348239</v>
      </c>
      <c r="HG29" s="332">
        <v>0</v>
      </c>
      <c r="HH29" s="327">
        <v>798592</v>
      </c>
      <c r="HI29" s="327">
        <v>642340</v>
      </c>
      <c r="HJ29" s="327">
        <v>715435</v>
      </c>
      <c r="HK29" s="327">
        <v>758039</v>
      </c>
      <c r="HL29" s="327">
        <v>1266387</v>
      </c>
      <c r="HM29" s="328">
        <v>4180793</v>
      </c>
      <c r="HN29" s="329">
        <v>4529032</v>
      </c>
      <c r="HO29" s="333">
        <v>0</v>
      </c>
      <c r="HP29" s="327">
        <v>0</v>
      </c>
      <c r="HQ29" s="328">
        <v>0</v>
      </c>
      <c r="HR29" s="326">
        <v>0</v>
      </c>
      <c r="HS29" s="327">
        <v>0</v>
      </c>
      <c r="HT29" s="327">
        <v>0</v>
      </c>
      <c r="HU29" s="327">
        <v>0</v>
      </c>
      <c r="HV29" s="327">
        <v>0</v>
      </c>
      <c r="HW29" s="327">
        <v>0</v>
      </c>
      <c r="HX29" s="331">
        <v>0</v>
      </c>
      <c r="HY29" s="330">
        <v>0</v>
      </c>
      <c r="HZ29" s="335">
        <v>0</v>
      </c>
      <c r="IA29" s="336">
        <v>0</v>
      </c>
      <c r="IB29" s="337">
        <v>0</v>
      </c>
      <c r="IC29" s="338">
        <v>0</v>
      </c>
      <c r="ID29" s="336">
        <v>306684</v>
      </c>
      <c r="IE29" s="339">
        <v>458288</v>
      </c>
      <c r="IF29" s="337">
        <v>0</v>
      </c>
      <c r="IG29" s="336">
        <v>638850</v>
      </c>
      <c r="IH29" s="337">
        <v>221029</v>
      </c>
      <c r="II29" s="340">
        <v>1624851</v>
      </c>
      <c r="IJ29" s="341">
        <v>1624851</v>
      </c>
      <c r="IK29" s="342">
        <v>0</v>
      </c>
      <c r="IL29" s="343">
        <v>0</v>
      </c>
      <c r="IM29" s="344">
        <v>0</v>
      </c>
      <c r="IN29" s="404">
        <v>0</v>
      </c>
      <c r="IO29" s="345">
        <v>114520</v>
      </c>
      <c r="IP29" s="345">
        <v>0</v>
      </c>
      <c r="IQ29" s="345">
        <v>0</v>
      </c>
      <c r="IR29" s="345">
        <v>389030</v>
      </c>
      <c r="IS29" s="345">
        <v>0</v>
      </c>
      <c r="IT29" s="346">
        <v>503550</v>
      </c>
      <c r="IU29" s="347">
        <v>503550</v>
      </c>
      <c r="IV29" s="348">
        <v>0</v>
      </c>
      <c r="IW29" s="345">
        <v>0</v>
      </c>
      <c r="IX29" s="349">
        <v>0</v>
      </c>
      <c r="IY29" s="404">
        <v>0</v>
      </c>
      <c r="IZ29" s="345">
        <v>0</v>
      </c>
      <c r="JA29" s="345">
        <v>0</v>
      </c>
      <c r="JB29" s="345">
        <v>0</v>
      </c>
      <c r="JC29" s="345">
        <v>0</v>
      </c>
      <c r="JD29" s="345">
        <v>0</v>
      </c>
      <c r="JE29" s="349">
        <v>0</v>
      </c>
      <c r="JF29" s="350">
        <v>0</v>
      </c>
      <c r="JG29" s="348">
        <v>0</v>
      </c>
      <c r="JH29" s="345">
        <v>0</v>
      </c>
      <c r="JI29" s="346">
        <v>0</v>
      </c>
      <c r="JJ29" s="351">
        <v>0</v>
      </c>
      <c r="JK29" s="345">
        <v>0</v>
      </c>
      <c r="JL29" s="345">
        <v>0</v>
      </c>
      <c r="JM29" s="345">
        <v>0</v>
      </c>
      <c r="JN29" s="345">
        <v>249820</v>
      </c>
      <c r="JO29" s="345">
        <v>0</v>
      </c>
      <c r="JP29" s="349">
        <v>249820</v>
      </c>
      <c r="JQ29" s="347">
        <v>249820</v>
      </c>
      <c r="JR29" s="348">
        <v>0</v>
      </c>
      <c r="JS29" s="345">
        <v>0</v>
      </c>
      <c r="JT29" s="346">
        <v>0</v>
      </c>
      <c r="JU29" s="351">
        <v>0</v>
      </c>
      <c r="JV29" s="345">
        <v>0</v>
      </c>
      <c r="JW29" s="345">
        <v>0</v>
      </c>
      <c r="JX29" s="345">
        <v>0</v>
      </c>
      <c r="JY29" s="345">
        <v>0</v>
      </c>
      <c r="JZ29" s="345">
        <v>0</v>
      </c>
      <c r="KA29" s="349">
        <v>0</v>
      </c>
      <c r="KB29" s="347">
        <v>0</v>
      </c>
      <c r="KC29" s="352">
        <v>0</v>
      </c>
      <c r="KD29" s="353">
        <v>0</v>
      </c>
      <c r="KE29" s="349">
        <v>0</v>
      </c>
      <c r="KF29" s="351">
        <v>0</v>
      </c>
      <c r="KG29" s="345">
        <v>192164</v>
      </c>
      <c r="KH29" s="345">
        <v>130322</v>
      </c>
      <c r="KI29" s="345">
        <v>0</v>
      </c>
      <c r="KJ29" s="345">
        <v>0</v>
      </c>
      <c r="KK29" s="345">
        <v>0</v>
      </c>
      <c r="KL29" s="349">
        <v>322486</v>
      </c>
      <c r="KM29" s="354">
        <v>322486</v>
      </c>
      <c r="KN29" s="342">
        <v>0</v>
      </c>
      <c r="KO29" s="343">
        <v>0</v>
      </c>
      <c r="KP29" s="344">
        <v>0</v>
      </c>
      <c r="KQ29" s="404">
        <v>0</v>
      </c>
      <c r="KR29" s="345">
        <v>0</v>
      </c>
      <c r="KS29" s="345">
        <v>327966</v>
      </c>
      <c r="KT29" s="345">
        <v>0</v>
      </c>
      <c r="KU29" s="345">
        <v>0</v>
      </c>
      <c r="KV29" s="345">
        <v>221029</v>
      </c>
      <c r="KW29" s="349">
        <v>548995</v>
      </c>
      <c r="KX29" s="347">
        <v>548995</v>
      </c>
      <c r="KY29" s="348">
        <v>0</v>
      </c>
      <c r="KZ29" s="345">
        <v>0</v>
      </c>
      <c r="LA29" s="349">
        <v>0</v>
      </c>
      <c r="LB29" s="404">
        <v>0</v>
      </c>
      <c r="LC29" s="345">
        <v>0</v>
      </c>
      <c r="LD29" s="345">
        <v>0</v>
      </c>
      <c r="LE29" s="345">
        <v>0</v>
      </c>
      <c r="LF29" s="345">
        <v>0</v>
      </c>
      <c r="LG29" s="345">
        <v>0</v>
      </c>
      <c r="LH29" s="349">
        <v>0</v>
      </c>
      <c r="LI29" s="350">
        <v>0</v>
      </c>
      <c r="LJ29" s="348">
        <v>0</v>
      </c>
      <c r="LK29" s="345">
        <v>0</v>
      </c>
      <c r="LL29" s="349">
        <v>0</v>
      </c>
      <c r="LM29" s="404">
        <v>0</v>
      </c>
      <c r="LN29" s="345">
        <v>0</v>
      </c>
      <c r="LO29" s="345">
        <v>0</v>
      </c>
      <c r="LP29" s="345">
        <v>0</v>
      </c>
      <c r="LQ29" s="345">
        <v>0</v>
      </c>
      <c r="LR29" s="345">
        <v>0</v>
      </c>
      <c r="LS29" s="349">
        <v>0</v>
      </c>
      <c r="LT29" s="347">
        <v>0</v>
      </c>
      <c r="LU29" s="348">
        <v>0</v>
      </c>
      <c r="LV29" s="345">
        <v>0</v>
      </c>
      <c r="LW29" s="349">
        <v>0</v>
      </c>
      <c r="LX29" s="404">
        <v>0</v>
      </c>
      <c r="LY29" s="345">
        <v>0</v>
      </c>
      <c r="LZ29" s="345">
        <v>0</v>
      </c>
      <c r="MA29" s="345">
        <v>0</v>
      </c>
      <c r="MB29" s="345">
        <v>0</v>
      </c>
      <c r="MC29" s="345">
        <v>0</v>
      </c>
      <c r="MD29" s="349">
        <v>0</v>
      </c>
      <c r="ME29" s="350">
        <v>0</v>
      </c>
      <c r="MF29" s="348">
        <v>0</v>
      </c>
      <c r="MG29" s="345">
        <v>0</v>
      </c>
      <c r="MH29" s="349">
        <v>0</v>
      </c>
      <c r="MI29" s="404">
        <v>0</v>
      </c>
      <c r="MJ29" s="345">
        <v>0</v>
      </c>
      <c r="MK29" s="345">
        <v>0</v>
      </c>
      <c r="ML29" s="345">
        <v>685045</v>
      </c>
      <c r="MM29" s="345">
        <v>964443</v>
      </c>
      <c r="MN29" s="345">
        <v>357079</v>
      </c>
      <c r="MO29" s="349">
        <v>2006567</v>
      </c>
      <c r="MP29" s="354">
        <v>2006567</v>
      </c>
      <c r="MQ29" s="348">
        <v>0</v>
      </c>
      <c r="MR29" s="345">
        <v>0</v>
      </c>
      <c r="MS29" s="349">
        <v>0</v>
      </c>
      <c r="MT29" s="404">
        <v>0</v>
      </c>
      <c r="MU29" s="345">
        <v>0</v>
      </c>
      <c r="MV29" s="345">
        <v>0</v>
      </c>
      <c r="MW29" s="345">
        <v>447960</v>
      </c>
      <c r="MX29" s="345">
        <v>964443</v>
      </c>
      <c r="MY29" s="345">
        <v>0</v>
      </c>
      <c r="MZ29" s="349">
        <v>1412403</v>
      </c>
      <c r="NA29" s="354">
        <v>1412403</v>
      </c>
      <c r="NB29" s="348">
        <v>0</v>
      </c>
      <c r="NC29" s="345">
        <v>0</v>
      </c>
      <c r="ND29" s="349">
        <v>0</v>
      </c>
      <c r="NE29" s="404">
        <v>0</v>
      </c>
      <c r="NF29" s="345">
        <v>0</v>
      </c>
      <c r="NG29" s="345">
        <v>0</v>
      </c>
      <c r="NH29" s="345">
        <v>237085</v>
      </c>
      <c r="NI29" s="345">
        <v>0</v>
      </c>
      <c r="NJ29" s="345">
        <v>357079</v>
      </c>
      <c r="NK29" s="349">
        <v>594164</v>
      </c>
      <c r="NL29" s="347">
        <v>594164</v>
      </c>
      <c r="NM29" s="348">
        <v>0</v>
      </c>
      <c r="NN29" s="345">
        <v>0</v>
      </c>
      <c r="NO29" s="349">
        <v>0</v>
      </c>
      <c r="NP29" s="404">
        <v>0</v>
      </c>
      <c r="NQ29" s="345">
        <v>0</v>
      </c>
      <c r="NR29" s="345">
        <v>0</v>
      </c>
      <c r="NS29" s="345">
        <v>0</v>
      </c>
      <c r="NT29" s="345">
        <v>0</v>
      </c>
      <c r="NU29" s="345">
        <v>0</v>
      </c>
      <c r="NV29" s="349">
        <v>0</v>
      </c>
      <c r="NW29" s="350">
        <v>0</v>
      </c>
      <c r="NX29" s="348">
        <v>0</v>
      </c>
      <c r="NY29" s="345">
        <v>0</v>
      </c>
      <c r="NZ29" s="349">
        <v>0</v>
      </c>
      <c r="OA29" s="404">
        <v>0</v>
      </c>
      <c r="OB29" s="345">
        <v>0</v>
      </c>
      <c r="OC29" s="345">
        <v>0</v>
      </c>
      <c r="OD29" s="345">
        <v>0</v>
      </c>
      <c r="OE29" s="345">
        <v>0</v>
      </c>
      <c r="OF29" s="345">
        <v>0</v>
      </c>
      <c r="OG29" s="349">
        <v>0</v>
      </c>
      <c r="OH29" s="350">
        <v>0</v>
      </c>
      <c r="OI29" s="348">
        <v>471213</v>
      </c>
      <c r="OJ29" s="345">
        <v>325818</v>
      </c>
      <c r="OK29" s="346">
        <v>797031</v>
      </c>
      <c r="OL29" s="351">
        <v>0</v>
      </c>
      <c r="OM29" s="345">
        <v>2526694</v>
      </c>
      <c r="ON29" s="345">
        <v>2746930</v>
      </c>
      <c r="OO29" s="345">
        <v>1905394</v>
      </c>
      <c r="OP29" s="345">
        <v>3312893</v>
      </c>
      <c r="OQ29" s="345">
        <v>3497890</v>
      </c>
      <c r="OR29" s="349">
        <v>13989801</v>
      </c>
      <c r="OS29" s="354">
        <v>14786832</v>
      </c>
    </row>
    <row r="30" spans="2:409" s="70" customFormat="1" ht="21" customHeight="1" x14ac:dyDescent="0.2">
      <c r="B30" s="106" t="s">
        <v>25</v>
      </c>
      <c r="C30" s="326">
        <v>90142</v>
      </c>
      <c r="D30" s="327">
        <v>117427</v>
      </c>
      <c r="E30" s="328">
        <v>207569</v>
      </c>
      <c r="F30" s="329">
        <v>0</v>
      </c>
      <c r="G30" s="327">
        <v>679441</v>
      </c>
      <c r="H30" s="327">
        <v>955710</v>
      </c>
      <c r="I30" s="327">
        <v>152334</v>
      </c>
      <c r="J30" s="327">
        <v>875082</v>
      </c>
      <c r="K30" s="327">
        <v>519004</v>
      </c>
      <c r="L30" s="367">
        <v>3181571</v>
      </c>
      <c r="M30" s="330">
        <v>3389140</v>
      </c>
      <c r="N30" s="326">
        <v>81980</v>
      </c>
      <c r="O30" s="327">
        <v>79291</v>
      </c>
      <c r="P30" s="328">
        <v>161271</v>
      </c>
      <c r="Q30" s="326">
        <v>0</v>
      </c>
      <c r="R30" s="327">
        <v>153555</v>
      </c>
      <c r="S30" s="327">
        <v>92349</v>
      </c>
      <c r="T30" s="327">
        <v>273805</v>
      </c>
      <c r="U30" s="327">
        <v>438872</v>
      </c>
      <c r="V30" s="327">
        <v>478670</v>
      </c>
      <c r="W30" s="328">
        <v>1437251</v>
      </c>
      <c r="X30" s="330">
        <v>1598522</v>
      </c>
      <c r="Y30" s="326">
        <v>0</v>
      </c>
      <c r="Z30" s="327">
        <v>0</v>
      </c>
      <c r="AA30" s="328">
        <v>0</v>
      </c>
      <c r="AB30" s="326">
        <v>0</v>
      </c>
      <c r="AC30" s="327">
        <v>107105</v>
      </c>
      <c r="AD30" s="327">
        <v>52961</v>
      </c>
      <c r="AE30" s="327">
        <v>80140</v>
      </c>
      <c r="AF30" s="327">
        <v>190043</v>
      </c>
      <c r="AG30" s="327">
        <v>187117</v>
      </c>
      <c r="AH30" s="328">
        <v>617366</v>
      </c>
      <c r="AI30" s="330">
        <v>617366</v>
      </c>
      <c r="AJ30" s="326">
        <v>0</v>
      </c>
      <c r="AK30" s="327">
        <v>0</v>
      </c>
      <c r="AL30" s="328">
        <v>0</v>
      </c>
      <c r="AM30" s="326">
        <v>0</v>
      </c>
      <c r="AN30" s="327">
        <v>0</v>
      </c>
      <c r="AO30" s="327">
        <v>0</v>
      </c>
      <c r="AP30" s="327">
        <v>93362</v>
      </c>
      <c r="AQ30" s="327">
        <v>152749</v>
      </c>
      <c r="AR30" s="327">
        <v>93362</v>
      </c>
      <c r="AS30" s="328">
        <v>339473</v>
      </c>
      <c r="AT30" s="330">
        <v>339473</v>
      </c>
      <c r="AU30" s="326">
        <v>75827</v>
      </c>
      <c r="AV30" s="327">
        <v>73845</v>
      </c>
      <c r="AW30" s="328">
        <v>149672</v>
      </c>
      <c r="AX30" s="326">
        <v>0</v>
      </c>
      <c r="AY30" s="327">
        <v>18604</v>
      </c>
      <c r="AZ30" s="327">
        <v>29714</v>
      </c>
      <c r="BA30" s="327">
        <v>96117</v>
      </c>
      <c r="BB30" s="327">
        <v>73603</v>
      </c>
      <c r="BC30" s="327">
        <v>168147</v>
      </c>
      <c r="BD30" s="328">
        <v>386185</v>
      </c>
      <c r="BE30" s="330">
        <v>535857</v>
      </c>
      <c r="BF30" s="326">
        <v>0</v>
      </c>
      <c r="BG30" s="327">
        <v>0</v>
      </c>
      <c r="BH30" s="331">
        <v>0</v>
      </c>
      <c r="BI30" s="332">
        <v>0</v>
      </c>
      <c r="BJ30" s="327">
        <v>0</v>
      </c>
      <c r="BK30" s="327">
        <v>0</v>
      </c>
      <c r="BL30" s="327">
        <v>0</v>
      </c>
      <c r="BM30" s="327">
        <v>0</v>
      </c>
      <c r="BN30" s="327">
        <v>0</v>
      </c>
      <c r="BO30" s="328">
        <v>0</v>
      </c>
      <c r="BP30" s="330">
        <v>0</v>
      </c>
      <c r="BQ30" s="326">
        <v>6153</v>
      </c>
      <c r="BR30" s="327">
        <v>5446</v>
      </c>
      <c r="BS30" s="328">
        <v>11599</v>
      </c>
      <c r="BT30" s="326">
        <v>0</v>
      </c>
      <c r="BU30" s="327">
        <v>27846</v>
      </c>
      <c r="BV30" s="327">
        <v>9674</v>
      </c>
      <c r="BW30" s="327">
        <v>4186</v>
      </c>
      <c r="BX30" s="327">
        <v>22477</v>
      </c>
      <c r="BY30" s="327">
        <v>30044</v>
      </c>
      <c r="BZ30" s="328">
        <v>94227</v>
      </c>
      <c r="CA30" s="330">
        <v>105826</v>
      </c>
      <c r="CB30" s="326">
        <v>0</v>
      </c>
      <c r="CC30" s="327">
        <v>0</v>
      </c>
      <c r="CD30" s="328">
        <v>0</v>
      </c>
      <c r="CE30" s="326">
        <v>0</v>
      </c>
      <c r="CF30" s="327">
        <v>251893</v>
      </c>
      <c r="CG30" s="327">
        <v>531419</v>
      </c>
      <c r="CH30" s="327">
        <v>390531</v>
      </c>
      <c r="CI30" s="327">
        <v>147157</v>
      </c>
      <c r="CJ30" s="327">
        <v>0</v>
      </c>
      <c r="CK30" s="328">
        <v>1321000</v>
      </c>
      <c r="CL30" s="330">
        <v>1321000</v>
      </c>
      <c r="CM30" s="326">
        <v>0</v>
      </c>
      <c r="CN30" s="327">
        <v>0</v>
      </c>
      <c r="CO30" s="328">
        <v>0</v>
      </c>
      <c r="CP30" s="332">
        <v>0</v>
      </c>
      <c r="CQ30" s="327">
        <v>69110</v>
      </c>
      <c r="CR30" s="327">
        <v>186958</v>
      </c>
      <c r="CS30" s="327">
        <v>390531</v>
      </c>
      <c r="CT30" s="327">
        <v>139167</v>
      </c>
      <c r="CU30" s="327">
        <v>0</v>
      </c>
      <c r="CV30" s="328">
        <v>785766</v>
      </c>
      <c r="CW30" s="330">
        <v>785766</v>
      </c>
      <c r="CX30" s="326">
        <v>0</v>
      </c>
      <c r="CY30" s="327">
        <v>0</v>
      </c>
      <c r="CZ30" s="328">
        <v>0</v>
      </c>
      <c r="DA30" s="326">
        <v>0</v>
      </c>
      <c r="DB30" s="327">
        <v>182783</v>
      </c>
      <c r="DC30" s="327">
        <v>344461</v>
      </c>
      <c r="DD30" s="327">
        <v>0</v>
      </c>
      <c r="DE30" s="327">
        <v>7990</v>
      </c>
      <c r="DF30" s="327">
        <v>0</v>
      </c>
      <c r="DG30" s="328">
        <v>535234</v>
      </c>
      <c r="DH30" s="330">
        <v>535234</v>
      </c>
      <c r="DI30" s="326">
        <v>0</v>
      </c>
      <c r="DJ30" s="327">
        <v>0</v>
      </c>
      <c r="DK30" s="331">
        <v>0</v>
      </c>
      <c r="DL30" s="332">
        <v>0</v>
      </c>
      <c r="DM30" s="327">
        <v>83066</v>
      </c>
      <c r="DN30" s="327">
        <v>-105389</v>
      </c>
      <c r="DO30" s="327">
        <v>-607412</v>
      </c>
      <c r="DP30" s="327">
        <v>0</v>
      </c>
      <c r="DQ30" s="327">
        <v>0</v>
      </c>
      <c r="DR30" s="328">
        <v>-629735</v>
      </c>
      <c r="DS30" s="330">
        <v>-629735</v>
      </c>
      <c r="DT30" s="326">
        <v>0</v>
      </c>
      <c r="DU30" s="327">
        <v>0</v>
      </c>
      <c r="DV30" s="328">
        <v>0</v>
      </c>
      <c r="DW30" s="326">
        <v>0</v>
      </c>
      <c r="DX30" s="327">
        <v>83066</v>
      </c>
      <c r="DY30" s="327">
        <v>-134546</v>
      </c>
      <c r="DZ30" s="327">
        <v>-607412</v>
      </c>
      <c r="EA30" s="327">
        <v>0</v>
      </c>
      <c r="EB30" s="327">
        <v>0</v>
      </c>
      <c r="EC30" s="328">
        <v>-658892</v>
      </c>
      <c r="ED30" s="330">
        <v>-658892</v>
      </c>
      <c r="EE30" s="326">
        <v>0</v>
      </c>
      <c r="EF30" s="331">
        <v>0</v>
      </c>
      <c r="EG30" s="328">
        <v>0</v>
      </c>
      <c r="EH30" s="326">
        <v>0</v>
      </c>
      <c r="EI30" s="327">
        <v>0</v>
      </c>
      <c r="EJ30" s="327">
        <v>29157</v>
      </c>
      <c r="EK30" s="327">
        <v>0</v>
      </c>
      <c r="EL30" s="327">
        <v>0</v>
      </c>
      <c r="EM30" s="327">
        <v>0</v>
      </c>
      <c r="EN30" s="331">
        <v>29157</v>
      </c>
      <c r="EO30" s="330">
        <v>29157</v>
      </c>
      <c r="EP30" s="326">
        <v>0</v>
      </c>
      <c r="EQ30" s="327">
        <v>0</v>
      </c>
      <c r="ER30" s="331">
        <v>0</v>
      </c>
      <c r="ES30" s="332">
        <v>0</v>
      </c>
      <c r="ET30" s="327">
        <v>0</v>
      </c>
      <c r="EU30" s="327">
        <v>0</v>
      </c>
      <c r="EV30" s="327">
        <v>0</v>
      </c>
      <c r="EW30" s="327">
        <v>0</v>
      </c>
      <c r="EX30" s="327">
        <v>0</v>
      </c>
      <c r="EY30" s="328">
        <v>0</v>
      </c>
      <c r="EZ30" s="330">
        <v>0</v>
      </c>
      <c r="FA30" s="326">
        <v>0</v>
      </c>
      <c r="FB30" s="327">
        <v>0</v>
      </c>
      <c r="FC30" s="331">
        <v>0</v>
      </c>
      <c r="FD30" s="404">
        <v>0</v>
      </c>
      <c r="FE30" s="327">
        <v>0</v>
      </c>
      <c r="FF30" s="327">
        <v>0</v>
      </c>
      <c r="FG30" s="327">
        <v>0</v>
      </c>
      <c r="FH30" s="327">
        <v>0</v>
      </c>
      <c r="FI30" s="327">
        <v>0</v>
      </c>
      <c r="FJ30" s="328">
        <v>0</v>
      </c>
      <c r="FK30" s="330">
        <v>0</v>
      </c>
      <c r="FL30" s="326">
        <v>8162</v>
      </c>
      <c r="FM30" s="327">
        <v>38136</v>
      </c>
      <c r="FN30" s="328">
        <v>46298</v>
      </c>
      <c r="FO30" s="326">
        <v>0</v>
      </c>
      <c r="FP30" s="327">
        <v>44240</v>
      </c>
      <c r="FQ30" s="327">
        <v>91875</v>
      </c>
      <c r="FR30" s="327">
        <v>95410</v>
      </c>
      <c r="FS30" s="327">
        <v>99134</v>
      </c>
      <c r="FT30" s="327">
        <v>40334</v>
      </c>
      <c r="FU30" s="328">
        <v>370993</v>
      </c>
      <c r="FV30" s="330">
        <v>417291</v>
      </c>
      <c r="FW30" s="333">
        <v>8162</v>
      </c>
      <c r="FX30" s="327">
        <v>38136</v>
      </c>
      <c r="FY30" s="331">
        <v>46298</v>
      </c>
      <c r="FZ30" s="332">
        <v>0</v>
      </c>
      <c r="GA30" s="327">
        <v>44240</v>
      </c>
      <c r="GB30" s="327">
        <v>91875</v>
      </c>
      <c r="GC30" s="327">
        <v>75698</v>
      </c>
      <c r="GD30" s="327">
        <v>99134</v>
      </c>
      <c r="GE30" s="327">
        <v>40334</v>
      </c>
      <c r="GF30" s="328">
        <v>351281</v>
      </c>
      <c r="GG30" s="334">
        <v>397579</v>
      </c>
      <c r="GH30" s="333">
        <v>0</v>
      </c>
      <c r="GI30" s="327">
        <v>0</v>
      </c>
      <c r="GJ30" s="331">
        <v>0</v>
      </c>
      <c r="GK30" s="332">
        <v>0</v>
      </c>
      <c r="GL30" s="327">
        <v>0</v>
      </c>
      <c r="GM30" s="327">
        <v>0</v>
      </c>
      <c r="GN30" s="327">
        <v>19712</v>
      </c>
      <c r="GO30" s="327">
        <v>0</v>
      </c>
      <c r="GP30" s="327">
        <v>0</v>
      </c>
      <c r="GQ30" s="328">
        <v>19712</v>
      </c>
      <c r="GR30" s="330">
        <v>19712</v>
      </c>
      <c r="GS30" s="326">
        <v>0</v>
      </c>
      <c r="GT30" s="327">
        <v>0</v>
      </c>
      <c r="GU30" s="328">
        <v>0</v>
      </c>
      <c r="GV30" s="326">
        <v>0</v>
      </c>
      <c r="GW30" s="327">
        <v>0</v>
      </c>
      <c r="GX30" s="327">
        <v>0</v>
      </c>
      <c r="GY30" s="327">
        <v>0</v>
      </c>
      <c r="GZ30" s="327">
        <v>0</v>
      </c>
      <c r="HA30" s="327">
        <v>0</v>
      </c>
      <c r="HB30" s="331">
        <v>0</v>
      </c>
      <c r="HC30" s="330">
        <v>0</v>
      </c>
      <c r="HD30" s="326">
        <v>0</v>
      </c>
      <c r="HE30" s="327">
        <v>0</v>
      </c>
      <c r="HF30" s="331">
        <v>0</v>
      </c>
      <c r="HG30" s="332">
        <v>0</v>
      </c>
      <c r="HH30" s="327">
        <v>146687</v>
      </c>
      <c r="HI30" s="327">
        <v>345456</v>
      </c>
      <c r="HJ30" s="327">
        <v>0</v>
      </c>
      <c r="HK30" s="327">
        <v>189919</v>
      </c>
      <c r="HL30" s="327">
        <v>0</v>
      </c>
      <c r="HM30" s="328">
        <v>682062</v>
      </c>
      <c r="HN30" s="329">
        <v>682062</v>
      </c>
      <c r="HO30" s="333">
        <v>0</v>
      </c>
      <c r="HP30" s="327">
        <v>0</v>
      </c>
      <c r="HQ30" s="328">
        <v>0</v>
      </c>
      <c r="HR30" s="326">
        <v>0</v>
      </c>
      <c r="HS30" s="327">
        <v>0</v>
      </c>
      <c r="HT30" s="327">
        <v>0</v>
      </c>
      <c r="HU30" s="327">
        <v>0</v>
      </c>
      <c r="HV30" s="327">
        <v>0</v>
      </c>
      <c r="HW30" s="327">
        <v>0</v>
      </c>
      <c r="HX30" s="331">
        <v>0</v>
      </c>
      <c r="HY30" s="330">
        <v>0</v>
      </c>
      <c r="HZ30" s="358">
        <v>0</v>
      </c>
      <c r="IA30" s="356">
        <v>0</v>
      </c>
      <c r="IB30" s="358">
        <v>0</v>
      </c>
      <c r="IC30" s="355">
        <v>0</v>
      </c>
      <c r="ID30" s="356">
        <v>301118</v>
      </c>
      <c r="IE30" s="357">
        <v>102173</v>
      </c>
      <c r="IF30" s="358">
        <v>0</v>
      </c>
      <c r="IG30" s="356">
        <v>49470</v>
      </c>
      <c r="IH30" s="358">
        <v>0</v>
      </c>
      <c r="II30" s="359">
        <v>452761</v>
      </c>
      <c r="IJ30" s="358">
        <v>452761</v>
      </c>
      <c r="IK30" s="342">
        <v>0</v>
      </c>
      <c r="IL30" s="343">
        <v>0</v>
      </c>
      <c r="IM30" s="344">
        <v>0</v>
      </c>
      <c r="IN30" s="404">
        <v>0</v>
      </c>
      <c r="IO30" s="345">
        <v>0</v>
      </c>
      <c r="IP30" s="345">
        <v>0</v>
      </c>
      <c r="IQ30" s="345">
        <v>0</v>
      </c>
      <c r="IR30" s="345">
        <v>0</v>
      </c>
      <c r="IS30" s="345">
        <v>0</v>
      </c>
      <c r="IT30" s="346">
        <v>0</v>
      </c>
      <c r="IU30" s="347">
        <v>0</v>
      </c>
      <c r="IV30" s="348">
        <v>0</v>
      </c>
      <c r="IW30" s="345">
        <v>0</v>
      </c>
      <c r="IX30" s="349">
        <v>0</v>
      </c>
      <c r="IY30" s="404">
        <v>0</v>
      </c>
      <c r="IZ30" s="345">
        <v>0</v>
      </c>
      <c r="JA30" s="345">
        <v>0</v>
      </c>
      <c r="JB30" s="345">
        <v>0</v>
      </c>
      <c r="JC30" s="345">
        <v>0</v>
      </c>
      <c r="JD30" s="345">
        <v>0</v>
      </c>
      <c r="JE30" s="349">
        <v>0</v>
      </c>
      <c r="JF30" s="350">
        <v>0</v>
      </c>
      <c r="JG30" s="348">
        <v>0</v>
      </c>
      <c r="JH30" s="345">
        <v>0</v>
      </c>
      <c r="JI30" s="346">
        <v>0</v>
      </c>
      <c r="JJ30" s="351">
        <v>0</v>
      </c>
      <c r="JK30" s="345">
        <v>103628</v>
      </c>
      <c r="JL30" s="345">
        <v>102173</v>
      </c>
      <c r="JM30" s="345">
        <v>0</v>
      </c>
      <c r="JN30" s="345">
        <v>49470</v>
      </c>
      <c r="JO30" s="345">
        <v>0</v>
      </c>
      <c r="JP30" s="349">
        <v>255271</v>
      </c>
      <c r="JQ30" s="347">
        <v>255271</v>
      </c>
      <c r="JR30" s="348">
        <v>0</v>
      </c>
      <c r="JS30" s="345">
        <v>0</v>
      </c>
      <c r="JT30" s="346">
        <v>0</v>
      </c>
      <c r="JU30" s="351">
        <v>0</v>
      </c>
      <c r="JV30" s="345">
        <v>0</v>
      </c>
      <c r="JW30" s="345">
        <v>0</v>
      </c>
      <c r="JX30" s="345">
        <v>0</v>
      </c>
      <c r="JY30" s="345">
        <v>0</v>
      </c>
      <c r="JZ30" s="345">
        <v>0</v>
      </c>
      <c r="KA30" s="349">
        <v>0</v>
      </c>
      <c r="KB30" s="347">
        <v>0</v>
      </c>
      <c r="KC30" s="352">
        <v>0</v>
      </c>
      <c r="KD30" s="353">
        <v>0</v>
      </c>
      <c r="KE30" s="349">
        <v>0</v>
      </c>
      <c r="KF30" s="351">
        <v>0</v>
      </c>
      <c r="KG30" s="345">
        <v>0</v>
      </c>
      <c r="KH30" s="345">
        <v>0</v>
      </c>
      <c r="KI30" s="345">
        <v>0</v>
      </c>
      <c r="KJ30" s="345">
        <v>0</v>
      </c>
      <c r="KK30" s="345">
        <v>0</v>
      </c>
      <c r="KL30" s="349">
        <v>0</v>
      </c>
      <c r="KM30" s="354">
        <v>0</v>
      </c>
      <c r="KN30" s="342">
        <v>0</v>
      </c>
      <c r="KO30" s="343">
        <v>0</v>
      </c>
      <c r="KP30" s="344">
        <v>0</v>
      </c>
      <c r="KQ30" s="404">
        <v>0</v>
      </c>
      <c r="KR30" s="345">
        <v>197490</v>
      </c>
      <c r="KS30" s="345">
        <v>0</v>
      </c>
      <c r="KT30" s="345">
        <v>0</v>
      </c>
      <c r="KU30" s="345">
        <v>0</v>
      </c>
      <c r="KV30" s="345">
        <v>0</v>
      </c>
      <c r="KW30" s="349">
        <v>197490</v>
      </c>
      <c r="KX30" s="347">
        <v>197490</v>
      </c>
      <c r="KY30" s="348">
        <v>0</v>
      </c>
      <c r="KZ30" s="345">
        <v>0</v>
      </c>
      <c r="LA30" s="349">
        <v>0</v>
      </c>
      <c r="LB30" s="404">
        <v>0</v>
      </c>
      <c r="LC30" s="345">
        <v>0</v>
      </c>
      <c r="LD30" s="345">
        <v>0</v>
      </c>
      <c r="LE30" s="345">
        <v>0</v>
      </c>
      <c r="LF30" s="345">
        <v>0</v>
      </c>
      <c r="LG30" s="345">
        <v>0</v>
      </c>
      <c r="LH30" s="349">
        <v>0</v>
      </c>
      <c r="LI30" s="350">
        <v>0</v>
      </c>
      <c r="LJ30" s="348">
        <v>0</v>
      </c>
      <c r="LK30" s="345">
        <v>0</v>
      </c>
      <c r="LL30" s="349">
        <v>0</v>
      </c>
      <c r="LM30" s="404">
        <v>0</v>
      </c>
      <c r="LN30" s="345">
        <v>0</v>
      </c>
      <c r="LO30" s="345">
        <v>0</v>
      </c>
      <c r="LP30" s="345">
        <v>0</v>
      </c>
      <c r="LQ30" s="345">
        <v>0</v>
      </c>
      <c r="LR30" s="345">
        <v>0</v>
      </c>
      <c r="LS30" s="349">
        <v>0</v>
      </c>
      <c r="LT30" s="347">
        <v>0</v>
      </c>
      <c r="LU30" s="348">
        <v>0</v>
      </c>
      <c r="LV30" s="345">
        <v>0</v>
      </c>
      <c r="LW30" s="349">
        <v>0</v>
      </c>
      <c r="LX30" s="404">
        <v>0</v>
      </c>
      <c r="LY30" s="345">
        <v>0</v>
      </c>
      <c r="LZ30" s="345">
        <v>0</v>
      </c>
      <c r="MA30" s="345">
        <v>0</v>
      </c>
      <c r="MB30" s="345">
        <v>0</v>
      </c>
      <c r="MC30" s="345">
        <v>0</v>
      </c>
      <c r="MD30" s="349">
        <v>0</v>
      </c>
      <c r="ME30" s="350">
        <v>0</v>
      </c>
      <c r="MF30" s="348">
        <v>0</v>
      </c>
      <c r="MG30" s="345">
        <v>0</v>
      </c>
      <c r="MH30" s="349">
        <v>0</v>
      </c>
      <c r="MI30" s="404">
        <v>0</v>
      </c>
      <c r="MJ30" s="345">
        <v>434228</v>
      </c>
      <c r="MK30" s="345">
        <v>486420</v>
      </c>
      <c r="ML30" s="345">
        <v>782146</v>
      </c>
      <c r="MM30" s="345">
        <v>598704</v>
      </c>
      <c r="MN30" s="345">
        <v>1337464</v>
      </c>
      <c r="MO30" s="349">
        <v>3638962</v>
      </c>
      <c r="MP30" s="354">
        <v>3638962</v>
      </c>
      <c r="MQ30" s="348">
        <v>0</v>
      </c>
      <c r="MR30" s="345">
        <v>0</v>
      </c>
      <c r="MS30" s="349">
        <v>0</v>
      </c>
      <c r="MT30" s="404">
        <v>0</v>
      </c>
      <c r="MU30" s="345">
        <v>0</v>
      </c>
      <c r="MV30" s="345">
        <v>0</v>
      </c>
      <c r="MW30" s="345">
        <v>556179</v>
      </c>
      <c r="MX30" s="345">
        <v>258254</v>
      </c>
      <c r="MY30" s="345">
        <v>471290</v>
      </c>
      <c r="MZ30" s="349">
        <v>1285723</v>
      </c>
      <c r="NA30" s="354">
        <v>1285723</v>
      </c>
      <c r="NB30" s="348">
        <v>0</v>
      </c>
      <c r="NC30" s="345">
        <v>0</v>
      </c>
      <c r="ND30" s="349">
        <v>0</v>
      </c>
      <c r="NE30" s="404">
        <v>0</v>
      </c>
      <c r="NF30" s="345">
        <v>434228</v>
      </c>
      <c r="NG30" s="345">
        <v>486420</v>
      </c>
      <c r="NH30" s="345">
        <v>225967</v>
      </c>
      <c r="NI30" s="345">
        <v>340450</v>
      </c>
      <c r="NJ30" s="345">
        <v>866174</v>
      </c>
      <c r="NK30" s="349">
        <v>2353239</v>
      </c>
      <c r="NL30" s="347">
        <v>2353239</v>
      </c>
      <c r="NM30" s="348">
        <v>0</v>
      </c>
      <c r="NN30" s="345">
        <v>0</v>
      </c>
      <c r="NO30" s="349">
        <v>0</v>
      </c>
      <c r="NP30" s="404">
        <v>0</v>
      </c>
      <c r="NQ30" s="345">
        <v>0</v>
      </c>
      <c r="NR30" s="345">
        <v>0</v>
      </c>
      <c r="NS30" s="345">
        <v>0</v>
      </c>
      <c r="NT30" s="345">
        <v>0</v>
      </c>
      <c r="NU30" s="345">
        <v>0</v>
      </c>
      <c r="NV30" s="349">
        <v>0</v>
      </c>
      <c r="NW30" s="350">
        <v>0</v>
      </c>
      <c r="NX30" s="348">
        <v>0</v>
      </c>
      <c r="NY30" s="345">
        <v>0</v>
      </c>
      <c r="NZ30" s="349">
        <v>0</v>
      </c>
      <c r="OA30" s="404">
        <v>0</v>
      </c>
      <c r="OB30" s="345">
        <v>0</v>
      </c>
      <c r="OC30" s="345">
        <v>0</v>
      </c>
      <c r="OD30" s="345">
        <v>0</v>
      </c>
      <c r="OE30" s="345">
        <v>0</v>
      </c>
      <c r="OF30" s="345">
        <v>0</v>
      </c>
      <c r="OG30" s="349">
        <v>0</v>
      </c>
      <c r="OH30" s="350">
        <v>0</v>
      </c>
      <c r="OI30" s="348">
        <v>90142</v>
      </c>
      <c r="OJ30" s="345">
        <v>117427</v>
      </c>
      <c r="OK30" s="346">
        <v>207569</v>
      </c>
      <c r="OL30" s="351">
        <v>0</v>
      </c>
      <c r="OM30" s="345">
        <v>1414787</v>
      </c>
      <c r="ON30" s="345">
        <v>1544303</v>
      </c>
      <c r="OO30" s="345">
        <v>934480</v>
      </c>
      <c r="OP30" s="345">
        <v>1523256</v>
      </c>
      <c r="OQ30" s="345">
        <v>1856468</v>
      </c>
      <c r="OR30" s="349">
        <v>7273294</v>
      </c>
      <c r="OS30" s="354">
        <v>7480863</v>
      </c>
    </row>
    <row r="31" spans="2:409" s="70" customFormat="1" ht="21" customHeight="1" x14ac:dyDescent="0.2">
      <c r="B31" s="106" t="s">
        <v>26</v>
      </c>
      <c r="C31" s="326">
        <v>67634</v>
      </c>
      <c r="D31" s="327">
        <v>139962</v>
      </c>
      <c r="E31" s="328">
        <v>207596</v>
      </c>
      <c r="F31" s="329">
        <v>0</v>
      </c>
      <c r="G31" s="327">
        <v>1482229</v>
      </c>
      <c r="H31" s="327">
        <v>1942510</v>
      </c>
      <c r="I31" s="327">
        <v>1457458</v>
      </c>
      <c r="J31" s="327">
        <v>968410</v>
      </c>
      <c r="K31" s="327">
        <v>1792362</v>
      </c>
      <c r="L31" s="367">
        <v>7642969</v>
      </c>
      <c r="M31" s="330">
        <v>7850565</v>
      </c>
      <c r="N31" s="326">
        <v>64134</v>
      </c>
      <c r="O31" s="327">
        <v>0</v>
      </c>
      <c r="P31" s="328">
        <v>64134</v>
      </c>
      <c r="Q31" s="326">
        <v>0</v>
      </c>
      <c r="R31" s="327">
        <v>327255</v>
      </c>
      <c r="S31" s="327">
        <v>611409</v>
      </c>
      <c r="T31" s="327">
        <v>502679</v>
      </c>
      <c r="U31" s="327">
        <v>222575</v>
      </c>
      <c r="V31" s="327">
        <v>660888</v>
      </c>
      <c r="W31" s="328">
        <v>2324806</v>
      </c>
      <c r="X31" s="330">
        <v>2388940</v>
      </c>
      <c r="Y31" s="326">
        <v>0</v>
      </c>
      <c r="Z31" s="327">
        <v>0</v>
      </c>
      <c r="AA31" s="328">
        <v>0</v>
      </c>
      <c r="AB31" s="326">
        <v>0</v>
      </c>
      <c r="AC31" s="327">
        <v>30189</v>
      </c>
      <c r="AD31" s="327">
        <v>321588</v>
      </c>
      <c r="AE31" s="327">
        <v>251994</v>
      </c>
      <c r="AF31" s="327">
        <v>125300</v>
      </c>
      <c r="AG31" s="327">
        <v>519064</v>
      </c>
      <c r="AH31" s="328">
        <v>1248135</v>
      </c>
      <c r="AI31" s="330">
        <v>1248135</v>
      </c>
      <c r="AJ31" s="326">
        <v>0</v>
      </c>
      <c r="AK31" s="327">
        <v>0</v>
      </c>
      <c r="AL31" s="328">
        <v>0</v>
      </c>
      <c r="AM31" s="326">
        <v>0</v>
      </c>
      <c r="AN31" s="327">
        <v>0</v>
      </c>
      <c r="AO31" s="327">
        <v>0</v>
      </c>
      <c r="AP31" s="327">
        <v>0</v>
      </c>
      <c r="AQ31" s="327">
        <v>41494</v>
      </c>
      <c r="AR31" s="327">
        <v>0</v>
      </c>
      <c r="AS31" s="328">
        <v>41494</v>
      </c>
      <c r="AT31" s="330">
        <v>41494</v>
      </c>
      <c r="AU31" s="326">
        <v>38266</v>
      </c>
      <c r="AV31" s="327">
        <v>0</v>
      </c>
      <c r="AW31" s="328">
        <v>38266</v>
      </c>
      <c r="AX31" s="326">
        <v>0</v>
      </c>
      <c r="AY31" s="327">
        <v>147247</v>
      </c>
      <c r="AZ31" s="327">
        <v>261429</v>
      </c>
      <c r="BA31" s="327">
        <v>102513</v>
      </c>
      <c r="BB31" s="327">
        <v>17505</v>
      </c>
      <c r="BC31" s="327">
        <v>103674</v>
      </c>
      <c r="BD31" s="328">
        <v>632368</v>
      </c>
      <c r="BE31" s="330">
        <v>670634</v>
      </c>
      <c r="BF31" s="326">
        <v>23775</v>
      </c>
      <c r="BG31" s="327">
        <v>0</v>
      </c>
      <c r="BH31" s="331">
        <v>23775</v>
      </c>
      <c r="BI31" s="332">
        <v>0</v>
      </c>
      <c r="BJ31" s="327">
        <v>41606</v>
      </c>
      <c r="BK31" s="327">
        <v>0</v>
      </c>
      <c r="BL31" s="327">
        <v>27737</v>
      </c>
      <c r="BM31" s="327">
        <v>0</v>
      </c>
      <c r="BN31" s="327">
        <v>0</v>
      </c>
      <c r="BO31" s="328">
        <v>69343</v>
      </c>
      <c r="BP31" s="330">
        <v>93118</v>
      </c>
      <c r="BQ31" s="326">
        <v>2093</v>
      </c>
      <c r="BR31" s="327">
        <v>0</v>
      </c>
      <c r="BS31" s="328">
        <v>2093</v>
      </c>
      <c r="BT31" s="326">
        <v>0</v>
      </c>
      <c r="BU31" s="327">
        <v>108213</v>
      </c>
      <c r="BV31" s="327">
        <v>28392</v>
      </c>
      <c r="BW31" s="327">
        <v>120435</v>
      </c>
      <c r="BX31" s="327">
        <v>38276</v>
      </c>
      <c r="BY31" s="327">
        <v>38150</v>
      </c>
      <c r="BZ31" s="328">
        <v>333466</v>
      </c>
      <c r="CA31" s="330">
        <v>335559</v>
      </c>
      <c r="CB31" s="326">
        <v>0</v>
      </c>
      <c r="CC31" s="327">
        <v>33431</v>
      </c>
      <c r="CD31" s="328">
        <v>33431</v>
      </c>
      <c r="CE31" s="326">
        <v>0</v>
      </c>
      <c r="CF31" s="327">
        <v>296020</v>
      </c>
      <c r="CG31" s="327">
        <v>351247</v>
      </c>
      <c r="CH31" s="327">
        <v>169079</v>
      </c>
      <c r="CI31" s="327">
        <v>91612</v>
      </c>
      <c r="CJ31" s="327">
        <v>163914</v>
      </c>
      <c r="CK31" s="328">
        <v>1071872</v>
      </c>
      <c r="CL31" s="330">
        <v>1105303</v>
      </c>
      <c r="CM31" s="326">
        <v>0</v>
      </c>
      <c r="CN31" s="327">
        <v>0</v>
      </c>
      <c r="CO31" s="328">
        <v>0</v>
      </c>
      <c r="CP31" s="332">
        <v>0</v>
      </c>
      <c r="CQ31" s="327">
        <v>296020</v>
      </c>
      <c r="CR31" s="327">
        <v>183050</v>
      </c>
      <c r="CS31" s="327">
        <v>94037</v>
      </c>
      <c r="CT31" s="327">
        <v>91612</v>
      </c>
      <c r="CU31" s="327">
        <v>163914</v>
      </c>
      <c r="CV31" s="328">
        <v>828633</v>
      </c>
      <c r="CW31" s="330">
        <v>828633</v>
      </c>
      <c r="CX31" s="326">
        <v>0</v>
      </c>
      <c r="CY31" s="327">
        <v>33431</v>
      </c>
      <c r="CZ31" s="328">
        <v>33431</v>
      </c>
      <c r="DA31" s="326">
        <v>0</v>
      </c>
      <c r="DB31" s="327">
        <v>0</v>
      </c>
      <c r="DC31" s="327">
        <v>168197</v>
      </c>
      <c r="DD31" s="327">
        <v>75042</v>
      </c>
      <c r="DE31" s="327">
        <v>0</v>
      </c>
      <c r="DF31" s="327">
        <v>0</v>
      </c>
      <c r="DG31" s="328">
        <v>243239</v>
      </c>
      <c r="DH31" s="330">
        <v>276670</v>
      </c>
      <c r="DI31" s="326">
        <v>0</v>
      </c>
      <c r="DJ31" s="327">
        <v>0</v>
      </c>
      <c r="DK31" s="331">
        <v>0</v>
      </c>
      <c r="DL31" s="332">
        <v>0</v>
      </c>
      <c r="DM31" s="327">
        <v>117329</v>
      </c>
      <c r="DN31" s="327">
        <v>636288</v>
      </c>
      <c r="DO31" s="327">
        <v>0</v>
      </c>
      <c r="DP31" s="327">
        <v>229909</v>
      </c>
      <c r="DQ31" s="327">
        <v>255235</v>
      </c>
      <c r="DR31" s="328">
        <v>1238761</v>
      </c>
      <c r="DS31" s="330">
        <v>1238761</v>
      </c>
      <c r="DT31" s="326">
        <v>0</v>
      </c>
      <c r="DU31" s="327">
        <v>0</v>
      </c>
      <c r="DV31" s="328">
        <v>0</v>
      </c>
      <c r="DW31" s="326">
        <v>0</v>
      </c>
      <c r="DX31" s="327">
        <v>117329</v>
      </c>
      <c r="DY31" s="327">
        <v>636288</v>
      </c>
      <c r="DZ31" s="327">
        <v>0</v>
      </c>
      <c r="EA31" s="327">
        <v>229909</v>
      </c>
      <c r="EB31" s="327">
        <v>234877</v>
      </c>
      <c r="EC31" s="328">
        <v>1218403</v>
      </c>
      <c r="ED31" s="330">
        <v>1218403</v>
      </c>
      <c r="EE31" s="326">
        <v>0</v>
      </c>
      <c r="EF31" s="331">
        <v>0</v>
      </c>
      <c r="EG31" s="328">
        <v>0</v>
      </c>
      <c r="EH31" s="326">
        <v>0</v>
      </c>
      <c r="EI31" s="327">
        <v>0</v>
      </c>
      <c r="EJ31" s="327">
        <v>0</v>
      </c>
      <c r="EK31" s="327">
        <v>0</v>
      </c>
      <c r="EL31" s="327">
        <v>0</v>
      </c>
      <c r="EM31" s="327">
        <v>20358</v>
      </c>
      <c r="EN31" s="331">
        <v>20358</v>
      </c>
      <c r="EO31" s="330">
        <v>20358</v>
      </c>
      <c r="EP31" s="326">
        <v>0</v>
      </c>
      <c r="EQ31" s="327">
        <v>0</v>
      </c>
      <c r="ER31" s="331">
        <v>0</v>
      </c>
      <c r="ES31" s="332">
        <v>0</v>
      </c>
      <c r="ET31" s="327">
        <v>0</v>
      </c>
      <c r="EU31" s="327">
        <v>0</v>
      </c>
      <c r="EV31" s="327">
        <v>0</v>
      </c>
      <c r="EW31" s="327">
        <v>0</v>
      </c>
      <c r="EX31" s="327">
        <v>0</v>
      </c>
      <c r="EY31" s="328">
        <v>0</v>
      </c>
      <c r="EZ31" s="330">
        <v>0</v>
      </c>
      <c r="FA31" s="326">
        <v>0</v>
      </c>
      <c r="FB31" s="327">
        <v>0</v>
      </c>
      <c r="FC31" s="331">
        <v>0</v>
      </c>
      <c r="FD31" s="404">
        <v>0</v>
      </c>
      <c r="FE31" s="327">
        <v>0</v>
      </c>
      <c r="FF31" s="327">
        <v>0</v>
      </c>
      <c r="FG31" s="327">
        <v>0</v>
      </c>
      <c r="FH31" s="327">
        <v>0</v>
      </c>
      <c r="FI31" s="327">
        <v>0</v>
      </c>
      <c r="FJ31" s="328">
        <v>0</v>
      </c>
      <c r="FK31" s="330">
        <v>0</v>
      </c>
      <c r="FL31" s="326">
        <v>3500</v>
      </c>
      <c r="FM31" s="327">
        <v>20720</v>
      </c>
      <c r="FN31" s="328">
        <v>24220</v>
      </c>
      <c r="FO31" s="326">
        <v>0</v>
      </c>
      <c r="FP31" s="327">
        <v>30576</v>
      </c>
      <c r="FQ31" s="327">
        <v>192087</v>
      </c>
      <c r="FR31" s="327">
        <v>72236</v>
      </c>
      <c r="FS31" s="327">
        <v>54096</v>
      </c>
      <c r="FT31" s="327">
        <v>68810</v>
      </c>
      <c r="FU31" s="328">
        <v>417805</v>
      </c>
      <c r="FV31" s="330">
        <v>442025</v>
      </c>
      <c r="FW31" s="333">
        <v>3500</v>
      </c>
      <c r="FX31" s="327">
        <v>20720</v>
      </c>
      <c r="FY31" s="331">
        <v>24220</v>
      </c>
      <c r="FZ31" s="332">
        <v>0</v>
      </c>
      <c r="GA31" s="327">
        <v>30576</v>
      </c>
      <c r="GB31" s="327">
        <v>192087</v>
      </c>
      <c r="GC31" s="327">
        <v>50407</v>
      </c>
      <c r="GD31" s="327">
        <v>54096</v>
      </c>
      <c r="GE31" s="327">
        <v>68810</v>
      </c>
      <c r="GF31" s="328">
        <v>395976</v>
      </c>
      <c r="GG31" s="334">
        <v>420196</v>
      </c>
      <c r="GH31" s="333">
        <v>0</v>
      </c>
      <c r="GI31" s="327">
        <v>0</v>
      </c>
      <c r="GJ31" s="331">
        <v>0</v>
      </c>
      <c r="GK31" s="332">
        <v>0</v>
      </c>
      <c r="GL31" s="327">
        <v>0</v>
      </c>
      <c r="GM31" s="327">
        <v>0</v>
      </c>
      <c r="GN31" s="327">
        <v>21829</v>
      </c>
      <c r="GO31" s="327">
        <v>0</v>
      </c>
      <c r="GP31" s="327">
        <v>0</v>
      </c>
      <c r="GQ31" s="328">
        <v>21829</v>
      </c>
      <c r="GR31" s="330">
        <v>21829</v>
      </c>
      <c r="GS31" s="326">
        <v>0</v>
      </c>
      <c r="GT31" s="327">
        <v>0</v>
      </c>
      <c r="GU31" s="328">
        <v>0</v>
      </c>
      <c r="GV31" s="326">
        <v>0</v>
      </c>
      <c r="GW31" s="327">
        <v>0</v>
      </c>
      <c r="GX31" s="327">
        <v>0</v>
      </c>
      <c r="GY31" s="327">
        <v>0</v>
      </c>
      <c r="GZ31" s="327">
        <v>0</v>
      </c>
      <c r="HA31" s="327">
        <v>0</v>
      </c>
      <c r="HB31" s="331">
        <v>0</v>
      </c>
      <c r="HC31" s="330">
        <v>0</v>
      </c>
      <c r="HD31" s="326">
        <v>0</v>
      </c>
      <c r="HE31" s="327">
        <v>85811</v>
      </c>
      <c r="HF31" s="331">
        <v>85811</v>
      </c>
      <c r="HG31" s="332">
        <v>0</v>
      </c>
      <c r="HH31" s="327">
        <v>711049</v>
      </c>
      <c r="HI31" s="327">
        <v>151479</v>
      </c>
      <c r="HJ31" s="327">
        <v>713464</v>
      </c>
      <c r="HK31" s="327">
        <v>370218</v>
      </c>
      <c r="HL31" s="327">
        <v>643515</v>
      </c>
      <c r="HM31" s="328">
        <v>2589725</v>
      </c>
      <c r="HN31" s="329">
        <v>2675536</v>
      </c>
      <c r="HO31" s="333">
        <v>0</v>
      </c>
      <c r="HP31" s="327">
        <v>0</v>
      </c>
      <c r="HQ31" s="328">
        <v>0</v>
      </c>
      <c r="HR31" s="326">
        <v>0</v>
      </c>
      <c r="HS31" s="327">
        <v>0</v>
      </c>
      <c r="HT31" s="327">
        <v>0</v>
      </c>
      <c r="HU31" s="327">
        <v>0</v>
      </c>
      <c r="HV31" s="327">
        <v>0</v>
      </c>
      <c r="HW31" s="327">
        <v>0</v>
      </c>
      <c r="HX31" s="331">
        <v>0</v>
      </c>
      <c r="HY31" s="330">
        <v>0</v>
      </c>
      <c r="HZ31" s="335">
        <v>0</v>
      </c>
      <c r="IA31" s="336">
        <v>0</v>
      </c>
      <c r="IB31" s="337">
        <v>0</v>
      </c>
      <c r="IC31" s="338">
        <v>0</v>
      </c>
      <c r="ID31" s="336">
        <v>442062</v>
      </c>
      <c r="IE31" s="339">
        <v>201110</v>
      </c>
      <c r="IF31" s="337">
        <v>482286</v>
      </c>
      <c r="IG31" s="336">
        <v>0</v>
      </c>
      <c r="IH31" s="337">
        <v>0</v>
      </c>
      <c r="II31" s="340">
        <v>1125458</v>
      </c>
      <c r="IJ31" s="341">
        <v>1125458</v>
      </c>
      <c r="IK31" s="342">
        <v>0</v>
      </c>
      <c r="IL31" s="343">
        <v>0</v>
      </c>
      <c r="IM31" s="344">
        <v>0</v>
      </c>
      <c r="IN31" s="404">
        <v>0</v>
      </c>
      <c r="IO31" s="345">
        <v>0</v>
      </c>
      <c r="IP31" s="345">
        <v>0</v>
      </c>
      <c r="IQ31" s="345">
        <v>0</v>
      </c>
      <c r="IR31" s="345">
        <v>0</v>
      </c>
      <c r="IS31" s="345">
        <v>0</v>
      </c>
      <c r="IT31" s="346">
        <v>0</v>
      </c>
      <c r="IU31" s="347">
        <v>0</v>
      </c>
      <c r="IV31" s="348">
        <v>0</v>
      </c>
      <c r="IW31" s="345">
        <v>0</v>
      </c>
      <c r="IX31" s="349">
        <v>0</v>
      </c>
      <c r="IY31" s="404">
        <v>0</v>
      </c>
      <c r="IZ31" s="345">
        <v>0</v>
      </c>
      <c r="JA31" s="345">
        <v>0</v>
      </c>
      <c r="JB31" s="345">
        <v>0</v>
      </c>
      <c r="JC31" s="345">
        <v>0</v>
      </c>
      <c r="JD31" s="345">
        <v>0</v>
      </c>
      <c r="JE31" s="349">
        <v>0</v>
      </c>
      <c r="JF31" s="350">
        <v>0</v>
      </c>
      <c r="JG31" s="348">
        <v>0</v>
      </c>
      <c r="JH31" s="345">
        <v>0</v>
      </c>
      <c r="JI31" s="346">
        <v>0</v>
      </c>
      <c r="JJ31" s="351">
        <v>0</v>
      </c>
      <c r="JK31" s="345">
        <v>27273</v>
      </c>
      <c r="JL31" s="345">
        <v>25261</v>
      </c>
      <c r="JM31" s="345">
        <v>50430</v>
      </c>
      <c r="JN31" s="345">
        <v>0</v>
      </c>
      <c r="JO31" s="345">
        <v>0</v>
      </c>
      <c r="JP31" s="349">
        <v>102964</v>
      </c>
      <c r="JQ31" s="347">
        <v>102964</v>
      </c>
      <c r="JR31" s="348">
        <v>0</v>
      </c>
      <c r="JS31" s="345">
        <v>0</v>
      </c>
      <c r="JT31" s="346">
        <v>0</v>
      </c>
      <c r="JU31" s="351">
        <v>0</v>
      </c>
      <c r="JV31" s="345">
        <v>0</v>
      </c>
      <c r="JW31" s="345">
        <v>0</v>
      </c>
      <c r="JX31" s="345">
        <v>0</v>
      </c>
      <c r="JY31" s="345">
        <v>0</v>
      </c>
      <c r="JZ31" s="345">
        <v>0</v>
      </c>
      <c r="KA31" s="349">
        <v>0</v>
      </c>
      <c r="KB31" s="347">
        <v>0</v>
      </c>
      <c r="KC31" s="352">
        <v>0</v>
      </c>
      <c r="KD31" s="353">
        <v>0</v>
      </c>
      <c r="KE31" s="349">
        <v>0</v>
      </c>
      <c r="KF31" s="351">
        <v>0</v>
      </c>
      <c r="KG31" s="345">
        <v>0</v>
      </c>
      <c r="KH31" s="345">
        <v>0</v>
      </c>
      <c r="KI31" s="345">
        <v>0</v>
      </c>
      <c r="KJ31" s="345">
        <v>0</v>
      </c>
      <c r="KK31" s="345">
        <v>0</v>
      </c>
      <c r="KL31" s="349">
        <v>0</v>
      </c>
      <c r="KM31" s="354">
        <v>0</v>
      </c>
      <c r="KN31" s="342">
        <v>0</v>
      </c>
      <c r="KO31" s="343">
        <v>0</v>
      </c>
      <c r="KP31" s="344">
        <v>0</v>
      </c>
      <c r="KQ31" s="404">
        <v>0</v>
      </c>
      <c r="KR31" s="345">
        <v>414789</v>
      </c>
      <c r="KS31" s="345">
        <v>175849</v>
      </c>
      <c r="KT31" s="345">
        <v>431856</v>
      </c>
      <c r="KU31" s="345">
        <v>0</v>
      </c>
      <c r="KV31" s="345">
        <v>0</v>
      </c>
      <c r="KW31" s="349">
        <v>1022494</v>
      </c>
      <c r="KX31" s="347">
        <v>1022494</v>
      </c>
      <c r="KY31" s="348">
        <v>0</v>
      </c>
      <c r="KZ31" s="345">
        <v>0</v>
      </c>
      <c r="LA31" s="349">
        <v>0</v>
      </c>
      <c r="LB31" s="404">
        <v>0</v>
      </c>
      <c r="LC31" s="345">
        <v>0</v>
      </c>
      <c r="LD31" s="345">
        <v>0</v>
      </c>
      <c r="LE31" s="345">
        <v>0</v>
      </c>
      <c r="LF31" s="345">
        <v>0</v>
      </c>
      <c r="LG31" s="345">
        <v>0</v>
      </c>
      <c r="LH31" s="349">
        <v>0</v>
      </c>
      <c r="LI31" s="350">
        <v>0</v>
      </c>
      <c r="LJ31" s="348">
        <v>0</v>
      </c>
      <c r="LK31" s="345">
        <v>0</v>
      </c>
      <c r="LL31" s="349">
        <v>0</v>
      </c>
      <c r="LM31" s="404">
        <v>0</v>
      </c>
      <c r="LN31" s="345">
        <v>0</v>
      </c>
      <c r="LO31" s="345">
        <v>0</v>
      </c>
      <c r="LP31" s="345">
        <v>0</v>
      </c>
      <c r="LQ31" s="345">
        <v>0</v>
      </c>
      <c r="LR31" s="345">
        <v>0</v>
      </c>
      <c r="LS31" s="349">
        <v>0</v>
      </c>
      <c r="LT31" s="347">
        <v>0</v>
      </c>
      <c r="LU31" s="348">
        <v>0</v>
      </c>
      <c r="LV31" s="345">
        <v>0</v>
      </c>
      <c r="LW31" s="349">
        <v>0</v>
      </c>
      <c r="LX31" s="404">
        <v>0</v>
      </c>
      <c r="LY31" s="345">
        <v>0</v>
      </c>
      <c r="LZ31" s="345">
        <v>0</v>
      </c>
      <c r="MA31" s="345">
        <v>0</v>
      </c>
      <c r="MB31" s="345">
        <v>0</v>
      </c>
      <c r="MC31" s="345">
        <v>0</v>
      </c>
      <c r="MD31" s="349">
        <v>0</v>
      </c>
      <c r="ME31" s="350">
        <v>0</v>
      </c>
      <c r="MF31" s="348">
        <v>0</v>
      </c>
      <c r="MG31" s="345">
        <v>0</v>
      </c>
      <c r="MH31" s="349">
        <v>0</v>
      </c>
      <c r="MI31" s="404">
        <v>0</v>
      </c>
      <c r="MJ31" s="345">
        <v>0</v>
      </c>
      <c r="MK31" s="345">
        <v>-250743</v>
      </c>
      <c r="ML31" s="345">
        <v>210401</v>
      </c>
      <c r="MM31" s="345">
        <v>498001</v>
      </c>
      <c r="MN31" s="345">
        <v>0</v>
      </c>
      <c r="MO31" s="349">
        <v>457659</v>
      </c>
      <c r="MP31" s="354">
        <v>457659</v>
      </c>
      <c r="MQ31" s="348">
        <v>0</v>
      </c>
      <c r="MR31" s="345">
        <v>0</v>
      </c>
      <c r="MS31" s="349">
        <v>0</v>
      </c>
      <c r="MT31" s="404">
        <v>0</v>
      </c>
      <c r="MU31" s="345">
        <v>0</v>
      </c>
      <c r="MV31" s="345">
        <v>0</v>
      </c>
      <c r="MW31" s="345">
        <v>210401</v>
      </c>
      <c r="MX31" s="345">
        <v>0</v>
      </c>
      <c r="MY31" s="345">
        <v>0</v>
      </c>
      <c r="MZ31" s="349">
        <v>210401</v>
      </c>
      <c r="NA31" s="354">
        <v>210401</v>
      </c>
      <c r="NB31" s="348">
        <v>0</v>
      </c>
      <c r="NC31" s="345">
        <v>0</v>
      </c>
      <c r="ND31" s="349">
        <v>0</v>
      </c>
      <c r="NE31" s="404">
        <v>0</v>
      </c>
      <c r="NF31" s="345">
        <v>0</v>
      </c>
      <c r="NG31" s="345">
        <v>-250743</v>
      </c>
      <c r="NH31" s="345">
        <v>0</v>
      </c>
      <c r="NI31" s="345">
        <v>498001</v>
      </c>
      <c r="NJ31" s="345">
        <v>0</v>
      </c>
      <c r="NK31" s="349">
        <v>247258</v>
      </c>
      <c r="NL31" s="347">
        <v>247258</v>
      </c>
      <c r="NM31" s="348">
        <v>0</v>
      </c>
      <c r="NN31" s="345">
        <v>0</v>
      </c>
      <c r="NO31" s="349">
        <v>0</v>
      </c>
      <c r="NP31" s="404">
        <v>0</v>
      </c>
      <c r="NQ31" s="345">
        <v>0</v>
      </c>
      <c r="NR31" s="345">
        <v>0</v>
      </c>
      <c r="NS31" s="345">
        <v>0</v>
      </c>
      <c r="NT31" s="345">
        <v>0</v>
      </c>
      <c r="NU31" s="345">
        <v>0</v>
      </c>
      <c r="NV31" s="349">
        <v>0</v>
      </c>
      <c r="NW31" s="350">
        <v>0</v>
      </c>
      <c r="NX31" s="348">
        <v>0</v>
      </c>
      <c r="NY31" s="345">
        <v>0</v>
      </c>
      <c r="NZ31" s="349">
        <v>0</v>
      </c>
      <c r="OA31" s="404">
        <v>0</v>
      </c>
      <c r="OB31" s="345">
        <v>0</v>
      </c>
      <c r="OC31" s="345">
        <v>0</v>
      </c>
      <c r="OD31" s="345">
        <v>0</v>
      </c>
      <c r="OE31" s="345">
        <v>0</v>
      </c>
      <c r="OF31" s="345">
        <v>0</v>
      </c>
      <c r="OG31" s="349">
        <v>0</v>
      </c>
      <c r="OH31" s="350">
        <v>0</v>
      </c>
      <c r="OI31" s="348">
        <v>67634</v>
      </c>
      <c r="OJ31" s="345">
        <v>139962</v>
      </c>
      <c r="OK31" s="346">
        <v>207596</v>
      </c>
      <c r="OL31" s="351">
        <v>0</v>
      </c>
      <c r="OM31" s="345">
        <v>1924291</v>
      </c>
      <c r="ON31" s="345">
        <v>1892877</v>
      </c>
      <c r="OO31" s="345">
        <v>2150145</v>
      </c>
      <c r="OP31" s="345">
        <v>1466411</v>
      </c>
      <c r="OQ31" s="345">
        <v>1792362</v>
      </c>
      <c r="OR31" s="349">
        <v>9226086</v>
      </c>
      <c r="OS31" s="354">
        <v>9433682</v>
      </c>
    </row>
    <row r="32" spans="2:409" s="70" customFormat="1" ht="21" customHeight="1" x14ac:dyDescent="0.2">
      <c r="B32" s="106" t="s">
        <v>27</v>
      </c>
      <c r="C32" s="326">
        <v>113613</v>
      </c>
      <c r="D32" s="327">
        <v>184941</v>
      </c>
      <c r="E32" s="328">
        <v>298554</v>
      </c>
      <c r="F32" s="329">
        <v>0</v>
      </c>
      <c r="G32" s="327">
        <v>876908</v>
      </c>
      <c r="H32" s="327">
        <v>1217874</v>
      </c>
      <c r="I32" s="327">
        <v>1519892</v>
      </c>
      <c r="J32" s="327">
        <v>969363</v>
      </c>
      <c r="K32" s="327">
        <v>1145543</v>
      </c>
      <c r="L32" s="367">
        <v>5729580</v>
      </c>
      <c r="M32" s="330">
        <v>6028134</v>
      </c>
      <c r="N32" s="326">
        <v>27999</v>
      </c>
      <c r="O32" s="327">
        <v>56148</v>
      </c>
      <c r="P32" s="328">
        <v>84147</v>
      </c>
      <c r="Q32" s="326">
        <v>0</v>
      </c>
      <c r="R32" s="327">
        <v>59859</v>
      </c>
      <c r="S32" s="327">
        <v>469783</v>
      </c>
      <c r="T32" s="327">
        <v>514046</v>
      </c>
      <c r="U32" s="327">
        <v>403144</v>
      </c>
      <c r="V32" s="327">
        <v>273234</v>
      </c>
      <c r="W32" s="328">
        <v>1720066</v>
      </c>
      <c r="X32" s="330">
        <v>1804213</v>
      </c>
      <c r="Y32" s="326">
        <v>0</v>
      </c>
      <c r="Z32" s="327">
        <v>0</v>
      </c>
      <c r="AA32" s="328">
        <v>0</v>
      </c>
      <c r="AB32" s="326">
        <v>0</v>
      </c>
      <c r="AC32" s="327">
        <v>15195</v>
      </c>
      <c r="AD32" s="327">
        <v>354180</v>
      </c>
      <c r="AE32" s="327">
        <v>327775</v>
      </c>
      <c r="AF32" s="327">
        <v>145842</v>
      </c>
      <c r="AG32" s="327">
        <v>216212</v>
      </c>
      <c r="AH32" s="328">
        <v>1059204</v>
      </c>
      <c r="AI32" s="330">
        <v>1059204</v>
      </c>
      <c r="AJ32" s="326">
        <v>0</v>
      </c>
      <c r="AK32" s="327">
        <v>0</v>
      </c>
      <c r="AL32" s="328">
        <v>0</v>
      </c>
      <c r="AM32" s="326">
        <v>0</v>
      </c>
      <c r="AN32" s="327">
        <v>0</v>
      </c>
      <c r="AO32" s="327">
        <v>0</v>
      </c>
      <c r="AP32" s="327">
        <v>0</v>
      </c>
      <c r="AQ32" s="327">
        <v>50510</v>
      </c>
      <c r="AR32" s="327">
        <v>0</v>
      </c>
      <c r="AS32" s="328">
        <v>50510</v>
      </c>
      <c r="AT32" s="330">
        <v>50510</v>
      </c>
      <c r="AU32" s="326">
        <v>17534</v>
      </c>
      <c r="AV32" s="327">
        <v>49995</v>
      </c>
      <c r="AW32" s="328">
        <v>67529</v>
      </c>
      <c r="AX32" s="326">
        <v>0</v>
      </c>
      <c r="AY32" s="327">
        <v>34171</v>
      </c>
      <c r="AZ32" s="327">
        <v>61458</v>
      </c>
      <c r="BA32" s="327">
        <v>115767</v>
      </c>
      <c r="BB32" s="327">
        <v>179730</v>
      </c>
      <c r="BC32" s="327">
        <v>0</v>
      </c>
      <c r="BD32" s="328">
        <v>391126</v>
      </c>
      <c r="BE32" s="330">
        <v>458655</v>
      </c>
      <c r="BF32" s="326">
        <v>0</v>
      </c>
      <c r="BG32" s="327">
        <v>0</v>
      </c>
      <c r="BH32" s="331">
        <v>0</v>
      </c>
      <c r="BI32" s="332">
        <v>0</v>
      </c>
      <c r="BJ32" s="327">
        <v>0</v>
      </c>
      <c r="BK32" s="327">
        <v>0</v>
      </c>
      <c r="BL32" s="327">
        <v>0</v>
      </c>
      <c r="BM32" s="327">
        <v>0</v>
      </c>
      <c r="BN32" s="327">
        <v>0</v>
      </c>
      <c r="BO32" s="328">
        <v>0</v>
      </c>
      <c r="BP32" s="330">
        <v>0</v>
      </c>
      <c r="BQ32" s="326">
        <v>10465</v>
      </c>
      <c r="BR32" s="327">
        <v>6153</v>
      </c>
      <c r="BS32" s="328">
        <v>16618</v>
      </c>
      <c r="BT32" s="326">
        <v>0</v>
      </c>
      <c r="BU32" s="327">
        <v>10493</v>
      </c>
      <c r="BV32" s="327">
        <v>54145</v>
      </c>
      <c r="BW32" s="327">
        <v>70504</v>
      </c>
      <c r="BX32" s="327">
        <v>27062</v>
      </c>
      <c r="BY32" s="327">
        <v>57022</v>
      </c>
      <c r="BZ32" s="328">
        <v>219226</v>
      </c>
      <c r="CA32" s="330">
        <v>235844</v>
      </c>
      <c r="CB32" s="326">
        <v>36580</v>
      </c>
      <c r="CC32" s="327">
        <v>34585</v>
      </c>
      <c r="CD32" s="328">
        <v>71165</v>
      </c>
      <c r="CE32" s="326">
        <v>0</v>
      </c>
      <c r="CF32" s="327">
        <v>450688</v>
      </c>
      <c r="CG32" s="327">
        <v>205225</v>
      </c>
      <c r="CH32" s="327">
        <v>314401</v>
      </c>
      <c r="CI32" s="327">
        <v>292841</v>
      </c>
      <c r="CJ32" s="327">
        <v>0</v>
      </c>
      <c r="CK32" s="328">
        <v>1263155</v>
      </c>
      <c r="CL32" s="330">
        <v>1334320</v>
      </c>
      <c r="CM32" s="326">
        <v>0</v>
      </c>
      <c r="CN32" s="327">
        <v>0</v>
      </c>
      <c r="CO32" s="328">
        <v>0</v>
      </c>
      <c r="CP32" s="332">
        <v>0</v>
      </c>
      <c r="CQ32" s="327">
        <v>354923</v>
      </c>
      <c r="CR32" s="327">
        <v>84892</v>
      </c>
      <c r="CS32" s="327">
        <v>247370</v>
      </c>
      <c r="CT32" s="327">
        <v>292841</v>
      </c>
      <c r="CU32" s="327">
        <v>0</v>
      </c>
      <c r="CV32" s="328">
        <v>980026</v>
      </c>
      <c r="CW32" s="330">
        <v>980026</v>
      </c>
      <c r="CX32" s="326">
        <v>36580</v>
      </c>
      <c r="CY32" s="327">
        <v>34585</v>
      </c>
      <c r="CZ32" s="328">
        <v>71165</v>
      </c>
      <c r="DA32" s="326">
        <v>0</v>
      </c>
      <c r="DB32" s="327">
        <v>95765</v>
      </c>
      <c r="DC32" s="327">
        <v>120333</v>
      </c>
      <c r="DD32" s="327">
        <v>67031</v>
      </c>
      <c r="DE32" s="327">
        <v>0</v>
      </c>
      <c r="DF32" s="327">
        <v>0</v>
      </c>
      <c r="DG32" s="328">
        <v>283129</v>
      </c>
      <c r="DH32" s="330">
        <v>354294</v>
      </c>
      <c r="DI32" s="326">
        <v>0</v>
      </c>
      <c r="DJ32" s="327">
        <v>0</v>
      </c>
      <c r="DK32" s="331">
        <v>0</v>
      </c>
      <c r="DL32" s="332">
        <v>0</v>
      </c>
      <c r="DM32" s="327">
        <v>56368</v>
      </c>
      <c r="DN32" s="327">
        <v>0</v>
      </c>
      <c r="DO32" s="327">
        <v>66177</v>
      </c>
      <c r="DP32" s="327">
        <v>77203</v>
      </c>
      <c r="DQ32" s="327">
        <v>0</v>
      </c>
      <c r="DR32" s="328">
        <v>199748</v>
      </c>
      <c r="DS32" s="330">
        <v>199748</v>
      </c>
      <c r="DT32" s="326">
        <v>0</v>
      </c>
      <c r="DU32" s="327">
        <v>0</v>
      </c>
      <c r="DV32" s="328">
        <v>0</v>
      </c>
      <c r="DW32" s="326">
        <v>0</v>
      </c>
      <c r="DX32" s="327">
        <v>0</v>
      </c>
      <c r="DY32" s="327">
        <v>0</v>
      </c>
      <c r="DZ32" s="327">
        <v>21851</v>
      </c>
      <c r="EA32" s="327">
        <v>77203</v>
      </c>
      <c r="EB32" s="327">
        <v>0</v>
      </c>
      <c r="EC32" s="328">
        <v>99054</v>
      </c>
      <c r="ED32" s="330">
        <v>99054</v>
      </c>
      <c r="EE32" s="326">
        <v>0</v>
      </c>
      <c r="EF32" s="331">
        <v>0</v>
      </c>
      <c r="EG32" s="328">
        <v>0</v>
      </c>
      <c r="EH32" s="326">
        <v>0</v>
      </c>
      <c r="EI32" s="327">
        <v>56368</v>
      </c>
      <c r="EJ32" s="327">
        <v>0</v>
      </c>
      <c r="EK32" s="327">
        <v>44326</v>
      </c>
      <c r="EL32" s="327">
        <v>0</v>
      </c>
      <c r="EM32" s="327">
        <v>0</v>
      </c>
      <c r="EN32" s="331">
        <v>100694</v>
      </c>
      <c r="EO32" s="330">
        <v>100694</v>
      </c>
      <c r="EP32" s="326">
        <v>0</v>
      </c>
      <c r="EQ32" s="327">
        <v>0</v>
      </c>
      <c r="ER32" s="331">
        <v>0</v>
      </c>
      <c r="ES32" s="332">
        <v>0</v>
      </c>
      <c r="ET32" s="327">
        <v>0</v>
      </c>
      <c r="EU32" s="327">
        <v>0</v>
      </c>
      <c r="EV32" s="327">
        <v>0</v>
      </c>
      <c r="EW32" s="327">
        <v>0</v>
      </c>
      <c r="EX32" s="327">
        <v>0</v>
      </c>
      <c r="EY32" s="328">
        <v>0</v>
      </c>
      <c r="EZ32" s="330">
        <v>0</v>
      </c>
      <c r="FA32" s="326">
        <v>0</v>
      </c>
      <c r="FB32" s="327">
        <v>0</v>
      </c>
      <c r="FC32" s="331">
        <v>0</v>
      </c>
      <c r="FD32" s="404">
        <v>0</v>
      </c>
      <c r="FE32" s="327">
        <v>0</v>
      </c>
      <c r="FF32" s="327">
        <v>0</v>
      </c>
      <c r="FG32" s="327">
        <v>0</v>
      </c>
      <c r="FH32" s="327">
        <v>0</v>
      </c>
      <c r="FI32" s="327">
        <v>0</v>
      </c>
      <c r="FJ32" s="328">
        <v>0</v>
      </c>
      <c r="FK32" s="330">
        <v>0</v>
      </c>
      <c r="FL32" s="326">
        <v>12950</v>
      </c>
      <c r="FM32" s="327">
        <v>62930</v>
      </c>
      <c r="FN32" s="328">
        <v>75880</v>
      </c>
      <c r="FO32" s="326">
        <v>0</v>
      </c>
      <c r="FP32" s="327">
        <v>44750</v>
      </c>
      <c r="FQ32" s="327">
        <v>68866</v>
      </c>
      <c r="FR32" s="327">
        <v>112924</v>
      </c>
      <c r="FS32" s="327">
        <v>60620</v>
      </c>
      <c r="FT32" s="327">
        <v>11760</v>
      </c>
      <c r="FU32" s="328">
        <v>298920</v>
      </c>
      <c r="FV32" s="330">
        <v>374800</v>
      </c>
      <c r="FW32" s="333">
        <v>12950</v>
      </c>
      <c r="FX32" s="327">
        <v>62930</v>
      </c>
      <c r="FY32" s="331">
        <v>75880</v>
      </c>
      <c r="FZ32" s="332">
        <v>0</v>
      </c>
      <c r="GA32" s="327">
        <v>44750</v>
      </c>
      <c r="GB32" s="327">
        <v>68866</v>
      </c>
      <c r="GC32" s="327">
        <v>112924</v>
      </c>
      <c r="GD32" s="327">
        <v>60620</v>
      </c>
      <c r="GE32" s="327">
        <v>11760</v>
      </c>
      <c r="GF32" s="328">
        <v>298920</v>
      </c>
      <c r="GG32" s="334">
        <v>374800</v>
      </c>
      <c r="GH32" s="333">
        <v>0</v>
      </c>
      <c r="GI32" s="327">
        <v>0</v>
      </c>
      <c r="GJ32" s="331">
        <v>0</v>
      </c>
      <c r="GK32" s="332">
        <v>0</v>
      </c>
      <c r="GL32" s="327">
        <v>0</v>
      </c>
      <c r="GM32" s="327">
        <v>0</v>
      </c>
      <c r="GN32" s="327">
        <v>0</v>
      </c>
      <c r="GO32" s="327">
        <v>0</v>
      </c>
      <c r="GP32" s="327">
        <v>0</v>
      </c>
      <c r="GQ32" s="328">
        <v>0</v>
      </c>
      <c r="GR32" s="330">
        <v>0</v>
      </c>
      <c r="GS32" s="326">
        <v>0</v>
      </c>
      <c r="GT32" s="327">
        <v>0</v>
      </c>
      <c r="GU32" s="328">
        <v>0</v>
      </c>
      <c r="GV32" s="326">
        <v>0</v>
      </c>
      <c r="GW32" s="327">
        <v>0</v>
      </c>
      <c r="GX32" s="327">
        <v>0</v>
      </c>
      <c r="GY32" s="327">
        <v>0</v>
      </c>
      <c r="GZ32" s="327">
        <v>0</v>
      </c>
      <c r="HA32" s="327">
        <v>0</v>
      </c>
      <c r="HB32" s="331">
        <v>0</v>
      </c>
      <c r="HC32" s="330">
        <v>0</v>
      </c>
      <c r="HD32" s="326">
        <v>36084</v>
      </c>
      <c r="HE32" s="327">
        <v>31278</v>
      </c>
      <c r="HF32" s="331">
        <v>67362</v>
      </c>
      <c r="HG32" s="332">
        <v>0</v>
      </c>
      <c r="HH32" s="327">
        <v>265243</v>
      </c>
      <c r="HI32" s="327">
        <v>474000</v>
      </c>
      <c r="HJ32" s="327">
        <v>512344</v>
      </c>
      <c r="HK32" s="327">
        <v>135555</v>
      </c>
      <c r="HL32" s="327">
        <v>860549</v>
      </c>
      <c r="HM32" s="328">
        <v>2247691</v>
      </c>
      <c r="HN32" s="329">
        <v>2315053</v>
      </c>
      <c r="HO32" s="333">
        <v>0</v>
      </c>
      <c r="HP32" s="327">
        <v>0</v>
      </c>
      <c r="HQ32" s="328">
        <v>0</v>
      </c>
      <c r="HR32" s="326">
        <v>0</v>
      </c>
      <c r="HS32" s="327">
        <v>0</v>
      </c>
      <c r="HT32" s="327">
        <v>0</v>
      </c>
      <c r="HU32" s="327">
        <v>0</v>
      </c>
      <c r="HV32" s="327">
        <v>0</v>
      </c>
      <c r="HW32" s="327">
        <v>0</v>
      </c>
      <c r="HX32" s="331">
        <v>0</v>
      </c>
      <c r="HY32" s="330">
        <v>0</v>
      </c>
      <c r="HZ32" s="358">
        <v>0</v>
      </c>
      <c r="IA32" s="356">
        <v>0</v>
      </c>
      <c r="IB32" s="358">
        <v>0</v>
      </c>
      <c r="IC32" s="355">
        <v>0</v>
      </c>
      <c r="ID32" s="356">
        <v>364721</v>
      </c>
      <c r="IE32" s="357">
        <v>91731</v>
      </c>
      <c r="IF32" s="358">
        <v>228413</v>
      </c>
      <c r="IG32" s="356">
        <v>213412</v>
      </c>
      <c r="IH32" s="358">
        <v>0</v>
      </c>
      <c r="II32" s="359">
        <v>898277</v>
      </c>
      <c r="IJ32" s="358">
        <v>898277</v>
      </c>
      <c r="IK32" s="342">
        <v>0</v>
      </c>
      <c r="IL32" s="343">
        <v>0</v>
      </c>
      <c r="IM32" s="344">
        <v>0</v>
      </c>
      <c r="IN32" s="404">
        <v>0</v>
      </c>
      <c r="IO32" s="345">
        <v>0</v>
      </c>
      <c r="IP32" s="345">
        <v>0</v>
      </c>
      <c r="IQ32" s="345">
        <v>0</v>
      </c>
      <c r="IR32" s="345">
        <v>0</v>
      </c>
      <c r="IS32" s="345">
        <v>0</v>
      </c>
      <c r="IT32" s="346">
        <v>0</v>
      </c>
      <c r="IU32" s="347">
        <v>0</v>
      </c>
      <c r="IV32" s="348">
        <v>0</v>
      </c>
      <c r="IW32" s="345">
        <v>0</v>
      </c>
      <c r="IX32" s="349">
        <v>0</v>
      </c>
      <c r="IY32" s="404">
        <v>0</v>
      </c>
      <c r="IZ32" s="345">
        <v>0</v>
      </c>
      <c r="JA32" s="345">
        <v>0</v>
      </c>
      <c r="JB32" s="345">
        <v>0</v>
      </c>
      <c r="JC32" s="345">
        <v>0</v>
      </c>
      <c r="JD32" s="345">
        <v>0</v>
      </c>
      <c r="JE32" s="349">
        <v>0</v>
      </c>
      <c r="JF32" s="350">
        <v>0</v>
      </c>
      <c r="JG32" s="348">
        <v>0</v>
      </c>
      <c r="JH32" s="345">
        <v>0</v>
      </c>
      <c r="JI32" s="346">
        <v>0</v>
      </c>
      <c r="JJ32" s="351">
        <v>0</v>
      </c>
      <c r="JK32" s="345">
        <v>127711</v>
      </c>
      <c r="JL32" s="345">
        <v>42033</v>
      </c>
      <c r="JM32" s="345">
        <v>20703</v>
      </c>
      <c r="JN32" s="345">
        <v>0</v>
      </c>
      <c r="JO32" s="345">
        <v>0</v>
      </c>
      <c r="JP32" s="349">
        <v>190447</v>
      </c>
      <c r="JQ32" s="347">
        <v>190447</v>
      </c>
      <c r="JR32" s="348">
        <v>0</v>
      </c>
      <c r="JS32" s="345">
        <v>0</v>
      </c>
      <c r="JT32" s="346">
        <v>0</v>
      </c>
      <c r="JU32" s="351">
        <v>0</v>
      </c>
      <c r="JV32" s="345">
        <v>134946</v>
      </c>
      <c r="JW32" s="345">
        <v>49698</v>
      </c>
      <c r="JX32" s="345">
        <v>0</v>
      </c>
      <c r="JY32" s="345">
        <v>0</v>
      </c>
      <c r="JZ32" s="345">
        <v>0</v>
      </c>
      <c r="KA32" s="349">
        <v>184644</v>
      </c>
      <c r="KB32" s="347">
        <v>184644</v>
      </c>
      <c r="KC32" s="352">
        <v>0</v>
      </c>
      <c r="KD32" s="353">
        <v>0</v>
      </c>
      <c r="KE32" s="349">
        <v>0</v>
      </c>
      <c r="KF32" s="351">
        <v>0</v>
      </c>
      <c r="KG32" s="345">
        <v>0</v>
      </c>
      <c r="KH32" s="345">
        <v>0</v>
      </c>
      <c r="KI32" s="345">
        <v>0</v>
      </c>
      <c r="KJ32" s="345">
        <v>0</v>
      </c>
      <c r="KK32" s="345">
        <v>0</v>
      </c>
      <c r="KL32" s="349">
        <v>0</v>
      </c>
      <c r="KM32" s="354">
        <v>0</v>
      </c>
      <c r="KN32" s="342">
        <v>0</v>
      </c>
      <c r="KO32" s="343">
        <v>0</v>
      </c>
      <c r="KP32" s="344">
        <v>0</v>
      </c>
      <c r="KQ32" s="404">
        <v>0</v>
      </c>
      <c r="KR32" s="345">
        <v>0</v>
      </c>
      <c r="KS32" s="345">
        <v>0</v>
      </c>
      <c r="KT32" s="345">
        <v>0</v>
      </c>
      <c r="KU32" s="345">
        <v>213412</v>
      </c>
      <c r="KV32" s="345">
        <v>0</v>
      </c>
      <c r="KW32" s="349">
        <v>213412</v>
      </c>
      <c r="KX32" s="347">
        <v>213412</v>
      </c>
      <c r="KY32" s="348">
        <v>0</v>
      </c>
      <c r="KZ32" s="345">
        <v>0</v>
      </c>
      <c r="LA32" s="349">
        <v>0</v>
      </c>
      <c r="LB32" s="404">
        <v>0</v>
      </c>
      <c r="LC32" s="345">
        <v>0</v>
      </c>
      <c r="LD32" s="345">
        <v>0</v>
      </c>
      <c r="LE32" s="345">
        <v>0</v>
      </c>
      <c r="LF32" s="345">
        <v>0</v>
      </c>
      <c r="LG32" s="345">
        <v>0</v>
      </c>
      <c r="LH32" s="349">
        <v>0</v>
      </c>
      <c r="LI32" s="350">
        <v>0</v>
      </c>
      <c r="LJ32" s="348">
        <v>0</v>
      </c>
      <c r="LK32" s="345">
        <v>0</v>
      </c>
      <c r="LL32" s="349">
        <v>0</v>
      </c>
      <c r="LM32" s="404">
        <v>0</v>
      </c>
      <c r="LN32" s="345">
        <v>0</v>
      </c>
      <c r="LO32" s="345">
        <v>0</v>
      </c>
      <c r="LP32" s="345">
        <v>0</v>
      </c>
      <c r="LQ32" s="345">
        <v>0</v>
      </c>
      <c r="LR32" s="345">
        <v>0</v>
      </c>
      <c r="LS32" s="349">
        <v>0</v>
      </c>
      <c r="LT32" s="347">
        <v>0</v>
      </c>
      <c r="LU32" s="348">
        <v>0</v>
      </c>
      <c r="LV32" s="345">
        <v>0</v>
      </c>
      <c r="LW32" s="349">
        <v>0</v>
      </c>
      <c r="LX32" s="404">
        <v>0</v>
      </c>
      <c r="LY32" s="345">
        <v>102064</v>
      </c>
      <c r="LZ32" s="345">
        <v>0</v>
      </c>
      <c r="MA32" s="345">
        <v>207710</v>
      </c>
      <c r="MB32" s="345">
        <v>0</v>
      </c>
      <c r="MC32" s="345">
        <v>0</v>
      </c>
      <c r="MD32" s="349">
        <v>309774</v>
      </c>
      <c r="ME32" s="350">
        <v>309774</v>
      </c>
      <c r="MF32" s="348">
        <v>0</v>
      </c>
      <c r="MG32" s="345">
        <v>0</v>
      </c>
      <c r="MH32" s="349">
        <v>0</v>
      </c>
      <c r="MI32" s="404">
        <v>0</v>
      </c>
      <c r="MJ32" s="345">
        <v>190766</v>
      </c>
      <c r="MK32" s="345">
        <v>0</v>
      </c>
      <c r="ML32" s="345">
        <v>229925</v>
      </c>
      <c r="MM32" s="345">
        <v>220731</v>
      </c>
      <c r="MN32" s="345">
        <v>1026915</v>
      </c>
      <c r="MO32" s="349">
        <v>1668337</v>
      </c>
      <c r="MP32" s="354">
        <v>1668337</v>
      </c>
      <c r="MQ32" s="348">
        <v>0</v>
      </c>
      <c r="MR32" s="345">
        <v>0</v>
      </c>
      <c r="MS32" s="349">
        <v>0</v>
      </c>
      <c r="MT32" s="404">
        <v>0</v>
      </c>
      <c r="MU32" s="345">
        <v>0</v>
      </c>
      <c r="MV32" s="345">
        <v>0</v>
      </c>
      <c r="MW32" s="345">
        <v>0</v>
      </c>
      <c r="MX32" s="345">
        <v>220731</v>
      </c>
      <c r="MY32" s="345">
        <v>337127</v>
      </c>
      <c r="MZ32" s="349">
        <v>557858</v>
      </c>
      <c r="NA32" s="354">
        <v>557858</v>
      </c>
      <c r="NB32" s="348">
        <v>0</v>
      </c>
      <c r="NC32" s="345">
        <v>0</v>
      </c>
      <c r="ND32" s="349">
        <v>0</v>
      </c>
      <c r="NE32" s="404">
        <v>0</v>
      </c>
      <c r="NF32" s="345">
        <v>190766</v>
      </c>
      <c r="NG32" s="345">
        <v>0</v>
      </c>
      <c r="NH32" s="345">
        <v>229925</v>
      </c>
      <c r="NI32" s="345">
        <v>0</v>
      </c>
      <c r="NJ32" s="345">
        <v>0</v>
      </c>
      <c r="NK32" s="349">
        <v>420691</v>
      </c>
      <c r="NL32" s="347">
        <v>420691</v>
      </c>
      <c r="NM32" s="348">
        <v>0</v>
      </c>
      <c r="NN32" s="345">
        <v>0</v>
      </c>
      <c r="NO32" s="349">
        <v>0</v>
      </c>
      <c r="NP32" s="404">
        <v>0</v>
      </c>
      <c r="NQ32" s="345">
        <v>0</v>
      </c>
      <c r="NR32" s="345">
        <v>0</v>
      </c>
      <c r="NS32" s="345">
        <v>0</v>
      </c>
      <c r="NT32" s="345">
        <v>0</v>
      </c>
      <c r="NU32" s="345">
        <v>0</v>
      </c>
      <c r="NV32" s="349">
        <v>0</v>
      </c>
      <c r="NW32" s="350">
        <v>0</v>
      </c>
      <c r="NX32" s="348">
        <v>0</v>
      </c>
      <c r="NY32" s="345">
        <v>0</v>
      </c>
      <c r="NZ32" s="349">
        <v>0</v>
      </c>
      <c r="OA32" s="404">
        <v>0</v>
      </c>
      <c r="OB32" s="345">
        <v>0</v>
      </c>
      <c r="OC32" s="345">
        <v>0</v>
      </c>
      <c r="OD32" s="345">
        <v>0</v>
      </c>
      <c r="OE32" s="345">
        <v>0</v>
      </c>
      <c r="OF32" s="345">
        <v>689788</v>
      </c>
      <c r="OG32" s="349">
        <v>689788</v>
      </c>
      <c r="OH32" s="350">
        <v>689788</v>
      </c>
      <c r="OI32" s="348">
        <v>113613</v>
      </c>
      <c r="OJ32" s="345">
        <v>184941</v>
      </c>
      <c r="OK32" s="346">
        <v>298554</v>
      </c>
      <c r="OL32" s="351">
        <v>0</v>
      </c>
      <c r="OM32" s="345">
        <v>1432395</v>
      </c>
      <c r="ON32" s="345">
        <v>1309605</v>
      </c>
      <c r="OO32" s="345">
        <v>1978230</v>
      </c>
      <c r="OP32" s="345">
        <v>1403506</v>
      </c>
      <c r="OQ32" s="345">
        <v>2172458</v>
      </c>
      <c r="OR32" s="349">
        <v>8296194</v>
      </c>
      <c r="OS32" s="354">
        <v>8594748</v>
      </c>
    </row>
    <row r="33" spans="2:409" s="70" customFormat="1" ht="21" customHeight="1" x14ac:dyDescent="0.2">
      <c r="B33" s="106" t="s">
        <v>28</v>
      </c>
      <c r="C33" s="326">
        <v>0</v>
      </c>
      <c r="D33" s="327">
        <v>18742</v>
      </c>
      <c r="E33" s="328">
        <v>18742</v>
      </c>
      <c r="F33" s="329">
        <v>0</v>
      </c>
      <c r="G33" s="327">
        <v>91223</v>
      </c>
      <c r="H33" s="327">
        <v>185985</v>
      </c>
      <c r="I33" s="327">
        <v>318810</v>
      </c>
      <c r="J33" s="327">
        <v>124364</v>
      </c>
      <c r="K33" s="327">
        <v>316971</v>
      </c>
      <c r="L33" s="367">
        <v>1037353</v>
      </c>
      <c r="M33" s="330">
        <v>1056095</v>
      </c>
      <c r="N33" s="326">
        <v>0</v>
      </c>
      <c r="O33" s="327">
        <v>11042</v>
      </c>
      <c r="P33" s="328">
        <v>11042</v>
      </c>
      <c r="Q33" s="326">
        <v>0</v>
      </c>
      <c r="R33" s="327">
        <v>42065</v>
      </c>
      <c r="S33" s="327">
        <v>77140</v>
      </c>
      <c r="T33" s="327">
        <v>17928</v>
      </c>
      <c r="U33" s="327">
        <v>103014</v>
      </c>
      <c r="V33" s="327">
        <v>20188</v>
      </c>
      <c r="W33" s="328">
        <v>260335</v>
      </c>
      <c r="X33" s="330">
        <v>271377</v>
      </c>
      <c r="Y33" s="326">
        <v>0</v>
      </c>
      <c r="Z33" s="327">
        <v>0</v>
      </c>
      <c r="AA33" s="328">
        <v>0</v>
      </c>
      <c r="AB33" s="326">
        <v>0</v>
      </c>
      <c r="AC33" s="327">
        <v>34813</v>
      </c>
      <c r="AD33" s="327">
        <v>28460</v>
      </c>
      <c r="AE33" s="327">
        <v>0</v>
      </c>
      <c r="AF33" s="327">
        <v>91576</v>
      </c>
      <c r="AG33" s="327">
        <v>0</v>
      </c>
      <c r="AH33" s="328">
        <v>154849</v>
      </c>
      <c r="AI33" s="330">
        <v>154849</v>
      </c>
      <c r="AJ33" s="326">
        <v>0</v>
      </c>
      <c r="AK33" s="327">
        <v>0</v>
      </c>
      <c r="AL33" s="328">
        <v>0</v>
      </c>
      <c r="AM33" s="326">
        <v>0</v>
      </c>
      <c r="AN33" s="327">
        <v>0</v>
      </c>
      <c r="AO33" s="327">
        <v>0</v>
      </c>
      <c r="AP33" s="327">
        <v>0</v>
      </c>
      <c r="AQ33" s="327">
        <v>0</v>
      </c>
      <c r="AR33" s="327">
        <v>0</v>
      </c>
      <c r="AS33" s="328">
        <v>0</v>
      </c>
      <c r="AT33" s="330">
        <v>0</v>
      </c>
      <c r="AU33" s="326">
        <v>0</v>
      </c>
      <c r="AV33" s="327">
        <v>11042</v>
      </c>
      <c r="AW33" s="328">
        <v>11042</v>
      </c>
      <c r="AX33" s="326">
        <v>0</v>
      </c>
      <c r="AY33" s="327">
        <v>0</v>
      </c>
      <c r="AZ33" s="327">
        <v>31859</v>
      </c>
      <c r="BA33" s="327">
        <v>17928</v>
      </c>
      <c r="BB33" s="327">
        <v>0</v>
      </c>
      <c r="BC33" s="327">
        <v>0</v>
      </c>
      <c r="BD33" s="328">
        <v>49787</v>
      </c>
      <c r="BE33" s="330">
        <v>60829</v>
      </c>
      <c r="BF33" s="326">
        <v>0</v>
      </c>
      <c r="BG33" s="327">
        <v>0</v>
      </c>
      <c r="BH33" s="331">
        <v>0</v>
      </c>
      <c r="BI33" s="332">
        <v>0</v>
      </c>
      <c r="BJ33" s="327">
        <v>0</v>
      </c>
      <c r="BK33" s="327">
        <v>0</v>
      </c>
      <c r="BL33" s="327">
        <v>0</v>
      </c>
      <c r="BM33" s="327">
        <v>0</v>
      </c>
      <c r="BN33" s="327">
        <v>0</v>
      </c>
      <c r="BO33" s="328">
        <v>0</v>
      </c>
      <c r="BP33" s="330">
        <v>0</v>
      </c>
      <c r="BQ33" s="326">
        <v>0</v>
      </c>
      <c r="BR33" s="327">
        <v>0</v>
      </c>
      <c r="BS33" s="328">
        <v>0</v>
      </c>
      <c r="BT33" s="326">
        <v>0</v>
      </c>
      <c r="BU33" s="327">
        <v>7252</v>
      </c>
      <c r="BV33" s="327">
        <v>16821</v>
      </c>
      <c r="BW33" s="327">
        <v>0</v>
      </c>
      <c r="BX33" s="327">
        <v>11438</v>
      </c>
      <c r="BY33" s="327">
        <v>20188</v>
      </c>
      <c r="BZ33" s="328">
        <v>55699</v>
      </c>
      <c r="CA33" s="330">
        <v>55699</v>
      </c>
      <c r="CB33" s="326">
        <v>0</v>
      </c>
      <c r="CC33" s="327">
        <v>0</v>
      </c>
      <c r="CD33" s="328">
        <v>0</v>
      </c>
      <c r="CE33" s="326">
        <v>0</v>
      </c>
      <c r="CF33" s="327">
        <v>0</v>
      </c>
      <c r="CG33" s="327">
        <v>36843</v>
      </c>
      <c r="CH33" s="327">
        <v>169719</v>
      </c>
      <c r="CI33" s="327">
        <v>0</v>
      </c>
      <c r="CJ33" s="327">
        <v>0</v>
      </c>
      <c r="CK33" s="328">
        <v>206562</v>
      </c>
      <c r="CL33" s="330">
        <v>206562</v>
      </c>
      <c r="CM33" s="326">
        <v>0</v>
      </c>
      <c r="CN33" s="327">
        <v>0</v>
      </c>
      <c r="CO33" s="328">
        <v>0</v>
      </c>
      <c r="CP33" s="332">
        <v>0</v>
      </c>
      <c r="CQ33" s="327">
        <v>0</v>
      </c>
      <c r="CR33" s="327">
        <v>36843</v>
      </c>
      <c r="CS33" s="327">
        <v>104692</v>
      </c>
      <c r="CT33" s="327">
        <v>0</v>
      </c>
      <c r="CU33" s="327">
        <v>0</v>
      </c>
      <c r="CV33" s="328">
        <v>141535</v>
      </c>
      <c r="CW33" s="330">
        <v>141535</v>
      </c>
      <c r="CX33" s="326">
        <v>0</v>
      </c>
      <c r="CY33" s="327">
        <v>0</v>
      </c>
      <c r="CZ33" s="328">
        <v>0</v>
      </c>
      <c r="DA33" s="326">
        <v>0</v>
      </c>
      <c r="DB33" s="327">
        <v>0</v>
      </c>
      <c r="DC33" s="327">
        <v>0</v>
      </c>
      <c r="DD33" s="327">
        <v>65027</v>
      </c>
      <c r="DE33" s="327">
        <v>0</v>
      </c>
      <c r="DF33" s="327">
        <v>0</v>
      </c>
      <c r="DG33" s="328">
        <v>65027</v>
      </c>
      <c r="DH33" s="330">
        <v>65027</v>
      </c>
      <c r="DI33" s="326">
        <v>0</v>
      </c>
      <c r="DJ33" s="327">
        <v>0</v>
      </c>
      <c r="DK33" s="331">
        <v>0</v>
      </c>
      <c r="DL33" s="332">
        <v>0</v>
      </c>
      <c r="DM33" s="327">
        <v>49158</v>
      </c>
      <c r="DN33" s="327">
        <v>0</v>
      </c>
      <c r="DO33" s="327">
        <v>114083</v>
      </c>
      <c r="DP33" s="327">
        <v>0</v>
      </c>
      <c r="DQ33" s="327">
        <v>0</v>
      </c>
      <c r="DR33" s="328">
        <v>163241</v>
      </c>
      <c r="DS33" s="330">
        <v>163241</v>
      </c>
      <c r="DT33" s="326">
        <v>0</v>
      </c>
      <c r="DU33" s="327">
        <v>0</v>
      </c>
      <c r="DV33" s="328">
        <v>0</v>
      </c>
      <c r="DW33" s="326">
        <v>0</v>
      </c>
      <c r="DX33" s="327">
        <v>0</v>
      </c>
      <c r="DY33" s="327">
        <v>0</v>
      </c>
      <c r="DZ33" s="327">
        <v>114083</v>
      </c>
      <c r="EA33" s="327">
        <v>0</v>
      </c>
      <c r="EB33" s="327">
        <v>0</v>
      </c>
      <c r="EC33" s="328">
        <v>114083</v>
      </c>
      <c r="ED33" s="330">
        <v>114083</v>
      </c>
      <c r="EE33" s="326">
        <v>0</v>
      </c>
      <c r="EF33" s="331">
        <v>0</v>
      </c>
      <c r="EG33" s="328">
        <v>0</v>
      </c>
      <c r="EH33" s="326">
        <v>0</v>
      </c>
      <c r="EI33" s="327">
        <v>49158</v>
      </c>
      <c r="EJ33" s="327">
        <v>0</v>
      </c>
      <c r="EK33" s="327">
        <v>0</v>
      </c>
      <c r="EL33" s="327">
        <v>0</v>
      </c>
      <c r="EM33" s="327">
        <v>0</v>
      </c>
      <c r="EN33" s="331">
        <v>49158</v>
      </c>
      <c r="EO33" s="330">
        <v>49158</v>
      </c>
      <c r="EP33" s="326">
        <v>0</v>
      </c>
      <c r="EQ33" s="327">
        <v>0</v>
      </c>
      <c r="ER33" s="331">
        <v>0</v>
      </c>
      <c r="ES33" s="332">
        <v>0</v>
      </c>
      <c r="ET33" s="327">
        <v>0</v>
      </c>
      <c r="EU33" s="327">
        <v>0</v>
      </c>
      <c r="EV33" s="327">
        <v>0</v>
      </c>
      <c r="EW33" s="327">
        <v>0</v>
      </c>
      <c r="EX33" s="327">
        <v>0</v>
      </c>
      <c r="EY33" s="328">
        <v>0</v>
      </c>
      <c r="EZ33" s="330">
        <v>0</v>
      </c>
      <c r="FA33" s="326">
        <v>0</v>
      </c>
      <c r="FB33" s="327">
        <v>0</v>
      </c>
      <c r="FC33" s="331">
        <v>0</v>
      </c>
      <c r="FD33" s="404">
        <v>0</v>
      </c>
      <c r="FE33" s="327">
        <v>0</v>
      </c>
      <c r="FF33" s="327">
        <v>0</v>
      </c>
      <c r="FG33" s="327">
        <v>0</v>
      </c>
      <c r="FH33" s="327">
        <v>0</v>
      </c>
      <c r="FI33" s="327">
        <v>0</v>
      </c>
      <c r="FJ33" s="328">
        <v>0</v>
      </c>
      <c r="FK33" s="330">
        <v>0</v>
      </c>
      <c r="FL33" s="326">
        <v>0</v>
      </c>
      <c r="FM33" s="327">
        <v>7700</v>
      </c>
      <c r="FN33" s="328">
        <v>7700</v>
      </c>
      <c r="FO33" s="326">
        <v>0</v>
      </c>
      <c r="FP33" s="327">
        <v>0</v>
      </c>
      <c r="FQ33" s="327">
        <v>72002</v>
      </c>
      <c r="FR33" s="327">
        <v>17080</v>
      </c>
      <c r="FS33" s="327">
        <v>21350</v>
      </c>
      <c r="FT33" s="327">
        <v>0</v>
      </c>
      <c r="FU33" s="328">
        <v>110432</v>
      </c>
      <c r="FV33" s="330">
        <v>118132</v>
      </c>
      <c r="FW33" s="333">
        <v>0</v>
      </c>
      <c r="FX33" s="327">
        <v>7700</v>
      </c>
      <c r="FY33" s="331">
        <v>7700</v>
      </c>
      <c r="FZ33" s="332">
        <v>0</v>
      </c>
      <c r="GA33" s="327">
        <v>0</v>
      </c>
      <c r="GB33" s="327">
        <v>52598</v>
      </c>
      <c r="GC33" s="327">
        <v>17080</v>
      </c>
      <c r="GD33" s="327">
        <v>21350</v>
      </c>
      <c r="GE33" s="327">
        <v>0</v>
      </c>
      <c r="GF33" s="328">
        <v>91028</v>
      </c>
      <c r="GG33" s="334">
        <v>98728</v>
      </c>
      <c r="GH33" s="333">
        <v>0</v>
      </c>
      <c r="GI33" s="327">
        <v>0</v>
      </c>
      <c r="GJ33" s="331">
        <v>0</v>
      </c>
      <c r="GK33" s="332">
        <v>0</v>
      </c>
      <c r="GL33" s="327">
        <v>0</v>
      </c>
      <c r="GM33" s="327">
        <v>19404</v>
      </c>
      <c r="GN33" s="327">
        <v>0</v>
      </c>
      <c r="GO33" s="327">
        <v>0</v>
      </c>
      <c r="GP33" s="327">
        <v>0</v>
      </c>
      <c r="GQ33" s="328">
        <v>19404</v>
      </c>
      <c r="GR33" s="330">
        <v>19404</v>
      </c>
      <c r="GS33" s="326">
        <v>0</v>
      </c>
      <c r="GT33" s="327">
        <v>0</v>
      </c>
      <c r="GU33" s="328">
        <v>0</v>
      </c>
      <c r="GV33" s="326">
        <v>0</v>
      </c>
      <c r="GW33" s="327">
        <v>0</v>
      </c>
      <c r="GX33" s="327">
        <v>0</v>
      </c>
      <c r="GY33" s="327">
        <v>0</v>
      </c>
      <c r="GZ33" s="327">
        <v>0</v>
      </c>
      <c r="HA33" s="327">
        <v>0</v>
      </c>
      <c r="HB33" s="331">
        <v>0</v>
      </c>
      <c r="HC33" s="330">
        <v>0</v>
      </c>
      <c r="HD33" s="326">
        <v>0</v>
      </c>
      <c r="HE33" s="327">
        <v>0</v>
      </c>
      <c r="HF33" s="331">
        <v>0</v>
      </c>
      <c r="HG33" s="332">
        <v>0</v>
      </c>
      <c r="HH33" s="327">
        <v>0</v>
      </c>
      <c r="HI33" s="327">
        <v>0</v>
      </c>
      <c r="HJ33" s="327">
        <v>0</v>
      </c>
      <c r="HK33" s="327">
        <v>0</v>
      </c>
      <c r="HL33" s="327">
        <v>296783</v>
      </c>
      <c r="HM33" s="328">
        <v>296783</v>
      </c>
      <c r="HN33" s="329">
        <v>296783</v>
      </c>
      <c r="HO33" s="333">
        <v>0</v>
      </c>
      <c r="HP33" s="327">
        <v>0</v>
      </c>
      <c r="HQ33" s="328">
        <v>0</v>
      </c>
      <c r="HR33" s="326">
        <v>0</v>
      </c>
      <c r="HS33" s="327">
        <v>0</v>
      </c>
      <c r="HT33" s="327">
        <v>0</v>
      </c>
      <c r="HU33" s="327">
        <v>0</v>
      </c>
      <c r="HV33" s="327">
        <v>0</v>
      </c>
      <c r="HW33" s="327">
        <v>0</v>
      </c>
      <c r="HX33" s="331">
        <v>0</v>
      </c>
      <c r="HY33" s="330">
        <v>0</v>
      </c>
      <c r="HZ33" s="335">
        <v>0</v>
      </c>
      <c r="IA33" s="336">
        <v>0</v>
      </c>
      <c r="IB33" s="337">
        <v>0</v>
      </c>
      <c r="IC33" s="338">
        <v>0</v>
      </c>
      <c r="ID33" s="336">
        <v>154997</v>
      </c>
      <c r="IE33" s="339">
        <v>241815</v>
      </c>
      <c r="IF33" s="337">
        <v>0</v>
      </c>
      <c r="IG33" s="336">
        <v>0</v>
      </c>
      <c r="IH33" s="337">
        <v>0</v>
      </c>
      <c r="II33" s="340">
        <v>396812</v>
      </c>
      <c r="IJ33" s="341">
        <v>396812</v>
      </c>
      <c r="IK33" s="342">
        <v>0</v>
      </c>
      <c r="IL33" s="343">
        <v>0</v>
      </c>
      <c r="IM33" s="344">
        <v>0</v>
      </c>
      <c r="IN33" s="404">
        <v>0</v>
      </c>
      <c r="IO33" s="345">
        <v>0</v>
      </c>
      <c r="IP33" s="345">
        <v>0</v>
      </c>
      <c r="IQ33" s="345">
        <v>0</v>
      </c>
      <c r="IR33" s="345">
        <v>0</v>
      </c>
      <c r="IS33" s="345">
        <v>0</v>
      </c>
      <c r="IT33" s="346">
        <v>0</v>
      </c>
      <c r="IU33" s="347">
        <v>0</v>
      </c>
      <c r="IV33" s="348">
        <v>0</v>
      </c>
      <c r="IW33" s="345">
        <v>0</v>
      </c>
      <c r="IX33" s="349">
        <v>0</v>
      </c>
      <c r="IY33" s="404">
        <v>0</v>
      </c>
      <c r="IZ33" s="345">
        <v>0</v>
      </c>
      <c r="JA33" s="345">
        <v>0</v>
      </c>
      <c r="JB33" s="345">
        <v>0</v>
      </c>
      <c r="JC33" s="345">
        <v>0</v>
      </c>
      <c r="JD33" s="345">
        <v>0</v>
      </c>
      <c r="JE33" s="349">
        <v>0</v>
      </c>
      <c r="JF33" s="350">
        <v>0</v>
      </c>
      <c r="JG33" s="348">
        <v>0</v>
      </c>
      <c r="JH33" s="345">
        <v>0</v>
      </c>
      <c r="JI33" s="346">
        <v>0</v>
      </c>
      <c r="JJ33" s="351">
        <v>0</v>
      </c>
      <c r="JK33" s="345">
        <v>154997</v>
      </c>
      <c r="JL33" s="345">
        <v>25168</v>
      </c>
      <c r="JM33" s="345">
        <v>0</v>
      </c>
      <c r="JN33" s="345">
        <v>0</v>
      </c>
      <c r="JO33" s="345">
        <v>0</v>
      </c>
      <c r="JP33" s="349">
        <v>180165</v>
      </c>
      <c r="JQ33" s="347">
        <v>180165</v>
      </c>
      <c r="JR33" s="348">
        <v>0</v>
      </c>
      <c r="JS33" s="345">
        <v>0</v>
      </c>
      <c r="JT33" s="346">
        <v>0</v>
      </c>
      <c r="JU33" s="351">
        <v>0</v>
      </c>
      <c r="JV33" s="345">
        <v>0</v>
      </c>
      <c r="JW33" s="345">
        <v>0</v>
      </c>
      <c r="JX33" s="345">
        <v>0</v>
      </c>
      <c r="JY33" s="345">
        <v>0</v>
      </c>
      <c r="JZ33" s="345">
        <v>0</v>
      </c>
      <c r="KA33" s="349">
        <v>0</v>
      </c>
      <c r="KB33" s="347">
        <v>0</v>
      </c>
      <c r="KC33" s="352">
        <v>0</v>
      </c>
      <c r="KD33" s="353">
        <v>0</v>
      </c>
      <c r="KE33" s="349">
        <v>0</v>
      </c>
      <c r="KF33" s="351">
        <v>0</v>
      </c>
      <c r="KG33" s="345">
        <v>0</v>
      </c>
      <c r="KH33" s="345">
        <v>0</v>
      </c>
      <c r="KI33" s="345">
        <v>0</v>
      </c>
      <c r="KJ33" s="345">
        <v>0</v>
      </c>
      <c r="KK33" s="345">
        <v>0</v>
      </c>
      <c r="KL33" s="349">
        <v>0</v>
      </c>
      <c r="KM33" s="354">
        <v>0</v>
      </c>
      <c r="KN33" s="342">
        <v>0</v>
      </c>
      <c r="KO33" s="343">
        <v>0</v>
      </c>
      <c r="KP33" s="344">
        <v>0</v>
      </c>
      <c r="KQ33" s="404">
        <v>0</v>
      </c>
      <c r="KR33" s="345">
        <v>0</v>
      </c>
      <c r="KS33" s="345">
        <v>216647</v>
      </c>
      <c r="KT33" s="345">
        <v>0</v>
      </c>
      <c r="KU33" s="345">
        <v>0</v>
      </c>
      <c r="KV33" s="345">
        <v>0</v>
      </c>
      <c r="KW33" s="349">
        <v>216647</v>
      </c>
      <c r="KX33" s="347">
        <v>216647</v>
      </c>
      <c r="KY33" s="348">
        <v>0</v>
      </c>
      <c r="KZ33" s="345">
        <v>0</v>
      </c>
      <c r="LA33" s="349">
        <v>0</v>
      </c>
      <c r="LB33" s="404">
        <v>0</v>
      </c>
      <c r="LC33" s="345">
        <v>0</v>
      </c>
      <c r="LD33" s="345">
        <v>0</v>
      </c>
      <c r="LE33" s="345">
        <v>0</v>
      </c>
      <c r="LF33" s="345">
        <v>0</v>
      </c>
      <c r="LG33" s="345">
        <v>0</v>
      </c>
      <c r="LH33" s="349">
        <v>0</v>
      </c>
      <c r="LI33" s="350">
        <v>0</v>
      </c>
      <c r="LJ33" s="348">
        <v>0</v>
      </c>
      <c r="LK33" s="345">
        <v>0</v>
      </c>
      <c r="LL33" s="349">
        <v>0</v>
      </c>
      <c r="LM33" s="404">
        <v>0</v>
      </c>
      <c r="LN33" s="345">
        <v>0</v>
      </c>
      <c r="LO33" s="345">
        <v>0</v>
      </c>
      <c r="LP33" s="345">
        <v>0</v>
      </c>
      <c r="LQ33" s="345">
        <v>0</v>
      </c>
      <c r="LR33" s="345">
        <v>0</v>
      </c>
      <c r="LS33" s="349">
        <v>0</v>
      </c>
      <c r="LT33" s="347">
        <v>0</v>
      </c>
      <c r="LU33" s="348">
        <v>0</v>
      </c>
      <c r="LV33" s="345">
        <v>0</v>
      </c>
      <c r="LW33" s="349">
        <v>0</v>
      </c>
      <c r="LX33" s="404">
        <v>0</v>
      </c>
      <c r="LY33" s="345">
        <v>0</v>
      </c>
      <c r="LZ33" s="345">
        <v>0</v>
      </c>
      <c r="MA33" s="345">
        <v>0</v>
      </c>
      <c r="MB33" s="345">
        <v>0</v>
      </c>
      <c r="MC33" s="345">
        <v>0</v>
      </c>
      <c r="MD33" s="349">
        <v>0</v>
      </c>
      <c r="ME33" s="350">
        <v>0</v>
      </c>
      <c r="MF33" s="348">
        <v>0</v>
      </c>
      <c r="MG33" s="345">
        <v>0</v>
      </c>
      <c r="MH33" s="349">
        <v>0</v>
      </c>
      <c r="MI33" s="404">
        <v>0</v>
      </c>
      <c r="MJ33" s="345">
        <v>0</v>
      </c>
      <c r="MK33" s="345">
        <v>0</v>
      </c>
      <c r="ML33" s="345">
        <v>320075</v>
      </c>
      <c r="MM33" s="345">
        <v>0</v>
      </c>
      <c r="MN33" s="345">
        <v>0</v>
      </c>
      <c r="MO33" s="349">
        <v>320075</v>
      </c>
      <c r="MP33" s="354">
        <v>320075</v>
      </c>
      <c r="MQ33" s="348">
        <v>0</v>
      </c>
      <c r="MR33" s="345">
        <v>0</v>
      </c>
      <c r="MS33" s="349">
        <v>0</v>
      </c>
      <c r="MT33" s="404">
        <v>0</v>
      </c>
      <c r="MU33" s="345">
        <v>0</v>
      </c>
      <c r="MV33" s="345">
        <v>0</v>
      </c>
      <c r="MW33" s="345">
        <v>0</v>
      </c>
      <c r="MX33" s="345">
        <v>0</v>
      </c>
      <c r="MY33" s="345">
        <v>0</v>
      </c>
      <c r="MZ33" s="349">
        <v>0</v>
      </c>
      <c r="NA33" s="354">
        <v>0</v>
      </c>
      <c r="NB33" s="348">
        <v>0</v>
      </c>
      <c r="NC33" s="345">
        <v>0</v>
      </c>
      <c r="ND33" s="349">
        <v>0</v>
      </c>
      <c r="NE33" s="404">
        <v>0</v>
      </c>
      <c r="NF33" s="345">
        <v>0</v>
      </c>
      <c r="NG33" s="345">
        <v>0</v>
      </c>
      <c r="NH33" s="345">
        <v>320075</v>
      </c>
      <c r="NI33" s="345">
        <v>0</v>
      </c>
      <c r="NJ33" s="345">
        <v>0</v>
      </c>
      <c r="NK33" s="349">
        <v>320075</v>
      </c>
      <c r="NL33" s="347">
        <v>320075</v>
      </c>
      <c r="NM33" s="348">
        <v>0</v>
      </c>
      <c r="NN33" s="345">
        <v>0</v>
      </c>
      <c r="NO33" s="349">
        <v>0</v>
      </c>
      <c r="NP33" s="404">
        <v>0</v>
      </c>
      <c r="NQ33" s="345">
        <v>0</v>
      </c>
      <c r="NR33" s="345">
        <v>0</v>
      </c>
      <c r="NS33" s="345">
        <v>0</v>
      </c>
      <c r="NT33" s="345">
        <v>0</v>
      </c>
      <c r="NU33" s="345">
        <v>0</v>
      </c>
      <c r="NV33" s="349">
        <v>0</v>
      </c>
      <c r="NW33" s="350">
        <v>0</v>
      </c>
      <c r="NX33" s="348">
        <v>0</v>
      </c>
      <c r="NY33" s="345">
        <v>0</v>
      </c>
      <c r="NZ33" s="349">
        <v>0</v>
      </c>
      <c r="OA33" s="404">
        <v>0</v>
      </c>
      <c r="OB33" s="345">
        <v>0</v>
      </c>
      <c r="OC33" s="345">
        <v>0</v>
      </c>
      <c r="OD33" s="345">
        <v>0</v>
      </c>
      <c r="OE33" s="345">
        <v>0</v>
      </c>
      <c r="OF33" s="345">
        <v>0</v>
      </c>
      <c r="OG33" s="349">
        <v>0</v>
      </c>
      <c r="OH33" s="350">
        <v>0</v>
      </c>
      <c r="OI33" s="348">
        <v>0</v>
      </c>
      <c r="OJ33" s="345">
        <v>18742</v>
      </c>
      <c r="OK33" s="346">
        <v>18742</v>
      </c>
      <c r="OL33" s="351">
        <v>0</v>
      </c>
      <c r="OM33" s="345">
        <v>246220</v>
      </c>
      <c r="ON33" s="345">
        <v>427800</v>
      </c>
      <c r="OO33" s="345">
        <v>638885</v>
      </c>
      <c r="OP33" s="345">
        <v>124364</v>
      </c>
      <c r="OQ33" s="345">
        <v>316971</v>
      </c>
      <c r="OR33" s="349">
        <v>1754240</v>
      </c>
      <c r="OS33" s="354">
        <v>1772982</v>
      </c>
    </row>
    <row r="34" spans="2:409" s="70" customFormat="1" ht="21" customHeight="1" x14ac:dyDescent="0.2">
      <c r="B34" s="106" t="s">
        <v>29</v>
      </c>
      <c r="C34" s="326">
        <v>64639</v>
      </c>
      <c r="D34" s="327">
        <v>123295</v>
      </c>
      <c r="E34" s="328">
        <v>187934</v>
      </c>
      <c r="F34" s="329">
        <v>0</v>
      </c>
      <c r="G34" s="327">
        <v>336909</v>
      </c>
      <c r="H34" s="327">
        <v>312790</v>
      </c>
      <c r="I34" s="327">
        <v>311138</v>
      </c>
      <c r="J34" s="327">
        <v>363271</v>
      </c>
      <c r="K34" s="327">
        <v>195405</v>
      </c>
      <c r="L34" s="367">
        <v>1519513</v>
      </c>
      <c r="M34" s="330">
        <v>1707447</v>
      </c>
      <c r="N34" s="326">
        <v>17150</v>
      </c>
      <c r="O34" s="327">
        <v>110695</v>
      </c>
      <c r="P34" s="328">
        <v>127845</v>
      </c>
      <c r="Q34" s="326">
        <v>0</v>
      </c>
      <c r="R34" s="327">
        <v>174920</v>
      </c>
      <c r="S34" s="327">
        <v>173549</v>
      </c>
      <c r="T34" s="327">
        <v>121241</v>
      </c>
      <c r="U34" s="327">
        <v>152243</v>
      </c>
      <c r="V34" s="327">
        <v>0</v>
      </c>
      <c r="W34" s="328">
        <v>621953</v>
      </c>
      <c r="X34" s="330">
        <v>749798</v>
      </c>
      <c r="Y34" s="326">
        <v>0</v>
      </c>
      <c r="Z34" s="327">
        <v>0</v>
      </c>
      <c r="AA34" s="328">
        <v>0</v>
      </c>
      <c r="AB34" s="326">
        <v>0</v>
      </c>
      <c r="AC34" s="327">
        <v>35288</v>
      </c>
      <c r="AD34" s="327">
        <v>86060</v>
      </c>
      <c r="AE34" s="327">
        <v>100758</v>
      </c>
      <c r="AF34" s="327">
        <v>122948</v>
      </c>
      <c r="AG34" s="327">
        <v>0</v>
      </c>
      <c r="AH34" s="328">
        <v>345054</v>
      </c>
      <c r="AI34" s="330">
        <v>345054</v>
      </c>
      <c r="AJ34" s="326">
        <v>0</v>
      </c>
      <c r="AK34" s="327">
        <v>0</v>
      </c>
      <c r="AL34" s="328">
        <v>0</v>
      </c>
      <c r="AM34" s="326">
        <v>0</v>
      </c>
      <c r="AN34" s="327">
        <v>0</v>
      </c>
      <c r="AO34" s="327">
        <v>0</v>
      </c>
      <c r="AP34" s="327">
        <v>0</v>
      </c>
      <c r="AQ34" s="327">
        <v>0</v>
      </c>
      <c r="AR34" s="327">
        <v>0</v>
      </c>
      <c r="AS34" s="328">
        <v>0</v>
      </c>
      <c r="AT34" s="330">
        <v>0</v>
      </c>
      <c r="AU34" s="326">
        <v>17150</v>
      </c>
      <c r="AV34" s="327">
        <v>49000</v>
      </c>
      <c r="AW34" s="328">
        <v>66150</v>
      </c>
      <c r="AX34" s="326">
        <v>0</v>
      </c>
      <c r="AY34" s="327">
        <v>125485</v>
      </c>
      <c r="AZ34" s="327">
        <v>87489</v>
      </c>
      <c r="BA34" s="327">
        <v>6021</v>
      </c>
      <c r="BB34" s="327">
        <v>8918</v>
      </c>
      <c r="BC34" s="327">
        <v>0</v>
      </c>
      <c r="BD34" s="328">
        <v>227913</v>
      </c>
      <c r="BE34" s="330">
        <v>294063</v>
      </c>
      <c r="BF34" s="326">
        <v>0</v>
      </c>
      <c r="BG34" s="327">
        <v>49389</v>
      </c>
      <c r="BH34" s="331">
        <v>49389</v>
      </c>
      <c r="BI34" s="332">
        <v>0</v>
      </c>
      <c r="BJ34" s="327">
        <v>0</v>
      </c>
      <c r="BK34" s="327">
        <v>0</v>
      </c>
      <c r="BL34" s="327">
        <v>0</v>
      </c>
      <c r="BM34" s="327">
        <v>0</v>
      </c>
      <c r="BN34" s="327">
        <v>0</v>
      </c>
      <c r="BO34" s="328">
        <v>0</v>
      </c>
      <c r="BP34" s="330">
        <v>49389</v>
      </c>
      <c r="BQ34" s="326">
        <v>0</v>
      </c>
      <c r="BR34" s="327">
        <v>12306</v>
      </c>
      <c r="BS34" s="328">
        <v>12306</v>
      </c>
      <c r="BT34" s="326">
        <v>0</v>
      </c>
      <c r="BU34" s="327">
        <v>14147</v>
      </c>
      <c r="BV34" s="327">
        <v>0</v>
      </c>
      <c r="BW34" s="327">
        <v>14462</v>
      </c>
      <c r="BX34" s="327">
        <v>20377</v>
      </c>
      <c r="BY34" s="327">
        <v>0</v>
      </c>
      <c r="BZ34" s="328">
        <v>48986</v>
      </c>
      <c r="CA34" s="330">
        <v>61292</v>
      </c>
      <c r="CB34" s="326">
        <v>0</v>
      </c>
      <c r="CC34" s="327">
        <v>0</v>
      </c>
      <c r="CD34" s="328">
        <v>0</v>
      </c>
      <c r="CE34" s="326">
        <v>0</v>
      </c>
      <c r="CF34" s="327">
        <v>160239</v>
      </c>
      <c r="CG34" s="327">
        <v>40376</v>
      </c>
      <c r="CH34" s="327">
        <v>0</v>
      </c>
      <c r="CI34" s="327">
        <v>0</v>
      </c>
      <c r="CJ34" s="327">
        <v>0</v>
      </c>
      <c r="CK34" s="328">
        <v>200615</v>
      </c>
      <c r="CL34" s="330">
        <v>200615</v>
      </c>
      <c r="CM34" s="326">
        <v>0</v>
      </c>
      <c r="CN34" s="327">
        <v>0</v>
      </c>
      <c r="CO34" s="328">
        <v>0</v>
      </c>
      <c r="CP34" s="332">
        <v>0</v>
      </c>
      <c r="CQ34" s="327">
        <v>122850</v>
      </c>
      <c r="CR34" s="327">
        <v>40376</v>
      </c>
      <c r="CS34" s="327">
        <v>0</v>
      </c>
      <c r="CT34" s="327">
        <v>0</v>
      </c>
      <c r="CU34" s="327">
        <v>0</v>
      </c>
      <c r="CV34" s="328">
        <v>163226</v>
      </c>
      <c r="CW34" s="330">
        <v>163226</v>
      </c>
      <c r="CX34" s="326">
        <v>0</v>
      </c>
      <c r="CY34" s="327">
        <v>0</v>
      </c>
      <c r="CZ34" s="328">
        <v>0</v>
      </c>
      <c r="DA34" s="326">
        <v>0</v>
      </c>
      <c r="DB34" s="327">
        <v>37389</v>
      </c>
      <c r="DC34" s="327">
        <v>0</v>
      </c>
      <c r="DD34" s="327">
        <v>0</v>
      </c>
      <c r="DE34" s="327">
        <v>0</v>
      </c>
      <c r="DF34" s="327">
        <v>0</v>
      </c>
      <c r="DG34" s="328">
        <v>37389</v>
      </c>
      <c r="DH34" s="330">
        <v>37389</v>
      </c>
      <c r="DI34" s="326">
        <v>0</v>
      </c>
      <c r="DJ34" s="327">
        <v>0</v>
      </c>
      <c r="DK34" s="331">
        <v>0</v>
      </c>
      <c r="DL34" s="332">
        <v>0</v>
      </c>
      <c r="DM34" s="327">
        <v>0</v>
      </c>
      <c r="DN34" s="327">
        <v>27486</v>
      </c>
      <c r="DO34" s="327">
        <v>0</v>
      </c>
      <c r="DP34" s="327">
        <v>0</v>
      </c>
      <c r="DQ34" s="327">
        <v>0</v>
      </c>
      <c r="DR34" s="328">
        <v>27486</v>
      </c>
      <c r="DS34" s="330">
        <v>27486</v>
      </c>
      <c r="DT34" s="326">
        <v>0</v>
      </c>
      <c r="DU34" s="327">
        <v>0</v>
      </c>
      <c r="DV34" s="328">
        <v>0</v>
      </c>
      <c r="DW34" s="326">
        <v>0</v>
      </c>
      <c r="DX34" s="327">
        <v>0</v>
      </c>
      <c r="DY34" s="327">
        <v>27486</v>
      </c>
      <c r="DZ34" s="327">
        <v>0</v>
      </c>
      <c r="EA34" s="327">
        <v>0</v>
      </c>
      <c r="EB34" s="327">
        <v>0</v>
      </c>
      <c r="EC34" s="328">
        <v>27486</v>
      </c>
      <c r="ED34" s="330">
        <v>27486</v>
      </c>
      <c r="EE34" s="326">
        <v>0</v>
      </c>
      <c r="EF34" s="331">
        <v>0</v>
      </c>
      <c r="EG34" s="328">
        <v>0</v>
      </c>
      <c r="EH34" s="326">
        <v>0</v>
      </c>
      <c r="EI34" s="327">
        <v>0</v>
      </c>
      <c r="EJ34" s="327">
        <v>0</v>
      </c>
      <c r="EK34" s="327">
        <v>0</v>
      </c>
      <c r="EL34" s="327">
        <v>0</v>
      </c>
      <c r="EM34" s="327">
        <v>0</v>
      </c>
      <c r="EN34" s="331">
        <v>0</v>
      </c>
      <c r="EO34" s="330">
        <v>0</v>
      </c>
      <c r="EP34" s="326">
        <v>0</v>
      </c>
      <c r="EQ34" s="327">
        <v>0</v>
      </c>
      <c r="ER34" s="331">
        <v>0</v>
      </c>
      <c r="ES34" s="332">
        <v>0</v>
      </c>
      <c r="ET34" s="327">
        <v>0</v>
      </c>
      <c r="EU34" s="327">
        <v>0</v>
      </c>
      <c r="EV34" s="327">
        <v>0</v>
      </c>
      <c r="EW34" s="327">
        <v>0</v>
      </c>
      <c r="EX34" s="327">
        <v>0</v>
      </c>
      <c r="EY34" s="328">
        <v>0</v>
      </c>
      <c r="EZ34" s="330">
        <v>0</v>
      </c>
      <c r="FA34" s="326">
        <v>0</v>
      </c>
      <c r="FB34" s="327">
        <v>0</v>
      </c>
      <c r="FC34" s="331">
        <v>0</v>
      </c>
      <c r="FD34" s="404">
        <v>0</v>
      </c>
      <c r="FE34" s="327">
        <v>0</v>
      </c>
      <c r="FF34" s="327">
        <v>0</v>
      </c>
      <c r="FG34" s="327">
        <v>0</v>
      </c>
      <c r="FH34" s="327">
        <v>0</v>
      </c>
      <c r="FI34" s="327">
        <v>0</v>
      </c>
      <c r="FJ34" s="328">
        <v>0</v>
      </c>
      <c r="FK34" s="330">
        <v>0</v>
      </c>
      <c r="FL34" s="326">
        <v>2100</v>
      </c>
      <c r="FM34" s="327">
        <v>12600</v>
      </c>
      <c r="FN34" s="328">
        <v>14700</v>
      </c>
      <c r="FO34" s="326">
        <v>0</v>
      </c>
      <c r="FP34" s="327">
        <v>1750</v>
      </c>
      <c r="FQ34" s="327">
        <v>66598</v>
      </c>
      <c r="FR34" s="327">
        <v>18200</v>
      </c>
      <c r="FS34" s="327">
        <v>27510</v>
      </c>
      <c r="FT34" s="327">
        <v>0</v>
      </c>
      <c r="FU34" s="328">
        <v>114058</v>
      </c>
      <c r="FV34" s="330">
        <v>128758</v>
      </c>
      <c r="FW34" s="333">
        <v>2100</v>
      </c>
      <c r="FX34" s="327">
        <v>12600</v>
      </c>
      <c r="FY34" s="331">
        <v>14700</v>
      </c>
      <c r="FZ34" s="332">
        <v>0</v>
      </c>
      <c r="GA34" s="327">
        <v>1750</v>
      </c>
      <c r="GB34" s="327">
        <v>66598</v>
      </c>
      <c r="GC34" s="327">
        <v>18200</v>
      </c>
      <c r="GD34" s="327">
        <v>27510</v>
      </c>
      <c r="GE34" s="327">
        <v>0</v>
      </c>
      <c r="GF34" s="328">
        <v>114058</v>
      </c>
      <c r="GG34" s="334">
        <v>128758</v>
      </c>
      <c r="GH34" s="333">
        <v>0</v>
      </c>
      <c r="GI34" s="327">
        <v>0</v>
      </c>
      <c r="GJ34" s="331">
        <v>0</v>
      </c>
      <c r="GK34" s="332">
        <v>0</v>
      </c>
      <c r="GL34" s="327">
        <v>0</v>
      </c>
      <c r="GM34" s="327">
        <v>0</v>
      </c>
      <c r="GN34" s="327">
        <v>0</v>
      </c>
      <c r="GO34" s="327">
        <v>0</v>
      </c>
      <c r="GP34" s="327">
        <v>0</v>
      </c>
      <c r="GQ34" s="328">
        <v>0</v>
      </c>
      <c r="GR34" s="330">
        <v>0</v>
      </c>
      <c r="GS34" s="326">
        <v>0</v>
      </c>
      <c r="GT34" s="327">
        <v>0</v>
      </c>
      <c r="GU34" s="328">
        <v>0</v>
      </c>
      <c r="GV34" s="326">
        <v>0</v>
      </c>
      <c r="GW34" s="327">
        <v>0</v>
      </c>
      <c r="GX34" s="327">
        <v>0</v>
      </c>
      <c r="GY34" s="327">
        <v>0</v>
      </c>
      <c r="GZ34" s="327">
        <v>0</v>
      </c>
      <c r="HA34" s="327">
        <v>0</v>
      </c>
      <c r="HB34" s="331">
        <v>0</v>
      </c>
      <c r="HC34" s="330">
        <v>0</v>
      </c>
      <c r="HD34" s="326">
        <v>45389</v>
      </c>
      <c r="HE34" s="327">
        <v>0</v>
      </c>
      <c r="HF34" s="331">
        <v>45389</v>
      </c>
      <c r="HG34" s="332">
        <v>0</v>
      </c>
      <c r="HH34" s="327">
        <v>0</v>
      </c>
      <c r="HI34" s="327">
        <v>4781</v>
      </c>
      <c r="HJ34" s="327">
        <v>171697</v>
      </c>
      <c r="HK34" s="327">
        <v>183518</v>
      </c>
      <c r="HL34" s="327">
        <v>195405</v>
      </c>
      <c r="HM34" s="328">
        <v>555401</v>
      </c>
      <c r="HN34" s="329">
        <v>600790</v>
      </c>
      <c r="HO34" s="333">
        <v>0</v>
      </c>
      <c r="HP34" s="327">
        <v>0</v>
      </c>
      <c r="HQ34" s="328">
        <v>0</v>
      </c>
      <c r="HR34" s="326">
        <v>0</v>
      </c>
      <c r="HS34" s="327">
        <v>0</v>
      </c>
      <c r="HT34" s="327">
        <v>0</v>
      </c>
      <c r="HU34" s="327">
        <v>0</v>
      </c>
      <c r="HV34" s="327">
        <v>0</v>
      </c>
      <c r="HW34" s="327">
        <v>0</v>
      </c>
      <c r="HX34" s="331">
        <v>0</v>
      </c>
      <c r="HY34" s="330">
        <v>0</v>
      </c>
      <c r="HZ34" s="358">
        <v>0</v>
      </c>
      <c r="IA34" s="356">
        <v>0</v>
      </c>
      <c r="IB34" s="358">
        <v>0</v>
      </c>
      <c r="IC34" s="355">
        <v>0</v>
      </c>
      <c r="ID34" s="356">
        <v>174034</v>
      </c>
      <c r="IE34" s="357">
        <v>157724</v>
      </c>
      <c r="IF34" s="358">
        <v>36932</v>
      </c>
      <c r="IG34" s="356">
        <v>234290</v>
      </c>
      <c r="IH34" s="358">
        <v>0</v>
      </c>
      <c r="II34" s="359">
        <v>602980</v>
      </c>
      <c r="IJ34" s="358">
        <v>602980</v>
      </c>
      <c r="IK34" s="342">
        <v>0</v>
      </c>
      <c r="IL34" s="343">
        <v>0</v>
      </c>
      <c r="IM34" s="344">
        <v>0</v>
      </c>
      <c r="IN34" s="404">
        <v>0</v>
      </c>
      <c r="IO34" s="345">
        <v>53403</v>
      </c>
      <c r="IP34" s="345">
        <v>0</v>
      </c>
      <c r="IQ34" s="345">
        <v>0</v>
      </c>
      <c r="IR34" s="345">
        <v>0</v>
      </c>
      <c r="IS34" s="345">
        <v>0</v>
      </c>
      <c r="IT34" s="346">
        <v>53403</v>
      </c>
      <c r="IU34" s="347">
        <v>53403</v>
      </c>
      <c r="IV34" s="348">
        <v>0</v>
      </c>
      <c r="IW34" s="345">
        <v>0</v>
      </c>
      <c r="IX34" s="349">
        <v>0</v>
      </c>
      <c r="IY34" s="404">
        <v>0</v>
      </c>
      <c r="IZ34" s="345">
        <v>0</v>
      </c>
      <c r="JA34" s="345">
        <v>0</v>
      </c>
      <c r="JB34" s="345">
        <v>0</v>
      </c>
      <c r="JC34" s="345">
        <v>0</v>
      </c>
      <c r="JD34" s="345">
        <v>0</v>
      </c>
      <c r="JE34" s="349">
        <v>0</v>
      </c>
      <c r="JF34" s="350">
        <v>0</v>
      </c>
      <c r="JG34" s="348">
        <v>0</v>
      </c>
      <c r="JH34" s="345">
        <v>0</v>
      </c>
      <c r="JI34" s="346">
        <v>0</v>
      </c>
      <c r="JJ34" s="351">
        <v>0</v>
      </c>
      <c r="JK34" s="345">
        <v>0</v>
      </c>
      <c r="JL34" s="345">
        <v>0</v>
      </c>
      <c r="JM34" s="345">
        <v>36932</v>
      </c>
      <c r="JN34" s="345">
        <v>0</v>
      </c>
      <c r="JO34" s="345">
        <v>0</v>
      </c>
      <c r="JP34" s="349">
        <v>36932</v>
      </c>
      <c r="JQ34" s="347">
        <v>36932</v>
      </c>
      <c r="JR34" s="348">
        <v>0</v>
      </c>
      <c r="JS34" s="345">
        <v>0</v>
      </c>
      <c r="JT34" s="346">
        <v>0</v>
      </c>
      <c r="JU34" s="351">
        <v>0</v>
      </c>
      <c r="JV34" s="345">
        <v>0</v>
      </c>
      <c r="JW34" s="345">
        <v>0</v>
      </c>
      <c r="JX34" s="345">
        <v>0</v>
      </c>
      <c r="JY34" s="345">
        <v>0</v>
      </c>
      <c r="JZ34" s="345">
        <v>0</v>
      </c>
      <c r="KA34" s="349">
        <v>0</v>
      </c>
      <c r="KB34" s="347">
        <v>0</v>
      </c>
      <c r="KC34" s="352">
        <v>0</v>
      </c>
      <c r="KD34" s="353">
        <v>0</v>
      </c>
      <c r="KE34" s="349">
        <v>0</v>
      </c>
      <c r="KF34" s="351">
        <v>0</v>
      </c>
      <c r="KG34" s="345">
        <v>120631</v>
      </c>
      <c r="KH34" s="345">
        <v>157724</v>
      </c>
      <c r="KI34" s="345">
        <v>0</v>
      </c>
      <c r="KJ34" s="345">
        <v>0</v>
      </c>
      <c r="KK34" s="345">
        <v>0</v>
      </c>
      <c r="KL34" s="349">
        <v>278355</v>
      </c>
      <c r="KM34" s="354">
        <v>278355</v>
      </c>
      <c r="KN34" s="342">
        <v>0</v>
      </c>
      <c r="KO34" s="343">
        <v>0</v>
      </c>
      <c r="KP34" s="344">
        <v>0</v>
      </c>
      <c r="KQ34" s="404">
        <v>0</v>
      </c>
      <c r="KR34" s="345">
        <v>0</v>
      </c>
      <c r="KS34" s="345">
        <v>0</v>
      </c>
      <c r="KT34" s="345">
        <v>0</v>
      </c>
      <c r="KU34" s="345">
        <v>0</v>
      </c>
      <c r="KV34" s="345">
        <v>0</v>
      </c>
      <c r="KW34" s="349">
        <v>0</v>
      </c>
      <c r="KX34" s="347">
        <v>0</v>
      </c>
      <c r="KY34" s="348">
        <v>0</v>
      </c>
      <c r="KZ34" s="345">
        <v>0</v>
      </c>
      <c r="LA34" s="349">
        <v>0</v>
      </c>
      <c r="LB34" s="404">
        <v>0</v>
      </c>
      <c r="LC34" s="345">
        <v>0</v>
      </c>
      <c r="LD34" s="345">
        <v>0</v>
      </c>
      <c r="LE34" s="345">
        <v>0</v>
      </c>
      <c r="LF34" s="345">
        <v>0</v>
      </c>
      <c r="LG34" s="345">
        <v>0</v>
      </c>
      <c r="LH34" s="349">
        <v>0</v>
      </c>
      <c r="LI34" s="350">
        <v>0</v>
      </c>
      <c r="LJ34" s="348">
        <v>0</v>
      </c>
      <c r="LK34" s="345">
        <v>0</v>
      </c>
      <c r="LL34" s="349">
        <v>0</v>
      </c>
      <c r="LM34" s="404">
        <v>0</v>
      </c>
      <c r="LN34" s="345">
        <v>0</v>
      </c>
      <c r="LO34" s="345">
        <v>0</v>
      </c>
      <c r="LP34" s="345">
        <v>0</v>
      </c>
      <c r="LQ34" s="345">
        <v>234290</v>
      </c>
      <c r="LR34" s="345">
        <v>0</v>
      </c>
      <c r="LS34" s="349">
        <v>234290</v>
      </c>
      <c r="LT34" s="347">
        <v>234290</v>
      </c>
      <c r="LU34" s="348">
        <v>0</v>
      </c>
      <c r="LV34" s="345">
        <v>0</v>
      </c>
      <c r="LW34" s="349">
        <v>0</v>
      </c>
      <c r="LX34" s="404">
        <v>0</v>
      </c>
      <c r="LY34" s="345">
        <v>0</v>
      </c>
      <c r="LZ34" s="345">
        <v>0</v>
      </c>
      <c r="MA34" s="345">
        <v>0</v>
      </c>
      <c r="MB34" s="345">
        <v>0</v>
      </c>
      <c r="MC34" s="345">
        <v>0</v>
      </c>
      <c r="MD34" s="349">
        <v>0</v>
      </c>
      <c r="ME34" s="350">
        <v>0</v>
      </c>
      <c r="MF34" s="348">
        <v>0</v>
      </c>
      <c r="MG34" s="345">
        <v>0</v>
      </c>
      <c r="MH34" s="349">
        <v>0</v>
      </c>
      <c r="MI34" s="404">
        <v>0</v>
      </c>
      <c r="MJ34" s="345">
        <v>0</v>
      </c>
      <c r="MK34" s="345">
        <v>0</v>
      </c>
      <c r="ML34" s="345">
        <v>0</v>
      </c>
      <c r="MM34" s="345">
        <v>261429</v>
      </c>
      <c r="MN34" s="345">
        <v>262182</v>
      </c>
      <c r="MO34" s="349">
        <v>523611</v>
      </c>
      <c r="MP34" s="354">
        <v>523611</v>
      </c>
      <c r="MQ34" s="348">
        <v>0</v>
      </c>
      <c r="MR34" s="345">
        <v>0</v>
      </c>
      <c r="MS34" s="349">
        <v>0</v>
      </c>
      <c r="MT34" s="404">
        <v>0</v>
      </c>
      <c r="MU34" s="345">
        <v>0</v>
      </c>
      <c r="MV34" s="345">
        <v>0</v>
      </c>
      <c r="MW34" s="345">
        <v>0</v>
      </c>
      <c r="MX34" s="345">
        <v>0</v>
      </c>
      <c r="MY34" s="345">
        <v>0</v>
      </c>
      <c r="MZ34" s="349">
        <v>0</v>
      </c>
      <c r="NA34" s="354">
        <v>0</v>
      </c>
      <c r="NB34" s="348">
        <v>0</v>
      </c>
      <c r="NC34" s="345">
        <v>0</v>
      </c>
      <c r="ND34" s="349">
        <v>0</v>
      </c>
      <c r="NE34" s="404">
        <v>0</v>
      </c>
      <c r="NF34" s="345">
        <v>0</v>
      </c>
      <c r="NG34" s="345">
        <v>0</v>
      </c>
      <c r="NH34" s="345">
        <v>0</v>
      </c>
      <c r="NI34" s="345">
        <v>261429</v>
      </c>
      <c r="NJ34" s="345">
        <v>262182</v>
      </c>
      <c r="NK34" s="349">
        <v>523611</v>
      </c>
      <c r="NL34" s="347">
        <v>523611</v>
      </c>
      <c r="NM34" s="348">
        <v>0</v>
      </c>
      <c r="NN34" s="345">
        <v>0</v>
      </c>
      <c r="NO34" s="349">
        <v>0</v>
      </c>
      <c r="NP34" s="404">
        <v>0</v>
      </c>
      <c r="NQ34" s="345">
        <v>0</v>
      </c>
      <c r="NR34" s="345">
        <v>0</v>
      </c>
      <c r="NS34" s="345">
        <v>0</v>
      </c>
      <c r="NT34" s="345">
        <v>0</v>
      </c>
      <c r="NU34" s="345">
        <v>0</v>
      </c>
      <c r="NV34" s="349">
        <v>0</v>
      </c>
      <c r="NW34" s="350">
        <v>0</v>
      </c>
      <c r="NX34" s="348">
        <v>0</v>
      </c>
      <c r="NY34" s="345">
        <v>0</v>
      </c>
      <c r="NZ34" s="349">
        <v>0</v>
      </c>
      <c r="OA34" s="404">
        <v>0</v>
      </c>
      <c r="OB34" s="345">
        <v>0</v>
      </c>
      <c r="OC34" s="345">
        <v>0</v>
      </c>
      <c r="OD34" s="345">
        <v>0</v>
      </c>
      <c r="OE34" s="345">
        <v>0</v>
      </c>
      <c r="OF34" s="345">
        <v>0</v>
      </c>
      <c r="OG34" s="349">
        <v>0</v>
      </c>
      <c r="OH34" s="350">
        <v>0</v>
      </c>
      <c r="OI34" s="348">
        <v>64639</v>
      </c>
      <c r="OJ34" s="345">
        <v>123295</v>
      </c>
      <c r="OK34" s="346">
        <v>187934</v>
      </c>
      <c r="OL34" s="351">
        <v>0</v>
      </c>
      <c r="OM34" s="345">
        <v>510943</v>
      </c>
      <c r="ON34" s="345">
        <v>470514</v>
      </c>
      <c r="OO34" s="345">
        <v>348070</v>
      </c>
      <c r="OP34" s="345">
        <v>858990</v>
      </c>
      <c r="OQ34" s="345">
        <v>457587</v>
      </c>
      <c r="OR34" s="349">
        <v>2646104</v>
      </c>
      <c r="OS34" s="354">
        <v>2834038</v>
      </c>
    </row>
    <row r="35" spans="2:409" s="70" customFormat="1" ht="21" customHeight="1" x14ac:dyDescent="0.2">
      <c r="B35" s="106" t="s">
        <v>30</v>
      </c>
      <c r="C35" s="326">
        <v>22316</v>
      </c>
      <c r="D35" s="327">
        <v>0</v>
      </c>
      <c r="E35" s="368">
        <v>22316</v>
      </c>
      <c r="F35" s="370">
        <v>0</v>
      </c>
      <c r="G35" s="369">
        <v>474808</v>
      </c>
      <c r="H35" s="369">
        <v>297016</v>
      </c>
      <c r="I35" s="369">
        <v>258925</v>
      </c>
      <c r="J35" s="369">
        <v>211041</v>
      </c>
      <c r="K35" s="369">
        <v>0</v>
      </c>
      <c r="L35" s="370">
        <v>1241790</v>
      </c>
      <c r="M35" s="330">
        <v>1264106</v>
      </c>
      <c r="N35" s="326">
        <v>0</v>
      </c>
      <c r="O35" s="327">
        <v>0</v>
      </c>
      <c r="P35" s="328">
        <v>0</v>
      </c>
      <c r="Q35" s="326">
        <v>0</v>
      </c>
      <c r="R35" s="327">
        <v>229402</v>
      </c>
      <c r="S35" s="327">
        <v>76586</v>
      </c>
      <c r="T35" s="327">
        <v>197731</v>
      </c>
      <c r="U35" s="327">
        <v>83272</v>
      </c>
      <c r="V35" s="327">
        <v>0</v>
      </c>
      <c r="W35" s="328">
        <v>586991</v>
      </c>
      <c r="X35" s="330">
        <v>586991</v>
      </c>
      <c r="Y35" s="326">
        <v>0</v>
      </c>
      <c r="Z35" s="327">
        <v>0</v>
      </c>
      <c r="AA35" s="328">
        <v>0</v>
      </c>
      <c r="AB35" s="326">
        <v>0</v>
      </c>
      <c r="AC35" s="327">
        <v>40241</v>
      </c>
      <c r="AD35" s="327">
        <v>49128</v>
      </c>
      <c r="AE35" s="327">
        <v>117075</v>
      </c>
      <c r="AF35" s="327">
        <v>80878</v>
      </c>
      <c r="AG35" s="327">
        <v>0</v>
      </c>
      <c r="AH35" s="328">
        <v>287322</v>
      </c>
      <c r="AI35" s="330">
        <v>287322</v>
      </c>
      <c r="AJ35" s="326">
        <v>0</v>
      </c>
      <c r="AK35" s="327">
        <v>0</v>
      </c>
      <c r="AL35" s="328">
        <v>0</v>
      </c>
      <c r="AM35" s="326">
        <v>0</v>
      </c>
      <c r="AN35" s="327">
        <v>0</v>
      </c>
      <c r="AO35" s="327">
        <v>0</v>
      </c>
      <c r="AP35" s="327">
        <v>51494</v>
      </c>
      <c r="AQ35" s="327">
        <v>0</v>
      </c>
      <c r="AR35" s="327">
        <v>0</v>
      </c>
      <c r="AS35" s="328">
        <v>51494</v>
      </c>
      <c r="AT35" s="330">
        <v>51494</v>
      </c>
      <c r="AU35" s="326">
        <v>0</v>
      </c>
      <c r="AV35" s="327">
        <v>0</v>
      </c>
      <c r="AW35" s="328">
        <v>0</v>
      </c>
      <c r="AX35" s="326">
        <v>0</v>
      </c>
      <c r="AY35" s="327">
        <v>148932</v>
      </c>
      <c r="AZ35" s="327">
        <v>23818</v>
      </c>
      <c r="BA35" s="327">
        <v>29162</v>
      </c>
      <c r="BB35" s="327">
        <v>0</v>
      </c>
      <c r="BC35" s="327">
        <v>0</v>
      </c>
      <c r="BD35" s="328">
        <v>201912</v>
      </c>
      <c r="BE35" s="330">
        <v>201912</v>
      </c>
      <c r="BF35" s="326">
        <v>0</v>
      </c>
      <c r="BG35" s="327">
        <v>0</v>
      </c>
      <c r="BH35" s="331">
        <v>0</v>
      </c>
      <c r="BI35" s="332">
        <v>0</v>
      </c>
      <c r="BJ35" s="327">
        <v>0</v>
      </c>
      <c r="BK35" s="327">
        <v>0</v>
      </c>
      <c r="BL35" s="327">
        <v>0</v>
      </c>
      <c r="BM35" s="327">
        <v>0</v>
      </c>
      <c r="BN35" s="327">
        <v>0</v>
      </c>
      <c r="BO35" s="328">
        <v>0</v>
      </c>
      <c r="BP35" s="330">
        <v>0</v>
      </c>
      <c r="BQ35" s="326">
        <v>0</v>
      </c>
      <c r="BR35" s="327">
        <v>0</v>
      </c>
      <c r="BS35" s="328">
        <v>0</v>
      </c>
      <c r="BT35" s="326">
        <v>0</v>
      </c>
      <c r="BU35" s="327">
        <v>40229</v>
      </c>
      <c r="BV35" s="327">
        <v>3640</v>
      </c>
      <c r="BW35" s="327">
        <v>0</v>
      </c>
      <c r="BX35" s="327">
        <v>2394</v>
      </c>
      <c r="BY35" s="327">
        <v>0</v>
      </c>
      <c r="BZ35" s="328">
        <v>46263</v>
      </c>
      <c r="CA35" s="330">
        <v>46263</v>
      </c>
      <c r="CB35" s="326">
        <v>0</v>
      </c>
      <c r="CC35" s="327">
        <v>0</v>
      </c>
      <c r="CD35" s="328">
        <v>0</v>
      </c>
      <c r="CE35" s="326">
        <v>0</v>
      </c>
      <c r="CF35" s="327">
        <v>69563</v>
      </c>
      <c r="CG35" s="327">
        <v>0</v>
      </c>
      <c r="CH35" s="327">
        <v>27895</v>
      </c>
      <c r="CI35" s="327">
        <v>84551</v>
      </c>
      <c r="CJ35" s="327">
        <v>0</v>
      </c>
      <c r="CK35" s="328">
        <v>182009</v>
      </c>
      <c r="CL35" s="330">
        <v>182009</v>
      </c>
      <c r="CM35" s="326">
        <v>0</v>
      </c>
      <c r="CN35" s="327">
        <v>0</v>
      </c>
      <c r="CO35" s="328">
        <v>0</v>
      </c>
      <c r="CP35" s="332">
        <v>0</v>
      </c>
      <c r="CQ35" s="327">
        <v>27892</v>
      </c>
      <c r="CR35" s="327">
        <v>0</v>
      </c>
      <c r="CS35" s="327">
        <v>27895</v>
      </c>
      <c r="CT35" s="327">
        <v>0</v>
      </c>
      <c r="CU35" s="327">
        <v>0</v>
      </c>
      <c r="CV35" s="328">
        <v>55787</v>
      </c>
      <c r="CW35" s="330">
        <v>55787</v>
      </c>
      <c r="CX35" s="326">
        <v>0</v>
      </c>
      <c r="CY35" s="327">
        <v>0</v>
      </c>
      <c r="CZ35" s="328">
        <v>0</v>
      </c>
      <c r="DA35" s="326">
        <v>0</v>
      </c>
      <c r="DB35" s="327">
        <v>41671</v>
      </c>
      <c r="DC35" s="327">
        <v>0</v>
      </c>
      <c r="DD35" s="327">
        <v>0</v>
      </c>
      <c r="DE35" s="327">
        <v>84551</v>
      </c>
      <c r="DF35" s="327">
        <v>0</v>
      </c>
      <c r="DG35" s="328">
        <v>126222</v>
      </c>
      <c r="DH35" s="330">
        <v>126222</v>
      </c>
      <c r="DI35" s="326">
        <v>0</v>
      </c>
      <c r="DJ35" s="327">
        <v>0</v>
      </c>
      <c r="DK35" s="331">
        <v>0</v>
      </c>
      <c r="DL35" s="332">
        <v>0</v>
      </c>
      <c r="DM35" s="327">
        <v>42675</v>
      </c>
      <c r="DN35" s="327">
        <v>39536</v>
      </c>
      <c r="DO35" s="327">
        <v>0</v>
      </c>
      <c r="DP35" s="327">
        <v>0</v>
      </c>
      <c r="DQ35" s="327">
        <v>0</v>
      </c>
      <c r="DR35" s="328">
        <v>82211</v>
      </c>
      <c r="DS35" s="330">
        <v>82211</v>
      </c>
      <c r="DT35" s="326">
        <v>0</v>
      </c>
      <c r="DU35" s="327">
        <v>0</v>
      </c>
      <c r="DV35" s="328">
        <v>0</v>
      </c>
      <c r="DW35" s="326">
        <v>0</v>
      </c>
      <c r="DX35" s="327">
        <v>27073</v>
      </c>
      <c r="DY35" s="327">
        <v>39536</v>
      </c>
      <c r="DZ35" s="327">
        <v>0</v>
      </c>
      <c r="EA35" s="327">
        <v>0</v>
      </c>
      <c r="EB35" s="327">
        <v>0</v>
      </c>
      <c r="EC35" s="328">
        <v>66609</v>
      </c>
      <c r="ED35" s="330">
        <v>66609</v>
      </c>
      <c r="EE35" s="326">
        <v>0</v>
      </c>
      <c r="EF35" s="331">
        <v>0</v>
      </c>
      <c r="EG35" s="328">
        <v>0</v>
      </c>
      <c r="EH35" s="326">
        <v>0</v>
      </c>
      <c r="EI35" s="327">
        <v>15602</v>
      </c>
      <c r="EJ35" s="327">
        <v>0</v>
      </c>
      <c r="EK35" s="327">
        <v>0</v>
      </c>
      <c r="EL35" s="327">
        <v>0</v>
      </c>
      <c r="EM35" s="327">
        <v>0</v>
      </c>
      <c r="EN35" s="331">
        <v>15602</v>
      </c>
      <c r="EO35" s="330">
        <v>15602</v>
      </c>
      <c r="EP35" s="326">
        <v>0</v>
      </c>
      <c r="EQ35" s="327">
        <v>0</v>
      </c>
      <c r="ER35" s="331">
        <v>0</v>
      </c>
      <c r="ES35" s="332">
        <v>0</v>
      </c>
      <c r="ET35" s="327">
        <v>0</v>
      </c>
      <c r="EU35" s="327">
        <v>0</v>
      </c>
      <c r="EV35" s="327">
        <v>0</v>
      </c>
      <c r="EW35" s="327">
        <v>0</v>
      </c>
      <c r="EX35" s="327">
        <v>0</v>
      </c>
      <c r="EY35" s="328">
        <v>0</v>
      </c>
      <c r="EZ35" s="330">
        <v>0</v>
      </c>
      <c r="FA35" s="326">
        <v>0</v>
      </c>
      <c r="FB35" s="327">
        <v>0</v>
      </c>
      <c r="FC35" s="331">
        <v>0</v>
      </c>
      <c r="FD35" s="404">
        <v>0</v>
      </c>
      <c r="FE35" s="327">
        <v>0</v>
      </c>
      <c r="FF35" s="327">
        <v>0</v>
      </c>
      <c r="FG35" s="327">
        <v>0</v>
      </c>
      <c r="FH35" s="327">
        <v>0</v>
      </c>
      <c r="FI35" s="327">
        <v>0</v>
      </c>
      <c r="FJ35" s="328">
        <v>0</v>
      </c>
      <c r="FK35" s="330">
        <v>0</v>
      </c>
      <c r="FL35" s="326">
        <v>22316</v>
      </c>
      <c r="FM35" s="327">
        <v>0</v>
      </c>
      <c r="FN35" s="328">
        <v>22316</v>
      </c>
      <c r="FO35" s="326">
        <v>0</v>
      </c>
      <c r="FP35" s="327">
        <v>5460</v>
      </c>
      <c r="FQ35" s="327">
        <v>17850</v>
      </c>
      <c r="FR35" s="327">
        <v>33299</v>
      </c>
      <c r="FS35" s="327">
        <v>43218</v>
      </c>
      <c r="FT35" s="327">
        <v>0</v>
      </c>
      <c r="FU35" s="328">
        <v>99827</v>
      </c>
      <c r="FV35" s="330">
        <v>122143</v>
      </c>
      <c r="FW35" s="333">
        <v>22316</v>
      </c>
      <c r="FX35" s="327">
        <v>0</v>
      </c>
      <c r="FY35" s="331">
        <v>22316</v>
      </c>
      <c r="FZ35" s="332">
        <v>0</v>
      </c>
      <c r="GA35" s="327">
        <v>5460</v>
      </c>
      <c r="GB35" s="327">
        <v>17850</v>
      </c>
      <c r="GC35" s="327">
        <v>33299</v>
      </c>
      <c r="GD35" s="327">
        <v>43218</v>
      </c>
      <c r="GE35" s="327">
        <v>0</v>
      </c>
      <c r="GF35" s="328">
        <v>99827</v>
      </c>
      <c r="GG35" s="334">
        <v>122143</v>
      </c>
      <c r="GH35" s="333">
        <v>0</v>
      </c>
      <c r="GI35" s="327">
        <v>0</v>
      </c>
      <c r="GJ35" s="331">
        <v>0</v>
      </c>
      <c r="GK35" s="332">
        <v>0</v>
      </c>
      <c r="GL35" s="327">
        <v>0</v>
      </c>
      <c r="GM35" s="327">
        <v>0</v>
      </c>
      <c r="GN35" s="327">
        <v>0</v>
      </c>
      <c r="GO35" s="327">
        <v>0</v>
      </c>
      <c r="GP35" s="327">
        <v>0</v>
      </c>
      <c r="GQ35" s="328">
        <v>0</v>
      </c>
      <c r="GR35" s="330">
        <v>0</v>
      </c>
      <c r="GS35" s="326">
        <v>0</v>
      </c>
      <c r="GT35" s="327">
        <v>0</v>
      </c>
      <c r="GU35" s="328">
        <v>0</v>
      </c>
      <c r="GV35" s="326">
        <v>0</v>
      </c>
      <c r="GW35" s="327">
        <v>0</v>
      </c>
      <c r="GX35" s="327">
        <v>0</v>
      </c>
      <c r="GY35" s="327">
        <v>0</v>
      </c>
      <c r="GZ35" s="327">
        <v>0</v>
      </c>
      <c r="HA35" s="327">
        <v>0</v>
      </c>
      <c r="HB35" s="331">
        <v>0</v>
      </c>
      <c r="HC35" s="330">
        <v>0</v>
      </c>
      <c r="HD35" s="326">
        <v>0</v>
      </c>
      <c r="HE35" s="327">
        <v>0</v>
      </c>
      <c r="HF35" s="331">
        <v>0</v>
      </c>
      <c r="HG35" s="332">
        <v>0</v>
      </c>
      <c r="HH35" s="327">
        <v>127708</v>
      </c>
      <c r="HI35" s="327">
        <v>163044</v>
      </c>
      <c r="HJ35" s="327">
        <v>0</v>
      </c>
      <c r="HK35" s="327">
        <v>0</v>
      </c>
      <c r="HL35" s="327">
        <v>0</v>
      </c>
      <c r="HM35" s="328">
        <v>290752</v>
      </c>
      <c r="HN35" s="329">
        <v>290752</v>
      </c>
      <c r="HO35" s="333">
        <v>0</v>
      </c>
      <c r="HP35" s="327">
        <v>0</v>
      </c>
      <c r="HQ35" s="328">
        <v>0</v>
      </c>
      <c r="HR35" s="326">
        <v>0</v>
      </c>
      <c r="HS35" s="327">
        <v>0</v>
      </c>
      <c r="HT35" s="327">
        <v>0</v>
      </c>
      <c r="HU35" s="327">
        <v>0</v>
      </c>
      <c r="HV35" s="327">
        <v>0</v>
      </c>
      <c r="HW35" s="327">
        <v>0</v>
      </c>
      <c r="HX35" s="331">
        <v>0</v>
      </c>
      <c r="HY35" s="330">
        <v>0</v>
      </c>
      <c r="HZ35" s="335">
        <v>0</v>
      </c>
      <c r="IA35" s="336">
        <v>0</v>
      </c>
      <c r="IB35" s="337">
        <v>0</v>
      </c>
      <c r="IC35" s="338">
        <v>0</v>
      </c>
      <c r="ID35" s="336">
        <v>241815</v>
      </c>
      <c r="IE35" s="339">
        <v>29820</v>
      </c>
      <c r="IF35" s="337">
        <v>0</v>
      </c>
      <c r="IG35" s="336">
        <v>20503</v>
      </c>
      <c r="IH35" s="337">
        <v>0</v>
      </c>
      <c r="II35" s="340">
        <v>292138</v>
      </c>
      <c r="IJ35" s="341">
        <v>292138</v>
      </c>
      <c r="IK35" s="342">
        <v>0</v>
      </c>
      <c r="IL35" s="343">
        <v>0</v>
      </c>
      <c r="IM35" s="344">
        <v>0</v>
      </c>
      <c r="IN35" s="404">
        <v>0</v>
      </c>
      <c r="IO35" s="345">
        <v>0</v>
      </c>
      <c r="IP35" s="345">
        <v>0</v>
      </c>
      <c r="IQ35" s="345">
        <v>0</v>
      </c>
      <c r="IR35" s="345">
        <v>0</v>
      </c>
      <c r="IS35" s="345">
        <v>0</v>
      </c>
      <c r="IT35" s="346">
        <v>0</v>
      </c>
      <c r="IU35" s="347">
        <v>0</v>
      </c>
      <c r="IV35" s="348">
        <v>0</v>
      </c>
      <c r="IW35" s="345">
        <v>0</v>
      </c>
      <c r="IX35" s="349">
        <v>0</v>
      </c>
      <c r="IY35" s="404">
        <v>0</v>
      </c>
      <c r="IZ35" s="345">
        <v>0</v>
      </c>
      <c r="JA35" s="345">
        <v>0</v>
      </c>
      <c r="JB35" s="345">
        <v>0</v>
      </c>
      <c r="JC35" s="345">
        <v>0</v>
      </c>
      <c r="JD35" s="345">
        <v>0</v>
      </c>
      <c r="JE35" s="349">
        <v>0</v>
      </c>
      <c r="JF35" s="350">
        <v>0</v>
      </c>
      <c r="JG35" s="348">
        <v>0</v>
      </c>
      <c r="JH35" s="345">
        <v>0</v>
      </c>
      <c r="JI35" s="346">
        <v>0</v>
      </c>
      <c r="JJ35" s="351">
        <v>0</v>
      </c>
      <c r="JK35" s="345">
        <v>45227</v>
      </c>
      <c r="JL35" s="345">
        <v>0</v>
      </c>
      <c r="JM35" s="345">
        <v>0</v>
      </c>
      <c r="JN35" s="345">
        <v>20503</v>
      </c>
      <c r="JO35" s="345">
        <v>0</v>
      </c>
      <c r="JP35" s="349">
        <v>65730</v>
      </c>
      <c r="JQ35" s="347">
        <v>65730</v>
      </c>
      <c r="JR35" s="348">
        <v>0</v>
      </c>
      <c r="JS35" s="345">
        <v>0</v>
      </c>
      <c r="JT35" s="346">
        <v>0</v>
      </c>
      <c r="JU35" s="351">
        <v>0</v>
      </c>
      <c r="JV35" s="345">
        <v>0</v>
      </c>
      <c r="JW35" s="345">
        <v>29820</v>
      </c>
      <c r="JX35" s="345">
        <v>0</v>
      </c>
      <c r="JY35" s="345">
        <v>0</v>
      </c>
      <c r="JZ35" s="345">
        <v>0</v>
      </c>
      <c r="KA35" s="349">
        <v>29820</v>
      </c>
      <c r="KB35" s="347">
        <v>29820</v>
      </c>
      <c r="KC35" s="352">
        <v>0</v>
      </c>
      <c r="KD35" s="353">
        <v>0</v>
      </c>
      <c r="KE35" s="349">
        <v>0</v>
      </c>
      <c r="KF35" s="351">
        <v>0</v>
      </c>
      <c r="KG35" s="345">
        <v>0</v>
      </c>
      <c r="KH35" s="345">
        <v>0</v>
      </c>
      <c r="KI35" s="345">
        <v>0</v>
      </c>
      <c r="KJ35" s="345">
        <v>0</v>
      </c>
      <c r="KK35" s="345">
        <v>0</v>
      </c>
      <c r="KL35" s="349">
        <v>0</v>
      </c>
      <c r="KM35" s="354">
        <v>0</v>
      </c>
      <c r="KN35" s="342">
        <v>0</v>
      </c>
      <c r="KO35" s="343">
        <v>0</v>
      </c>
      <c r="KP35" s="344">
        <v>0</v>
      </c>
      <c r="KQ35" s="404">
        <v>0</v>
      </c>
      <c r="KR35" s="345">
        <v>196588</v>
      </c>
      <c r="KS35" s="345">
        <v>0</v>
      </c>
      <c r="KT35" s="345">
        <v>0</v>
      </c>
      <c r="KU35" s="345">
        <v>0</v>
      </c>
      <c r="KV35" s="345">
        <v>0</v>
      </c>
      <c r="KW35" s="349">
        <v>196588</v>
      </c>
      <c r="KX35" s="347">
        <v>196588</v>
      </c>
      <c r="KY35" s="348">
        <v>0</v>
      </c>
      <c r="KZ35" s="345">
        <v>0</v>
      </c>
      <c r="LA35" s="349">
        <v>0</v>
      </c>
      <c r="LB35" s="404">
        <v>0</v>
      </c>
      <c r="LC35" s="345">
        <v>0</v>
      </c>
      <c r="LD35" s="345">
        <v>0</v>
      </c>
      <c r="LE35" s="345">
        <v>0</v>
      </c>
      <c r="LF35" s="345">
        <v>0</v>
      </c>
      <c r="LG35" s="345">
        <v>0</v>
      </c>
      <c r="LH35" s="349">
        <v>0</v>
      </c>
      <c r="LI35" s="350">
        <v>0</v>
      </c>
      <c r="LJ35" s="348">
        <v>0</v>
      </c>
      <c r="LK35" s="345">
        <v>0</v>
      </c>
      <c r="LL35" s="349">
        <v>0</v>
      </c>
      <c r="LM35" s="404">
        <v>0</v>
      </c>
      <c r="LN35" s="345">
        <v>0</v>
      </c>
      <c r="LO35" s="345">
        <v>0</v>
      </c>
      <c r="LP35" s="345">
        <v>0</v>
      </c>
      <c r="LQ35" s="345">
        <v>0</v>
      </c>
      <c r="LR35" s="345">
        <v>0</v>
      </c>
      <c r="LS35" s="349">
        <v>0</v>
      </c>
      <c r="LT35" s="347">
        <v>0</v>
      </c>
      <c r="LU35" s="348">
        <v>0</v>
      </c>
      <c r="LV35" s="345">
        <v>0</v>
      </c>
      <c r="LW35" s="349">
        <v>0</v>
      </c>
      <c r="LX35" s="404">
        <v>0</v>
      </c>
      <c r="LY35" s="345">
        <v>0</v>
      </c>
      <c r="LZ35" s="345">
        <v>0</v>
      </c>
      <c r="MA35" s="345">
        <v>0</v>
      </c>
      <c r="MB35" s="345">
        <v>0</v>
      </c>
      <c r="MC35" s="345">
        <v>0</v>
      </c>
      <c r="MD35" s="349">
        <v>0</v>
      </c>
      <c r="ME35" s="350">
        <v>0</v>
      </c>
      <c r="MF35" s="348">
        <v>0</v>
      </c>
      <c r="MG35" s="345">
        <v>0</v>
      </c>
      <c r="MH35" s="349">
        <v>0</v>
      </c>
      <c r="MI35" s="404">
        <v>0</v>
      </c>
      <c r="MJ35" s="345">
        <v>189918</v>
      </c>
      <c r="MK35" s="345">
        <v>0</v>
      </c>
      <c r="ML35" s="345">
        <v>217830</v>
      </c>
      <c r="MM35" s="345">
        <v>231497</v>
      </c>
      <c r="MN35" s="345">
        <v>0</v>
      </c>
      <c r="MO35" s="349">
        <v>639245</v>
      </c>
      <c r="MP35" s="354">
        <v>639245</v>
      </c>
      <c r="MQ35" s="348">
        <v>0</v>
      </c>
      <c r="MR35" s="345">
        <v>0</v>
      </c>
      <c r="MS35" s="349">
        <v>0</v>
      </c>
      <c r="MT35" s="404">
        <v>0</v>
      </c>
      <c r="MU35" s="345">
        <v>0</v>
      </c>
      <c r="MV35" s="345">
        <v>0</v>
      </c>
      <c r="MW35" s="345">
        <v>217830</v>
      </c>
      <c r="MX35" s="345">
        <v>231497</v>
      </c>
      <c r="MY35" s="345">
        <v>0</v>
      </c>
      <c r="MZ35" s="349">
        <v>449327</v>
      </c>
      <c r="NA35" s="354">
        <v>449327</v>
      </c>
      <c r="NB35" s="348">
        <v>0</v>
      </c>
      <c r="NC35" s="345">
        <v>0</v>
      </c>
      <c r="ND35" s="349">
        <v>0</v>
      </c>
      <c r="NE35" s="404">
        <v>0</v>
      </c>
      <c r="NF35" s="345">
        <v>189918</v>
      </c>
      <c r="NG35" s="345">
        <v>0</v>
      </c>
      <c r="NH35" s="345">
        <v>0</v>
      </c>
      <c r="NI35" s="345">
        <v>0</v>
      </c>
      <c r="NJ35" s="345">
        <v>0</v>
      </c>
      <c r="NK35" s="349">
        <v>189918</v>
      </c>
      <c r="NL35" s="347">
        <v>189918</v>
      </c>
      <c r="NM35" s="348">
        <v>0</v>
      </c>
      <c r="NN35" s="345">
        <v>0</v>
      </c>
      <c r="NO35" s="349">
        <v>0</v>
      </c>
      <c r="NP35" s="404">
        <v>0</v>
      </c>
      <c r="NQ35" s="345">
        <v>0</v>
      </c>
      <c r="NR35" s="345">
        <v>0</v>
      </c>
      <c r="NS35" s="345">
        <v>0</v>
      </c>
      <c r="NT35" s="345">
        <v>0</v>
      </c>
      <c r="NU35" s="345">
        <v>0</v>
      </c>
      <c r="NV35" s="349">
        <v>0</v>
      </c>
      <c r="NW35" s="350">
        <v>0</v>
      </c>
      <c r="NX35" s="348">
        <v>0</v>
      </c>
      <c r="NY35" s="345">
        <v>0</v>
      </c>
      <c r="NZ35" s="349">
        <v>0</v>
      </c>
      <c r="OA35" s="404">
        <v>0</v>
      </c>
      <c r="OB35" s="345">
        <v>0</v>
      </c>
      <c r="OC35" s="345">
        <v>0</v>
      </c>
      <c r="OD35" s="345">
        <v>0</v>
      </c>
      <c r="OE35" s="345">
        <v>0</v>
      </c>
      <c r="OF35" s="345">
        <v>0</v>
      </c>
      <c r="OG35" s="349">
        <v>0</v>
      </c>
      <c r="OH35" s="350">
        <v>0</v>
      </c>
      <c r="OI35" s="348">
        <v>22316</v>
      </c>
      <c r="OJ35" s="345">
        <v>0</v>
      </c>
      <c r="OK35" s="346">
        <v>22316</v>
      </c>
      <c r="OL35" s="351">
        <v>0</v>
      </c>
      <c r="OM35" s="345">
        <v>906541</v>
      </c>
      <c r="ON35" s="345">
        <v>326836</v>
      </c>
      <c r="OO35" s="345">
        <v>476755</v>
      </c>
      <c r="OP35" s="345">
        <v>463041</v>
      </c>
      <c r="OQ35" s="345">
        <v>0</v>
      </c>
      <c r="OR35" s="349">
        <v>2173173</v>
      </c>
      <c r="OS35" s="354">
        <v>2195489</v>
      </c>
    </row>
    <row r="36" spans="2:409" s="70" customFormat="1" ht="21" customHeight="1" x14ac:dyDescent="0.2">
      <c r="B36" s="106" t="s">
        <v>31</v>
      </c>
      <c r="C36" s="326">
        <v>4480</v>
      </c>
      <c r="D36" s="327">
        <v>16240</v>
      </c>
      <c r="E36" s="328">
        <v>20720</v>
      </c>
      <c r="F36" s="329">
        <v>0</v>
      </c>
      <c r="G36" s="327">
        <v>176601</v>
      </c>
      <c r="H36" s="327">
        <v>160719</v>
      </c>
      <c r="I36" s="327">
        <v>547810</v>
      </c>
      <c r="J36" s="327">
        <v>41631</v>
      </c>
      <c r="K36" s="327">
        <v>216958</v>
      </c>
      <c r="L36" s="367">
        <v>1143719</v>
      </c>
      <c r="M36" s="330">
        <v>1164439</v>
      </c>
      <c r="N36" s="326">
        <v>0</v>
      </c>
      <c r="O36" s="327">
        <v>16240</v>
      </c>
      <c r="P36" s="328">
        <v>16240</v>
      </c>
      <c r="Q36" s="326">
        <v>0</v>
      </c>
      <c r="R36" s="327">
        <v>57571</v>
      </c>
      <c r="S36" s="327">
        <v>0</v>
      </c>
      <c r="T36" s="327">
        <v>114051</v>
      </c>
      <c r="U36" s="327">
        <v>0</v>
      </c>
      <c r="V36" s="327">
        <v>185808</v>
      </c>
      <c r="W36" s="328">
        <v>357430</v>
      </c>
      <c r="X36" s="330">
        <v>373670</v>
      </c>
      <c r="Y36" s="326">
        <v>0</v>
      </c>
      <c r="Z36" s="327">
        <v>0</v>
      </c>
      <c r="AA36" s="328">
        <v>0</v>
      </c>
      <c r="AB36" s="326">
        <v>0</v>
      </c>
      <c r="AC36" s="327">
        <v>33281</v>
      </c>
      <c r="AD36" s="327">
        <v>0</v>
      </c>
      <c r="AE36" s="327">
        <v>0</v>
      </c>
      <c r="AF36" s="327">
        <v>0</v>
      </c>
      <c r="AG36" s="327">
        <v>0</v>
      </c>
      <c r="AH36" s="328">
        <v>33281</v>
      </c>
      <c r="AI36" s="330">
        <v>33281</v>
      </c>
      <c r="AJ36" s="326">
        <v>0</v>
      </c>
      <c r="AK36" s="327">
        <v>0</v>
      </c>
      <c r="AL36" s="328">
        <v>0</v>
      </c>
      <c r="AM36" s="326">
        <v>0</v>
      </c>
      <c r="AN36" s="327">
        <v>0</v>
      </c>
      <c r="AO36" s="327">
        <v>0</v>
      </c>
      <c r="AP36" s="327">
        <v>0</v>
      </c>
      <c r="AQ36" s="327">
        <v>0</v>
      </c>
      <c r="AR36" s="327">
        <v>118783</v>
      </c>
      <c r="AS36" s="328">
        <v>118783</v>
      </c>
      <c r="AT36" s="330">
        <v>118783</v>
      </c>
      <c r="AU36" s="326">
        <v>0</v>
      </c>
      <c r="AV36" s="327">
        <v>16240</v>
      </c>
      <c r="AW36" s="328">
        <v>16240</v>
      </c>
      <c r="AX36" s="326">
        <v>0</v>
      </c>
      <c r="AY36" s="327">
        <v>24290</v>
      </c>
      <c r="AZ36" s="327">
        <v>0</v>
      </c>
      <c r="BA36" s="327">
        <v>111958</v>
      </c>
      <c r="BB36" s="327">
        <v>0</v>
      </c>
      <c r="BC36" s="327">
        <v>67025</v>
      </c>
      <c r="BD36" s="328">
        <v>203273</v>
      </c>
      <c r="BE36" s="330">
        <v>219513</v>
      </c>
      <c r="BF36" s="326">
        <v>0</v>
      </c>
      <c r="BG36" s="327">
        <v>0</v>
      </c>
      <c r="BH36" s="331">
        <v>0</v>
      </c>
      <c r="BI36" s="332">
        <v>0</v>
      </c>
      <c r="BJ36" s="327">
        <v>0</v>
      </c>
      <c r="BK36" s="327">
        <v>0</v>
      </c>
      <c r="BL36" s="327">
        <v>0</v>
      </c>
      <c r="BM36" s="327">
        <v>0</v>
      </c>
      <c r="BN36" s="327">
        <v>0</v>
      </c>
      <c r="BO36" s="328">
        <v>0</v>
      </c>
      <c r="BP36" s="330">
        <v>0</v>
      </c>
      <c r="BQ36" s="326">
        <v>0</v>
      </c>
      <c r="BR36" s="327">
        <v>0</v>
      </c>
      <c r="BS36" s="328">
        <v>0</v>
      </c>
      <c r="BT36" s="326">
        <v>0</v>
      </c>
      <c r="BU36" s="327">
        <v>0</v>
      </c>
      <c r="BV36" s="327">
        <v>0</v>
      </c>
      <c r="BW36" s="327">
        <v>2093</v>
      </c>
      <c r="BX36" s="327">
        <v>0</v>
      </c>
      <c r="BY36" s="327">
        <v>0</v>
      </c>
      <c r="BZ36" s="328">
        <v>2093</v>
      </c>
      <c r="CA36" s="330">
        <v>2093</v>
      </c>
      <c r="CB36" s="326">
        <v>0</v>
      </c>
      <c r="CC36" s="327">
        <v>0</v>
      </c>
      <c r="CD36" s="328">
        <v>0</v>
      </c>
      <c r="CE36" s="326">
        <v>0</v>
      </c>
      <c r="CF36" s="327">
        <v>107130</v>
      </c>
      <c r="CG36" s="327">
        <v>140209</v>
      </c>
      <c r="CH36" s="327">
        <v>164892</v>
      </c>
      <c r="CI36" s="327">
        <v>31663</v>
      </c>
      <c r="CJ36" s="327">
        <v>0</v>
      </c>
      <c r="CK36" s="328">
        <v>443894</v>
      </c>
      <c r="CL36" s="330">
        <v>443894</v>
      </c>
      <c r="CM36" s="326">
        <v>0</v>
      </c>
      <c r="CN36" s="327">
        <v>0</v>
      </c>
      <c r="CO36" s="328">
        <v>0</v>
      </c>
      <c r="CP36" s="332">
        <v>0</v>
      </c>
      <c r="CQ36" s="327">
        <v>107130</v>
      </c>
      <c r="CR36" s="327">
        <v>133711</v>
      </c>
      <c r="CS36" s="327">
        <v>0</v>
      </c>
      <c r="CT36" s="327">
        <v>31663</v>
      </c>
      <c r="CU36" s="327">
        <v>0</v>
      </c>
      <c r="CV36" s="328">
        <v>272504</v>
      </c>
      <c r="CW36" s="330">
        <v>272504</v>
      </c>
      <c r="CX36" s="326">
        <v>0</v>
      </c>
      <c r="CY36" s="327">
        <v>0</v>
      </c>
      <c r="CZ36" s="328">
        <v>0</v>
      </c>
      <c r="DA36" s="326">
        <v>0</v>
      </c>
      <c r="DB36" s="327">
        <v>0</v>
      </c>
      <c r="DC36" s="327">
        <v>6498</v>
      </c>
      <c r="DD36" s="327">
        <v>164892</v>
      </c>
      <c r="DE36" s="327">
        <v>0</v>
      </c>
      <c r="DF36" s="327">
        <v>0</v>
      </c>
      <c r="DG36" s="328">
        <v>171390</v>
      </c>
      <c r="DH36" s="330">
        <v>171390</v>
      </c>
      <c r="DI36" s="326">
        <v>0</v>
      </c>
      <c r="DJ36" s="327">
        <v>0</v>
      </c>
      <c r="DK36" s="331">
        <v>0</v>
      </c>
      <c r="DL36" s="332">
        <v>0</v>
      </c>
      <c r="DM36" s="327">
        <v>0</v>
      </c>
      <c r="DN36" s="327">
        <v>0</v>
      </c>
      <c r="DO36" s="327">
        <v>209451</v>
      </c>
      <c r="DP36" s="327">
        <v>0</v>
      </c>
      <c r="DQ36" s="327">
        <v>0</v>
      </c>
      <c r="DR36" s="328">
        <v>209451</v>
      </c>
      <c r="DS36" s="330">
        <v>209451</v>
      </c>
      <c r="DT36" s="326">
        <v>0</v>
      </c>
      <c r="DU36" s="327">
        <v>0</v>
      </c>
      <c r="DV36" s="328">
        <v>0</v>
      </c>
      <c r="DW36" s="326">
        <v>0</v>
      </c>
      <c r="DX36" s="327">
        <v>0</v>
      </c>
      <c r="DY36" s="327">
        <v>0</v>
      </c>
      <c r="DZ36" s="327">
        <v>0</v>
      </c>
      <c r="EA36" s="327">
        <v>0</v>
      </c>
      <c r="EB36" s="327">
        <v>0</v>
      </c>
      <c r="EC36" s="328">
        <v>0</v>
      </c>
      <c r="ED36" s="330">
        <v>0</v>
      </c>
      <c r="EE36" s="326">
        <v>0</v>
      </c>
      <c r="EF36" s="331">
        <v>0</v>
      </c>
      <c r="EG36" s="328">
        <v>0</v>
      </c>
      <c r="EH36" s="326">
        <v>0</v>
      </c>
      <c r="EI36" s="327">
        <v>0</v>
      </c>
      <c r="EJ36" s="327">
        <v>0</v>
      </c>
      <c r="EK36" s="327">
        <v>209451</v>
      </c>
      <c r="EL36" s="327">
        <v>0</v>
      </c>
      <c r="EM36" s="327">
        <v>0</v>
      </c>
      <c r="EN36" s="331">
        <v>209451</v>
      </c>
      <c r="EO36" s="330">
        <v>209451</v>
      </c>
      <c r="EP36" s="326">
        <v>0</v>
      </c>
      <c r="EQ36" s="327">
        <v>0</v>
      </c>
      <c r="ER36" s="331">
        <v>0</v>
      </c>
      <c r="ES36" s="332">
        <v>0</v>
      </c>
      <c r="ET36" s="327">
        <v>0</v>
      </c>
      <c r="EU36" s="327">
        <v>0</v>
      </c>
      <c r="EV36" s="327">
        <v>0</v>
      </c>
      <c r="EW36" s="327">
        <v>0</v>
      </c>
      <c r="EX36" s="327">
        <v>0</v>
      </c>
      <c r="EY36" s="328">
        <v>0</v>
      </c>
      <c r="EZ36" s="330">
        <v>0</v>
      </c>
      <c r="FA36" s="326">
        <v>0</v>
      </c>
      <c r="FB36" s="327">
        <v>0</v>
      </c>
      <c r="FC36" s="331">
        <v>0</v>
      </c>
      <c r="FD36" s="404">
        <v>0</v>
      </c>
      <c r="FE36" s="327">
        <v>0</v>
      </c>
      <c r="FF36" s="327">
        <v>0</v>
      </c>
      <c r="FG36" s="327">
        <v>0</v>
      </c>
      <c r="FH36" s="327">
        <v>0</v>
      </c>
      <c r="FI36" s="327">
        <v>0</v>
      </c>
      <c r="FJ36" s="328">
        <v>0</v>
      </c>
      <c r="FK36" s="330">
        <v>0</v>
      </c>
      <c r="FL36" s="326">
        <v>4480</v>
      </c>
      <c r="FM36" s="327">
        <v>0</v>
      </c>
      <c r="FN36" s="328">
        <v>4480</v>
      </c>
      <c r="FO36" s="326">
        <v>0</v>
      </c>
      <c r="FP36" s="327">
        <v>11900</v>
      </c>
      <c r="FQ36" s="327">
        <v>20510</v>
      </c>
      <c r="FR36" s="327">
        <v>59416</v>
      </c>
      <c r="FS36" s="327">
        <v>9968</v>
      </c>
      <c r="FT36" s="327">
        <v>31150</v>
      </c>
      <c r="FU36" s="328">
        <v>132944</v>
      </c>
      <c r="FV36" s="330">
        <v>137424</v>
      </c>
      <c r="FW36" s="333">
        <v>4480</v>
      </c>
      <c r="FX36" s="327">
        <v>0</v>
      </c>
      <c r="FY36" s="331">
        <v>4480</v>
      </c>
      <c r="FZ36" s="332">
        <v>0</v>
      </c>
      <c r="GA36" s="327">
        <v>11900</v>
      </c>
      <c r="GB36" s="327">
        <v>20510</v>
      </c>
      <c r="GC36" s="327">
        <v>49021</v>
      </c>
      <c r="GD36" s="327">
        <v>9968</v>
      </c>
      <c r="GE36" s="327">
        <v>31150</v>
      </c>
      <c r="GF36" s="328">
        <v>122549</v>
      </c>
      <c r="GG36" s="334">
        <v>127029</v>
      </c>
      <c r="GH36" s="333">
        <v>0</v>
      </c>
      <c r="GI36" s="327">
        <v>0</v>
      </c>
      <c r="GJ36" s="331">
        <v>0</v>
      </c>
      <c r="GK36" s="332">
        <v>0</v>
      </c>
      <c r="GL36" s="327">
        <v>0</v>
      </c>
      <c r="GM36" s="327">
        <v>0</v>
      </c>
      <c r="GN36" s="327">
        <v>0</v>
      </c>
      <c r="GO36" s="327">
        <v>0</v>
      </c>
      <c r="GP36" s="327">
        <v>0</v>
      </c>
      <c r="GQ36" s="328">
        <v>0</v>
      </c>
      <c r="GR36" s="330">
        <v>0</v>
      </c>
      <c r="GS36" s="326">
        <v>0</v>
      </c>
      <c r="GT36" s="327">
        <v>0</v>
      </c>
      <c r="GU36" s="328">
        <v>0</v>
      </c>
      <c r="GV36" s="326">
        <v>0</v>
      </c>
      <c r="GW36" s="327">
        <v>0</v>
      </c>
      <c r="GX36" s="327">
        <v>0</v>
      </c>
      <c r="GY36" s="327">
        <v>10395</v>
      </c>
      <c r="GZ36" s="327">
        <v>0</v>
      </c>
      <c r="HA36" s="327">
        <v>0</v>
      </c>
      <c r="HB36" s="331">
        <v>10395</v>
      </c>
      <c r="HC36" s="330">
        <v>10395</v>
      </c>
      <c r="HD36" s="326">
        <v>0</v>
      </c>
      <c r="HE36" s="327">
        <v>0</v>
      </c>
      <c r="HF36" s="331">
        <v>0</v>
      </c>
      <c r="HG36" s="332">
        <v>0</v>
      </c>
      <c r="HH36" s="327">
        <v>0</v>
      </c>
      <c r="HI36" s="327">
        <v>0</v>
      </c>
      <c r="HJ36" s="327">
        <v>0</v>
      </c>
      <c r="HK36" s="327">
        <v>0</v>
      </c>
      <c r="HL36" s="327">
        <v>0</v>
      </c>
      <c r="HM36" s="328">
        <v>0</v>
      </c>
      <c r="HN36" s="329">
        <v>0</v>
      </c>
      <c r="HO36" s="333">
        <v>0</v>
      </c>
      <c r="HP36" s="327">
        <v>0</v>
      </c>
      <c r="HQ36" s="328">
        <v>0</v>
      </c>
      <c r="HR36" s="326">
        <v>0</v>
      </c>
      <c r="HS36" s="327">
        <v>0</v>
      </c>
      <c r="HT36" s="327">
        <v>0</v>
      </c>
      <c r="HU36" s="327">
        <v>0</v>
      </c>
      <c r="HV36" s="327">
        <v>0</v>
      </c>
      <c r="HW36" s="327">
        <v>0</v>
      </c>
      <c r="HX36" s="331">
        <v>0</v>
      </c>
      <c r="HY36" s="330">
        <v>0</v>
      </c>
      <c r="HZ36" s="358">
        <v>0</v>
      </c>
      <c r="IA36" s="356">
        <v>0</v>
      </c>
      <c r="IB36" s="358">
        <v>0</v>
      </c>
      <c r="IC36" s="355">
        <v>0</v>
      </c>
      <c r="ID36" s="356">
        <v>89130</v>
      </c>
      <c r="IE36" s="357">
        <v>0</v>
      </c>
      <c r="IF36" s="358">
        <v>0</v>
      </c>
      <c r="IG36" s="356">
        <v>0</v>
      </c>
      <c r="IH36" s="358">
        <v>0</v>
      </c>
      <c r="II36" s="359">
        <v>89130</v>
      </c>
      <c r="IJ36" s="358">
        <v>89130</v>
      </c>
      <c r="IK36" s="342">
        <v>0</v>
      </c>
      <c r="IL36" s="343">
        <v>0</v>
      </c>
      <c r="IM36" s="344">
        <v>0</v>
      </c>
      <c r="IN36" s="404">
        <v>0</v>
      </c>
      <c r="IO36" s="345">
        <v>0</v>
      </c>
      <c r="IP36" s="345">
        <v>0</v>
      </c>
      <c r="IQ36" s="345">
        <v>0</v>
      </c>
      <c r="IR36" s="345">
        <v>0</v>
      </c>
      <c r="IS36" s="345">
        <v>0</v>
      </c>
      <c r="IT36" s="346">
        <v>0</v>
      </c>
      <c r="IU36" s="347">
        <v>0</v>
      </c>
      <c r="IV36" s="348">
        <v>0</v>
      </c>
      <c r="IW36" s="345">
        <v>0</v>
      </c>
      <c r="IX36" s="349">
        <v>0</v>
      </c>
      <c r="IY36" s="404">
        <v>0</v>
      </c>
      <c r="IZ36" s="345">
        <v>0</v>
      </c>
      <c r="JA36" s="345">
        <v>0</v>
      </c>
      <c r="JB36" s="345">
        <v>0</v>
      </c>
      <c r="JC36" s="345">
        <v>0</v>
      </c>
      <c r="JD36" s="345">
        <v>0</v>
      </c>
      <c r="JE36" s="349">
        <v>0</v>
      </c>
      <c r="JF36" s="350">
        <v>0</v>
      </c>
      <c r="JG36" s="348">
        <v>0</v>
      </c>
      <c r="JH36" s="345">
        <v>0</v>
      </c>
      <c r="JI36" s="346">
        <v>0</v>
      </c>
      <c r="JJ36" s="351">
        <v>0</v>
      </c>
      <c r="JK36" s="345">
        <v>89130</v>
      </c>
      <c r="JL36" s="345">
        <v>0</v>
      </c>
      <c r="JM36" s="345">
        <v>0</v>
      </c>
      <c r="JN36" s="345">
        <v>0</v>
      </c>
      <c r="JO36" s="345">
        <v>0</v>
      </c>
      <c r="JP36" s="349">
        <v>89130</v>
      </c>
      <c r="JQ36" s="347">
        <v>89130</v>
      </c>
      <c r="JR36" s="348">
        <v>0</v>
      </c>
      <c r="JS36" s="345">
        <v>0</v>
      </c>
      <c r="JT36" s="346">
        <v>0</v>
      </c>
      <c r="JU36" s="351">
        <v>0</v>
      </c>
      <c r="JV36" s="345">
        <v>0</v>
      </c>
      <c r="JW36" s="345">
        <v>0</v>
      </c>
      <c r="JX36" s="345">
        <v>0</v>
      </c>
      <c r="JY36" s="345">
        <v>0</v>
      </c>
      <c r="JZ36" s="345">
        <v>0</v>
      </c>
      <c r="KA36" s="349">
        <v>0</v>
      </c>
      <c r="KB36" s="347">
        <v>0</v>
      </c>
      <c r="KC36" s="352">
        <v>0</v>
      </c>
      <c r="KD36" s="353">
        <v>0</v>
      </c>
      <c r="KE36" s="349">
        <v>0</v>
      </c>
      <c r="KF36" s="351">
        <v>0</v>
      </c>
      <c r="KG36" s="345">
        <v>0</v>
      </c>
      <c r="KH36" s="345">
        <v>0</v>
      </c>
      <c r="KI36" s="345">
        <v>0</v>
      </c>
      <c r="KJ36" s="345">
        <v>0</v>
      </c>
      <c r="KK36" s="345">
        <v>0</v>
      </c>
      <c r="KL36" s="349">
        <v>0</v>
      </c>
      <c r="KM36" s="354">
        <v>0</v>
      </c>
      <c r="KN36" s="342">
        <v>0</v>
      </c>
      <c r="KO36" s="343">
        <v>0</v>
      </c>
      <c r="KP36" s="344">
        <v>0</v>
      </c>
      <c r="KQ36" s="404">
        <v>0</v>
      </c>
      <c r="KR36" s="345">
        <v>0</v>
      </c>
      <c r="KS36" s="345">
        <v>0</v>
      </c>
      <c r="KT36" s="345">
        <v>0</v>
      </c>
      <c r="KU36" s="345">
        <v>0</v>
      </c>
      <c r="KV36" s="345">
        <v>0</v>
      </c>
      <c r="KW36" s="349">
        <v>0</v>
      </c>
      <c r="KX36" s="347">
        <v>0</v>
      </c>
      <c r="KY36" s="348">
        <v>0</v>
      </c>
      <c r="KZ36" s="345">
        <v>0</v>
      </c>
      <c r="LA36" s="349">
        <v>0</v>
      </c>
      <c r="LB36" s="404">
        <v>0</v>
      </c>
      <c r="LC36" s="345">
        <v>0</v>
      </c>
      <c r="LD36" s="345">
        <v>0</v>
      </c>
      <c r="LE36" s="345">
        <v>0</v>
      </c>
      <c r="LF36" s="345">
        <v>0</v>
      </c>
      <c r="LG36" s="345">
        <v>0</v>
      </c>
      <c r="LH36" s="349">
        <v>0</v>
      </c>
      <c r="LI36" s="350">
        <v>0</v>
      </c>
      <c r="LJ36" s="348">
        <v>0</v>
      </c>
      <c r="LK36" s="345">
        <v>0</v>
      </c>
      <c r="LL36" s="349">
        <v>0</v>
      </c>
      <c r="LM36" s="404">
        <v>0</v>
      </c>
      <c r="LN36" s="345">
        <v>0</v>
      </c>
      <c r="LO36" s="345">
        <v>0</v>
      </c>
      <c r="LP36" s="345">
        <v>0</v>
      </c>
      <c r="LQ36" s="345">
        <v>0</v>
      </c>
      <c r="LR36" s="345">
        <v>0</v>
      </c>
      <c r="LS36" s="349">
        <v>0</v>
      </c>
      <c r="LT36" s="347">
        <v>0</v>
      </c>
      <c r="LU36" s="348">
        <v>0</v>
      </c>
      <c r="LV36" s="345">
        <v>0</v>
      </c>
      <c r="LW36" s="349">
        <v>0</v>
      </c>
      <c r="LX36" s="404">
        <v>0</v>
      </c>
      <c r="LY36" s="345">
        <v>0</v>
      </c>
      <c r="LZ36" s="345">
        <v>0</v>
      </c>
      <c r="MA36" s="345">
        <v>0</v>
      </c>
      <c r="MB36" s="345">
        <v>0</v>
      </c>
      <c r="MC36" s="345">
        <v>0</v>
      </c>
      <c r="MD36" s="349">
        <v>0</v>
      </c>
      <c r="ME36" s="350">
        <v>0</v>
      </c>
      <c r="MF36" s="348">
        <v>0</v>
      </c>
      <c r="MG36" s="345">
        <v>0</v>
      </c>
      <c r="MH36" s="349">
        <v>0</v>
      </c>
      <c r="MI36" s="404">
        <v>0</v>
      </c>
      <c r="MJ36" s="345">
        <v>0</v>
      </c>
      <c r="MK36" s="345">
        <v>0</v>
      </c>
      <c r="ML36" s="345">
        <v>1216396</v>
      </c>
      <c r="MM36" s="345">
        <v>225346</v>
      </c>
      <c r="MN36" s="345">
        <v>239120</v>
      </c>
      <c r="MO36" s="349">
        <v>1680862</v>
      </c>
      <c r="MP36" s="354">
        <v>1680862</v>
      </c>
      <c r="MQ36" s="348">
        <v>0</v>
      </c>
      <c r="MR36" s="345">
        <v>0</v>
      </c>
      <c r="MS36" s="349">
        <v>0</v>
      </c>
      <c r="MT36" s="404">
        <v>0</v>
      </c>
      <c r="MU36" s="345">
        <v>0</v>
      </c>
      <c r="MV36" s="345">
        <v>0</v>
      </c>
      <c r="MW36" s="345">
        <v>615947</v>
      </c>
      <c r="MX36" s="345">
        <v>0</v>
      </c>
      <c r="MY36" s="345">
        <v>239120</v>
      </c>
      <c r="MZ36" s="349">
        <v>855067</v>
      </c>
      <c r="NA36" s="354">
        <v>855067</v>
      </c>
      <c r="NB36" s="348">
        <v>0</v>
      </c>
      <c r="NC36" s="345">
        <v>0</v>
      </c>
      <c r="ND36" s="349">
        <v>0</v>
      </c>
      <c r="NE36" s="404">
        <v>0</v>
      </c>
      <c r="NF36" s="345">
        <v>0</v>
      </c>
      <c r="NG36" s="345">
        <v>0</v>
      </c>
      <c r="NH36" s="345">
        <v>600449</v>
      </c>
      <c r="NI36" s="345">
        <v>225346</v>
      </c>
      <c r="NJ36" s="345">
        <v>0</v>
      </c>
      <c r="NK36" s="349">
        <v>825795</v>
      </c>
      <c r="NL36" s="347">
        <v>825795</v>
      </c>
      <c r="NM36" s="348">
        <v>0</v>
      </c>
      <c r="NN36" s="345">
        <v>0</v>
      </c>
      <c r="NO36" s="349">
        <v>0</v>
      </c>
      <c r="NP36" s="404">
        <v>0</v>
      </c>
      <c r="NQ36" s="345">
        <v>0</v>
      </c>
      <c r="NR36" s="345">
        <v>0</v>
      </c>
      <c r="NS36" s="345">
        <v>0</v>
      </c>
      <c r="NT36" s="345">
        <v>0</v>
      </c>
      <c r="NU36" s="345">
        <v>0</v>
      </c>
      <c r="NV36" s="349">
        <v>0</v>
      </c>
      <c r="NW36" s="350">
        <v>0</v>
      </c>
      <c r="NX36" s="348">
        <v>0</v>
      </c>
      <c r="NY36" s="345">
        <v>0</v>
      </c>
      <c r="NZ36" s="349">
        <v>0</v>
      </c>
      <c r="OA36" s="404">
        <v>0</v>
      </c>
      <c r="OB36" s="345">
        <v>0</v>
      </c>
      <c r="OC36" s="345">
        <v>0</v>
      </c>
      <c r="OD36" s="345">
        <v>0</v>
      </c>
      <c r="OE36" s="345">
        <v>0</v>
      </c>
      <c r="OF36" s="345">
        <v>0</v>
      </c>
      <c r="OG36" s="349">
        <v>0</v>
      </c>
      <c r="OH36" s="350">
        <v>0</v>
      </c>
      <c r="OI36" s="348">
        <v>4480</v>
      </c>
      <c r="OJ36" s="345">
        <v>16240</v>
      </c>
      <c r="OK36" s="346">
        <v>20720</v>
      </c>
      <c r="OL36" s="351">
        <v>0</v>
      </c>
      <c r="OM36" s="345">
        <v>265731</v>
      </c>
      <c r="ON36" s="345">
        <v>160719</v>
      </c>
      <c r="OO36" s="345">
        <v>1764206</v>
      </c>
      <c r="OP36" s="345">
        <v>266977</v>
      </c>
      <c r="OQ36" s="345">
        <v>456078</v>
      </c>
      <c r="OR36" s="349">
        <v>2913711</v>
      </c>
      <c r="OS36" s="354">
        <v>2934431</v>
      </c>
    </row>
    <row r="37" spans="2:409" s="70" customFormat="1" ht="21" customHeight="1" x14ac:dyDescent="0.2">
      <c r="B37" s="106" t="s">
        <v>32</v>
      </c>
      <c r="C37" s="326">
        <v>43288</v>
      </c>
      <c r="D37" s="327">
        <v>73276</v>
      </c>
      <c r="E37" s="368">
        <v>116564</v>
      </c>
      <c r="F37" s="370">
        <v>0</v>
      </c>
      <c r="G37" s="369">
        <v>299772</v>
      </c>
      <c r="H37" s="369">
        <v>341256</v>
      </c>
      <c r="I37" s="369">
        <v>102158</v>
      </c>
      <c r="J37" s="369">
        <v>474732</v>
      </c>
      <c r="K37" s="369">
        <v>960232</v>
      </c>
      <c r="L37" s="370">
        <v>2178150</v>
      </c>
      <c r="M37" s="330">
        <v>2294714</v>
      </c>
      <c r="N37" s="326">
        <v>34328</v>
      </c>
      <c r="O37" s="327">
        <v>18613</v>
      </c>
      <c r="P37" s="328">
        <v>52941</v>
      </c>
      <c r="Q37" s="326">
        <v>0</v>
      </c>
      <c r="R37" s="327">
        <v>67907</v>
      </c>
      <c r="S37" s="327">
        <v>100835</v>
      </c>
      <c r="T37" s="327">
        <v>71358</v>
      </c>
      <c r="U37" s="327">
        <v>44656</v>
      </c>
      <c r="V37" s="327">
        <v>560782</v>
      </c>
      <c r="W37" s="328">
        <v>845538</v>
      </c>
      <c r="X37" s="330">
        <v>898479</v>
      </c>
      <c r="Y37" s="326">
        <v>0</v>
      </c>
      <c r="Z37" s="327">
        <v>0</v>
      </c>
      <c r="AA37" s="328">
        <v>0</v>
      </c>
      <c r="AB37" s="326">
        <v>0</v>
      </c>
      <c r="AC37" s="327">
        <v>0</v>
      </c>
      <c r="AD37" s="327">
        <v>60830</v>
      </c>
      <c r="AE37" s="327">
        <v>0</v>
      </c>
      <c r="AF37" s="327">
        <v>0</v>
      </c>
      <c r="AG37" s="327">
        <v>517522</v>
      </c>
      <c r="AH37" s="328">
        <v>578352</v>
      </c>
      <c r="AI37" s="330">
        <v>578352</v>
      </c>
      <c r="AJ37" s="326">
        <v>0</v>
      </c>
      <c r="AK37" s="327">
        <v>0</v>
      </c>
      <c r="AL37" s="328">
        <v>0</v>
      </c>
      <c r="AM37" s="326">
        <v>0</v>
      </c>
      <c r="AN37" s="327">
        <v>0</v>
      </c>
      <c r="AO37" s="327">
        <v>0</v>
      </c>
      <c r="AP37" s="327">
        <v>0</v>
      </c>
      <c r="AQ37" s="327">
        <v>0</v>
      </c>
      <c r="AR37" s="327">
        <v>0</v>
      </c>
      <c r="AS37" s="328">
        <v>0</v>
      </c>
      <c r="AT37" s="330">
        <v>0</v>
      </c>
      <c r="AU37" s="326">
        <v>34328</v>
      </c>
      <c r="AV37" s="327">
        <v>18613</v>
      </c>
      <c r="AW37" s="328">
        <v>52941</v>
      </c>
      <c r="AX37" s="326">
        <v>0</v>
      </c>
      <c r="AY37" s="327">
        <v>67907</v>
      </c>
      <c r="AZ37" s="327">
        <v>24927</v>
      </c>
      <c r="BA37" s="327">
        <v>35112</v>
      </c>
      <c r="BB37" s="327">
        <v>0</v>
      </c>
      <c r="BC37" s="327">
        <v>0</v>
      </c>
      <c r="BD37" s="328">
        <v>127946</v>
      </c>
      <c r="BE37" s="330">
        <v>180887</v>
      </c>
      <c r="BF37" s="326">
        <v>0</v>
      </c>
      <c r="BG37" s="327">
        <v>0</v>
      </c>
      <c r="BH37" s="331">
        <v>0</v>
      </c>
      <c r="BI37" s="332">
        <v>0</v>
      </c>
      <c r="BJ37" s="327">
        <v>0</v>
      </c>
      <c r="BK37" s="327">
        <v>0</v>
      </c>
      <c r="BL37" s="327">
        <v>0</v>
      </c>
      <c r="BM37" s="327">
        <v>34135</v>
      </c>
      <c r="BN37" s="327">
        <v>0</v>
      </c>
      <c r="BO37" s="328">
        <v>34135</v>
      </c>
      <c r="BP37" s="330">
        <v>34135</v>
      </c>
      <c r="BQ37" s="326">
        <v>0</v>
      </c>
      <c r="BR37" s="327">
        <v>0</v>
      </c>
      <c r="BS37" s="328">
        <v>0</v>
      </c>
      <c r="BT37" s="326">
        <v>0</v>
      </c>
      <c r="BU37" s="327">
        <v>0</v>
      </c>
      <c r="BV37" s="327">
        <v>15078</v>
      </c>
      <c r="BW37" s="327">
        <v>36246</v>
      </c>
      <c r="BX37" s="327">
        <v>10521</v>
      </c>
      <c r="BY37" s="327">
        <v>43260</v>
      </c>
      <c r="BZ37" s="328">
        <v>105105</v>
      </c>
      <c r="CA37" s="330">
        <v>105105</v>
      </c>
      <c r="CB37" s="326">
        <v>0</v>
      </c>
      <c r="CC37" s="327">
        <v>35063</v>
      </c>
      <c r="CD37" s="328">
        <v>35063</v>
      </c>
      <c r="CE37" s="326">
        <v>0</v>
      </c>
      <c r="CF37" s="327">
        <v>204523</v>
      </c>
      <c r="CG37" s="327">
        <v>188474</v>
      </c>
      <c r="CH37" s="327">
        <v>0</v>
      </c>
      <c r="CI37" s="327">
        <v>73504</v>
      </c>
      <c r="CJ37" s="327">
        <v>0</v>
      </c>
      <c r="CK37" s="328">
        <v>466501</v>
      </c>
      <c r="CL37" s="330">
        <v>501564</v>
      </c>
      <c r="CM37" s="326">
        <v>0</v>
      </c>
      <c r="CN37" s="327">
        <v>0</v>
      </c>
      <c r="CO37" s="328">
        <v>0</v>
      </c>
      <c r="CP37" s="332">
        <v>0</v>
      </c>
      <c r="CQ37" s="327">
        <v>204523</v>
      </c>
      <c r="CR37" s="327">
        <v>101472</v>
      </c>
      <c r="CS37" s="327">
        <v>0</v>
      </c>
      <c r="CT37" s="327">
        <v>26163</v>
      </c>
      <c r="CU37" s="327">
        <v>0</v>
      </c>
      <c r="CV37" s="328">
        <v>332158</v>
      </c>
      <c r="CW37" s="330">
        <v>332158</v>
      </c>
      <c r="CX37" s="326">
        <v>0</v>
      </c>
      <c r="CY37" s="327">
        <v>35063</v>
      </c>
      <c r="CZ37" s="328">
        <v>35063</v>
      </c>
      <c r="DA37" s="326">
        <v>0</v>
      </c>
      <c r="DB37" s="327">
        <v>0</v>
      </c>
      <c r="DC37" s="327">
        <v>87002</v>
      </c>
      <c r="DD37" s="327">
        <v>0</v>
      </c>
      <c r="DE37" s="327">
        <v>47341</v>
      </c>
      <c r="DF37" s="327">
        <v>0</v>
      </c>
      <c r="DG37" s="328">
        <v>134343</v>
      </c>
      <c r="DH37" s="330">
        <v>169406</v>
      </c>
      <c r="DI37" s="326">
        <v>0</v>
      </c>
      <c r="DJ37" s="327">
        <v>0</v>
      </c>
      <c r="DK37" s="331">
        <v>0</v>
      </c>
      <c r="DL37" s="332">
        <v>0</v>
      </c>
      <c r="DM37" s="327">
        <v>0</v>
      </c>
      <c r="DN37" s="327">
        <v>0</v>
      </c>
      <c r="DO37" s="327">
        <v>0</v>
      </c>
      <c r="DP37" s="327">
        <v>80016</v>
      </c>
      <c r="DQ37" s="327">
        <v>0</v>
      </c>
      <c r="DR37" s="328">
        <v>80016</v>
      </c>
      <c r="DS37" s="330">
        <v>80016</v>
      </c>
      <c r="DT37" s="326">
        <v>0</v>
      </c>
      <c r="DU37" s="327">
        <v>0</v>
      </c>
      <c r="DV37" s="328">
        <v>0</v>
      </c>
      <c r="DW37" s="326">
        <v>0</v>
      </c>
      <c r="DX37" s="327">
        <v>0</v>
      </c>
      <c r="DY37" s="327">
        <v>0</v>
      </c>
      <c r="DZ37" s="327">
        <v>0</v>
      </c>
      <c r="EA37" s="327">
        <v>80016</v>
      </c>
      <c r="EB37" s="327">
        <v>0</v>
      </c>
      <c r="EC37" s="328">
        <v>80016</v>
      </c>
      <c r="ED37" s="330">
        <v>80016</v>
      </c>
      <c r="EE37" s="326">
        <v>0</v>
      </c>
      <c r="EF37" s="331">
        <v>0</v>
      </c>
      <c r="EG37" s="328">
        <v>0</v>
      </c>
      <c r="EH37" s="326">
        <v>0</v>
      </c>
      <c r="EI37" s="327">
        <v>0</v>
      </c>
      <c r="EJ37" s="327">
        <v>0</v>
      </c>
      <c r="EK37" s="327">
        <v>0</v>
      </c>
      <c r="EL37" s="327">
        <v>0</v>
      </c>
      <c r="EM37" s="327">
        <v>0</v>
      </c>
      <c r="EN37" s="331">
        <v>0</v>
      </c>
      <c r="EO37" s="330">
        <v>0</v>
      </c>
      <c r="EP37" s="326">
        <v>0</v>
      </c>
      <c r="EQ37" s="327">
        <v>0</v>
      </c>
      <c r="ER37" s="331">
        <v>0</v>
      </c>
      <c r="ES37" s="332">
        <v>0</v>
      </c>
      <c r="ET37" s="327">
        <v>0</v>
      </c>
      <c r="EU37" s="327">
        <v>0</v>
      </c>
      <c r="EV37" s="327">
        <v>0</v>
      </c>
      <c r="EW37" s="327">
        <v>0</v>
      </c>
      <c r="EX37" s="327">
        <v>0</v>
      </c>
      <c r="EY37" s="328">
        <v>0</v>
      </c>
      <c r="EZ37" s="330">
        <v>0</v>
      </c>
      <c r="FA37" s="326">
        <v>0</v>
      </c>
      <c r="FB37" s="327">
        <v>0</v>
      </c>
      <c r="FC37" s="331">
        <v>0</v>
      </c>
      <c r="FD37" s="404">
        <v>0</v>
      </c>
      <c r="FE37" s="327">
        <v>0</v>
      </c>
      <c r="FF37" s="327">
        <v>0</v>
      </c>
      <c r="FG37" s="327">
        <v>0</v>
      </c>
      <c r="FH37" s="327">
        <v>0</v>
      </c>
      <c r="FI37" s="327">
        <v>0</v>
      </c>
      <c r="FJ37" s="328">
        <v>0</v>
      </c>
      <c r="FK37" s="330">
        <v>0</v>
      </c>
      <c r="FL37" s="326">
        <v>8960</v>
      </c>
      <c r="FM37" s="327">
        <v>19600</v>
      </c>
      <c r="FN37" s="328">
        <v>28560</v>
      </c>
      <c r="FO37" s="326">
        <v>0</v>
      </c>
      <c r="FP37" s="327">
        <v>27342</v>
      </c>
      <c r="FQ37" s="327">
        <v>51947</v>
      </c>
      <c r="FR37" s="327">
        <v>30800</v>
      </c>
      <c r="FS37" s="327">
        <v>67718</v>
      </c>
      <c r="FT37" s="327">
        <v>4312</v>
      </c>
      <c r="FU37" s="328">
        <v>182119</v>
      </c>
      <c r="FV37" s="330">
        <v>210679</v>
      </c>
      <c r="FW37" s="333">
        <v>8960</v>
      </c>
      <c r="FX37" s="327">
        <v>19600</v>
      </c>
      <c r="FY37" s="331">
        <v>28560</v>
      </c>
      <c r="FZ37" s="332">
        <v>0</v>
      </c>
      <c r="GA37" s="327">
        <v>27342</v>
      </c>
      <c r="GB37" s="327">
        <v>51947</v>
      </c>
      <c r="GC37" s="327">
        <v>9100</v>
      </c>
      <c r="GD37" s="327">
        <v>67718</v>
      </c>
      <c r="GE37" s="327">
        <v>4312</v>
      </c>
      <c r="GF37" s="328">
        <v>160419</v>
      </c>
      <c r="GG37" s="334">
        <v>188979</v>
      </c>
      <c r="GH37" s="333">
        <v>0</v>
      </c>
      <c r="GI37" s="327">
        <v>0</v>
      </c>
      <c r="GJ37" s="331">
        <v>0</v>
      </c>
      <c r="GK37" s="332">
        <v>0</v>
      </c>
      <c r="GL37" s="327">
        <v>0</v>
      </c>
      <c r="GM37" s="327">
        <v>0</v>
      </c>
      <c r="GN37" s="327">
        <v>21700</v>
      </c>
      <c r="GO37" s="327">
        <v>0</v>
      </c>
      <c r="GP37" s="327">
        <v>0</v>
      </c>
      <c r="GQ37" s="328">
        <v>21700</v>
      </c>
      <c r="GR37" s="330">
        <v>21700</v>
      </c>
      <c r="GS37" s="326">
        <v>0</v>
      </c>
      <c r="GT37" s="327">
        <v>0</v>
      </c>
      <c r="GU37" s="328">
        <v>0</v>
      </c>
      <c r="GV37" s="326">
        <v>0</v>
      </c>
      <c r="GW37" s="327">
        <v>0</v>
      </c>
      <c r="GX37" s="327">
        <v>0</v>
      </c>
      <c r="GY37" s="327">
        <v>0</v>
      </c>
      <c r="GZ37" s="327">
        <v>0</v>
      </c>
      <c r="HA37" s="327">
        <v>0</v>
      </c>
      <c r="HB37" s="331">
        <v>0</v>
      </c>
      <c r="HC37" s="330">
        <v>0</v>
      </c>
      <c r="HD37" s="326">
        <v>0</v>
      </c>
      <c r="HE37" s="327">
        <v>0</v>
      </c>
      <c r="HF37" s="331">
        <v>0</v>
      </c>
      <c r="HG37" s="332">
        <v>0</v>
      </c>
      <c r="HH37" s="327">
        <v>0</v>
      </c>
      <c r="HI37" s="327">
        <v>0</v>
      </c>
      <c r="HJ37" s="327">
        <v>0</v>
      </c>
      <c r="HK37" s="327">
        <v>208838</v>
      </c>
      <c r="HL37" s="327">
        <v>395138</v>
      </c>
      <c r="HM37" s="328">
        <v>603976</v>
      </c>
      <c r="HN37" s="329">
        <v>603976</v>
      </c>
      <c r="HO37" s="333">
        <v>0</v>
      </c>
      <c r="HP37" s="327">
        <v>0</v>
      </c>
      <c r="HQ37" s="328">
        <v>0</v>
      </c>
      <c r="HR37" s="326">
        <v>0</v>
      </c>
      <c r="HS37" s="327">
        <v>0</v>
      </c>
      <c r="HT37" s="327">
        <v>0</v>
      </c>
      <c r="HU37" s="327">
        <v>0</v>
      </c>
      <c r="HV37" s="327">
        <v>0</v>
      </c>
      <c r="HW37" s="327">
        <v>0</v>
      </c>
      <c r="HX37" s="331">
        <v>0</v>
      </c>
      <c r="HY37" s="330">
        <v>0</v>
      </c>
      <c r="HZ37" s="335">
        <v>0</v>
      </c>
      <c r="IA37" s="336">
        <v>0</v>
      </c>
      <c r="IB37" s="337">
        <v>0</v>
      </c>
      <c r="IC37" s="338">
        <v>0</v>
      </c>
      <c r="ID37" s="336">
        <v>327791</v>
      </c>
      <c r="IE37" s="339">
        <v>126623</v>
      </c>
      <c r="IF37" s="337">
        <v>442437</v>
      </c>
      <c r="IG37" s="336">
        <v>0</v>
      </c>
      <c r="IH37" s="337">
        <v>0</v>
      </c>
      <c r="II37" s="340">
        <v>896851</v>
      </c>
      <c r="IJ37" s="341">
        <v>896851</v>
      </c>
      <c r="IK37" s="342">
        <v>0</v>
      </c>
      <c r="IL37" s="343">
        <v>0</v>
      </c>
      <c r="IM37" s="344">
        <v>0</v>
      </c>
      <c r="IN37" s="404">
        <v>0</v>
      </c>
      <c r="IO37" s="345">
        <v>53949</v>
      </c>
      <c r="IP37" s="345">
        <v>83909</v>
      </c>
      <c r="IQ37" s="345">
        <v>0</v>
      </c>
      <c r="IR37" s="345">
        <v>0</v>
      </c>
      <c r="IS37" s="345">
        <v>0</v>
      </c>
      <c r="IT37" s="346">
        <v>137858</v>
      </c>
      <c r="IU37" s="347">
        <v>137858</v>
      </c>
      <c r="IV37" s="348">
        <v>0</v>
      </c>
      <c r="IW37" s="345">
        <v>0</v>
      </c>
      <c r="IX37" s="349">
        <v>0</v>
      </c>
      <c r="IY37" s="404">
        <v>0</v>
      </c>
      <c r="IZ37" s="345">
        <v>0</v>
      </c>
      <c r="JA37" s="345">
        <v>0</v>
      </c>
      <c r="JB37" s="345">
        <v>0</v>
      </c>
      <c r="JC37" s="345">
        <v>0</v>
      </c>
      <c r="JD37" s="345">
        <v>0</v>
      </c>
      <c r="JE37" s="349">
        <v>0</v>
      </c>
      <c r="JF37" s="350">
        <v>0</v>
      </c>
      <c r="JG37" s="348">
        <v>0</v>
      </c>
      <c r="JH37" s="345">
        <v>0</v>
      </c>
      <c r="JI37" s="346">
        <v>0</v>
      </c>
      <c r="JJ37" s="351">
        <v>0</v>
      </c>
      <c r="JK37" s="345">
        <v>71547</v>
      </c>
      <c r="JL37" s="345">
        <v>42714</v>
      </c>
      <c r="JM37" s="345">
        <v>0</v>
      </c>
      <c r="JN37" s="345">
        <v>0</v>
      </c>
      <c r="JO37" s="345">
        <v>0</v>
      </c>
      <c r="JP37" s="349">
        <v>114261</v>
      </c>
      <c r="JQ37" s="347">
        <v>114261</v>
      </c>
      <c r="JR37" s="348">
        <v>0</v>
      </c>
      <c r="JS37" s="345">
        <v>0</v>
      </c>
      <c r="JT37" s="346">
        <v>0</v>
      </c>
      <c r="JU37" s="351">
        <v>0</v>
      </c>
      <c r="JV37" s="345">
        <v>95615</v>
      </c>
      <c r="JW37" s="345">
        <v>0</v>
      </c>
      <c r="JX37" s="345">
        <v>232409</v>
      </c>
      <c r="JY37" s="345">
        <v>0</v>
      </c>
      <c r="JZ37" s="345">
        <v>0</v>
      </c>
      <c r="KA37" s="349">
        <v>328024</v>
      </c>
      <c r="KB37" s="347">
        <v>328024</v>
      </c>
      <c r="KC37" s="352">
        <v>0</v>
      </c>
      <c r="KD37" s="353">
        <v>0</v>
      </c>
      <c r="KE37" s="349">
        <v>0</v>
      </c>
      <c r="KF37" s="351">
        <v>0</v>
      </c>
      <c r="KG37" s="345">
        <v>106680</v>
      </c>
      <c r="KH37" s="345">
        <v>0</v>
      </c>
      <c r="KI37" s="345">
        <v>0</v>
      </c>
      <c r="KJ37" s="345">
        <v>0</v>
      </c>
      <c r="KK37" s="345">
        <v>0</v>
      </c>
      <c r="KL37" s="349">
        <v>106680</v>
      </c>
      <c r="KM37" s="354">
        <v>106680</v>
      </c>
      <c r="KN37" s="342">
        <v>0</v>
      </c>
      <c r="KO37" s="343">
        <v>0</v>
      </c>
      <c r="KP37" s="344">
        <v>0</v>
      </c>
      <c r="KQ37" s="404">
        <v>0</v>
      </c>
      <c r="KR37" s="345">
        <v>0</v>
      </c>
      <c r="KS37" s="345">
        <v>0</v>
      </c>
      <c r="KT37" s="345">
        <v>210028</v>
      </c>
      <c r="KU37" s="345">
        <v>0</v>
      </c>
      <c r="KV37" s="345">
        <v>0</v>
      </c>
      <c r="KW37" s="349">
        <v>210028</v>
      </c>
      <c r="KX37" s="347">
        <v>210028</v>
      </c>
      <c r="KY37" s="348">
        <v>0</v>
      </c>
      <c r="KZ37" s="345">
        <v>0</v>
      </c>
      <c r="LA37" s="349">
        <v>0</v>
      </c>
      <c r="LB37" s="404">
        <v>0</v>
      </c>
      <c r="LC37" s="345">
        <v>0</v>
      </c>
      <c r="LD37" s="345">
        <v>0</v>
      </c>
      <c r="LE37" s="345">
        <v>0</v>
      </c>
      <c r="LF37" s="345">
        <v>0</v>
      </c>
      <c r="LG37" s="345">
        <v>0</v>
      </c>
      <c r="LH37" s="349">
        <v>0</v>
      </c>
      <c r="LI37" s="350">
        <v>0</v>
      </c>
      <c r="LJ37" s="348">
        <v>0</v>
      </c>
      <c r="LK37" s="345">
        <v>0</v>
      </c>
      <c r="LL37" s="349">
        <v>0</v>
      </c>
      <c r="LM37" s="404">
        <v>0</v>
      </c>
      <c r="LN37" s="345">
        <v>0</v>
      </c>
      <c r="LO37" s="345">
        <v>0</v>
      </c>
      <c r="LP37" s="345">
        <v>0</v>
      </c>
      <c r="LQ37" s="345">
        <v>0</v>
      </c>
      <c r="LR37" s="345">
        <v>0</v>
      </c>
      <c r="LS37" s="349">
        <v>0</v>
      </c>
      <c r="LT37" s="347">
        <v>0</v>
      </c>
      <c r="LU37" s="348">
        <v>0</v>
      </c>
      <c r="LV37" s="345">
        <v>0</v>
      </c>
      <c r="LW37" s="349">
        <v>0</v>
      </c>
      <c r="LX37" s="404">
        <v>0</v>
      </c>
      <c r="LY37" s="345">
        <v>0</v>
      </c>
      <c r="LZ37" s="345">
        <v>0</v>
      </c>
      <c r="MA37" s="345">
        <v>0</v>
      </c>
      <c r="MB37" s="345">
        <v>0</v>
      </c>
      <c r="MC37" s="345">
        <v>0</v>
      </c>
      <c r="MD37" s="349">
        <v>0</v>
      </c>
      <c r="ME37" s="350">
        <v>0</v>
      </c>
      <c r="MF37" s="348">
        <v>0</v>
      </c>
      <c r="MG37" s="345">
        <v>0</v>
      </c>
      <c r="MH37" s="349">
        <v>0</v>
      </c>
      <c r="MI37" s="404">
        <v>0</v>
      </c>
      <c r="MJ37" s="345">
        <v>0</v>
      </c>
      <c r="MK37" s="345">
        <v>0</v>
      </c>
      <c r="ML37" s="345">
        <v>0</v>
      </c>
      <c r="MM37" s="345">
        <v>755063</v>
      </c>
      <c r="MN37" s="345">
        <v>262995</v>
      </c>
      <c r="MO37" s="349">
        <v>1018058</v>
      </c>
      <c r="MP37" s="354">
        <v>1018058</v>
      </c>
      <c r="MQ37" s="348">
        <v>0</v>
      </c>
      <c r="MR37" s="345">
        <v>0</v>
      </c>
      <c r="MS37" s="349">
        <v>0</v>
      </c>
      <c r="MT37" s="404">
        <v>0</v>
      </c>
      <c r="MU37" s="345">
        <v>0</v>
      </c>
      <c r="MV37" s="345">
        <v>0</v>
      </c>
      <c r="MW37" s="345">
        <v>0</v>
      </c>
      <c r="MX37" s="345">
        <v>460149</v>
      </c>
      <c r="MY37" s="345">
        <v>262995</v>
      </c>
      <c r="MZ37" s="349">
        <v>723144</v>
      </c>
      <c r="NA37" s="354">
        <v>723144</v>
      </c>
      <c r="NB37" s="348">
        <v>0</v>
      </c>
      <c r="NC37" s="345">
        <v>0</v>
      </c>
      <c r="ND37" s="349">
        <v>0</v>
      </c>
      <c r="NE37" s="404">
        <v>0</v>
      </c>
      <c r="NF37" s="345">
        <v>0</v>
      </c>
      <c r="NG37" s="345">
        <v>0</v>
      </c>
      <c r="NH37" s="345">
        <v>0</v>
      </c>
      <c r="NI37" s="345">
        <v>294914</v>
      </c>
      <c r="NJ37" s="345">
        <v>0</v>
      </c>
      <c r="NK37" s="349">
        <v>294914</v>
      </c>
      <c r="NL37" s="347">
        <v>294914</v>
      </c>
      <c r="NM37" s="348">
        <v>0</v>
      </c>
      <c r="NN37" s="345">
        <v>0</v>
      </c>
      <c r="NO37" s="349">
        <v>0</v>
      </c>
      <c r="NP37" s="404">
        <v>0</v>
      </c>
      <c r="NQ37" s="345">
        <v>0</v>
      </c>
      <c r="NR37" s="345">
        <v>0</v>
      </c>
      <c r="NS37" s="345">
        <v>0</v>
      </c>
      <c r="NT37" s="345">
        <v>0</v>
      </c>
      <c r="NU37" s="345">
        <v>0</v>
      </c>
      <c r="NV37" s="349">
        <v>0</v>
      </c>
      <c r="NW37" s="350">
        <v>0</v>
      </c>
      <c r="NX37" s="348">
        <v>0</v>
      </c>
      <c r="NY37" s="345">
        <v>0</v>
      </c>
      <c r="NZ37" s="349">
        <v>0</v>
      </c>
      <c r="OA37" s="404">
        <v>0</v>
      </c>
      <c r="OB37" s="345">
        <v>0</v>
      </c>
      <c r="OC37" s="345">
        <v>0</v>
      </c>
      <c r="OD37" s="345">
        <v>0</v>
      </c>
      <c r="OE37" s="345">
        <v>0</v>
      </c>
      <c r="OF37" s="345">
        <v>0</v>
      </c>
      <c r="OG37" s="349">
        <v>0</v>
      </c>
      <c r="OH37" s="350">
        <v>0</v>
      </c>
      <c r="OI37" s="348">
        <v>43288</v>
      </c>
      <c r="OJ37" s="345">
        <v>73276</v>
      </c>
      <c r="OK37" s="346">
        <v>116564</v>
      </c>
      <c r="OL37" s="351">
        <v>0</v>
      </c>
      <c r="OM37" s="345">
        <v>627563</v>
      </c>
      <c r="ON37" s="345">
        <v>467879</v>
      </c>
      <c r="OO37" s="345">
        <v>544595</v>
      </c>
      <c r="OP37" s="345">
        <v>1229795</v>
      </c>
      <c r="OQ37" s="345">
        <v>1223227</v>
      </c>
      <c r="OR37" s="349">
        <v>4093059</v>
      </c>
      <c r="OS37" s="354">
        <v>4209623</v>
      </c>
    </row>
    <row r="38" spans="2:409" s="70" customFormat="1" ht="21" customHeight="1" x14ac:dyDescent="0.2">
      <c r="B38" s="106" t="s">
        <v>33</v>
      </c>
      <c r="C38" s="326">
        <v>31674</v>
      </c>
      <c r="D38" s="327">
        <v>4200</v>
      </c>
      <c r="E38" s="328">
        <v>35874</v>
      </c>
      <c r="F38" s="329">
        <v>0</v>
      </c>
      <c r="G38" s="327">
        <v>682326</v>
      </c>
      <c r="H38" s="327">
        <v>389169</v>
      </c>
      <c r="I38" s="327">
        <v>543681</v>
      </c>
      <c r="J38" s="327">
        <v>426434</v>
      </c>
      <c r="K38" s="327">
        <v>455958</v>
      </c>
      <c r="L38" s="367">
        <v>2497568</v>
      </c>
      <c r="M38" s="330">
        <v>2533442</v>
      </c>
      <c r="N38" s="326">
        <v>9772</v>
      </c>
      <c r="O38" s="327">
        <v>0</v>
      </c>
      <c r="P38" s="328">
        <v>9772</v>
      </c>
      <c r="Q38" s="326">
        <v>0</v>
      </c>
      <c r="R38" s="327">
        <v>209912</v>
      </c>
      <c r="S38" s="327">
        <v>174479</v>
      </c>
      <c r="T38" s="327">
        <v>148771</v>
      </c>
      <c r="U38" s="327">
        <v>95111</v>
      </c>
      <c r="V38" s="327">
        <v>28308</v>
      </c>
      <c r="W38" s="328">
        <v>656581</v>
      </c>
      <c r="X38" s="330">
        <v>666353</v>
      </c>
      <c r="Y38" s="326">
        <v>0</v>
      </c>
      <c r="Z38" s="327">
        <v>0</v>
      </c>
      <c r="AA38" s="328">
        <v>0</v>
      </c>
      <c r="AB38" s="326">
        <v>0</v>
      </c>
      <c r="AC38" s="327">
        <v>88291</v>
      </c>
      <c r="AD38" s="327">
        <v>0</v>
      </c>
      <c r="AE38" s="327">
        <v>61999</v>
      </c>
      <c r="AF38" s="327">
        <v>0</v>
      </c>
      <c r="AG38" s="327">
        <v>0</v>
      </c>
      <c r="AH38" s="328">
        <v>150290</v>
      </c>
      <c r="AI38" s="330">
        <v>150290</v>
      </c>
      <c r="AJ38" s="326">
        <v>0</v>
      </c>
      <c r="AK38" s="327">
        <v>0</v>
      </c>
      <c r="AL38" s="328">
        <v>0</v>
      </c>
      <c r="AM38" s="326">
        <v>0</v>
      </c>
      <c r="AN38" s="327">
        <v>0</v>
      </c>
      <c r="AO38" s="327">
        <v>0</v>
      </c>
      <c r="AP38" s="327">
        <v>0</v>
      </c>
      <c r="AQ38" s="327">
        <v>0</v>
      </c>
      <c r="AR38" s="327">
        <v>0</v>
      </c>
      <c r="AS38" s="328">
        <v>0</v>
      </c>
      <c r="AT38" s="330">
        <v>0</v>
      </c>
      <c r="AU38" s="326">
        <v>0</v>
      </c>
      <c r="AV38" s="327">
        <v>0</v>
      </c>
      <c r="AW38" s="328">
        <v>0</v>
      </c>
      <c r="AX38" s="326">
        <v>0</v>
      </c>
      <c r="AY38" s="327">
        <v>50885</v>
      </c>
      <c r="AZ38" s="327">
        <v>99486</v>
      </c>
      <c r="BA38" s="327">
        <v>0</v>
      </c>
      <c r="BB38" s="327">
        <v>0</v>
      </c>
      <c r="BC38" s="327">
        <v>0</v>
      </c>
      <c r="BD38" s="328">
        <v>150371</v>
      </c>
      <c r="BE38" s="330">
        <v>150371</v>
      </c>
      <c r="BF38" s="326">
        <v>0</v>
      </c>
      <c r="BG38" s="327">
        <v>0</v>
      </c>
      <c r="BH38" s="331">
        <v>0</v>
      </c>
      <c r="BI38" s="332">
        <v>0</v>
      </c>
      <c r="BJ38" s="327">
        <v>36968</v>
      </c>
      <c r="BK38" s="327">
        <v>50381</v>
      </c>
      <c r="BL38" s="327">
        <v>64995</v>
      </c>
      <c r="BM38" s="327">
        <v>50381</v>
      </c>
      <c r="BN38" s="327">
        <v>0</v>
      </c>
      <c r="BO38" s="328">
        <v>202725</v>
      </c>
      <c r="BP38" s="330">
        <v>202725</v>
      </c>
      <c r="BQ38" s="326">
        <v>9772</v>
      </c>
      <c r="BR38" s="327">
        <v>0</v>
      </c>
      <c r="BS38" s="328">
        <v>9772</v>
      </c>
      <c r="BT38" s="326">
        <v>0</v>
      </c>
      <c r="BU38" s="327">
        <v>33768</v>
      </c>
      <c r="BV38" s="327">
        <v>24612</v>
      </c>
      <c r="BW38" s="327">
        <v>21777</v>
      </c>
      <c r="BX38" s="327">
        <v>44730</v>
      </c>
      <c r="BY38" s="327">
        <v>28308</v>
      </c>
      <c r="BZ38" s="328">
        <v>153195</v>
      </c>
      <c r="CA38" s="330">
        <v>162967</v>
      </c>
      <c r="CB38" s="326">
        <v>18402</v>
      </c>
      <c r="CC38" s="327">
        <v>0</v>
      </c>
      <c r="CD38" s="328">
        <v>18402</v>
      </c>
      <c r="CE38" s="326">
        <v>0</v>
      </c>
      <c r="CF38" s="327">
        <v>132580</v>
      </c>
      <c r="CG38" s="327">
        <v>0</v>
      </c>
      <c r="CH38" s="327">
        <v>0</v>
      </c>
      <c r="CI38" s="327">
        <v>0</v>
      </c>
      <c r="CJ38" s="327">
        <v>0</v>
      </c>
      <c r="CK38" s="328">
        <v>132580</v>
      </c>
      <c r="CL38" s="330">
        <v>150982</v>
      </c>
      <c r="CM38" s="326">
        <v>0</v>
      </c>
      <c r="CN38" s="327">
        <v>0</v>
      </c>
      <c r="CO38" s="328">
        <v>0</v>
      </c>
      <c r="CP38" s="332">
        <v>0</v>
      </c>
      <c r="CQ38" s="327">
        <v>74399</v>
      </c>
      <c r="CR38" s="327">
        <v>0</v>
      </c>
      <c r="CS38" s="327">
        <v>0</v>
      </c>
      <c r="CT38" s="327">
        <v>0</v>
      </c>
      <c r="CU38" s="327">
        <v>0</v>
      </c>
      <c r="CV38" s="328">
        <v>74399</v>
      </c>
      <c r="CW38" s="330">
        <v>74399</v>
      </c>
      <c r="CX38" s="326">
        <v>18402</v>
      </c>
      <c r="CY38" s="327">
        <v>0</v>
      </c>
      <c r="CZ38" s="328">
        <v>18402</v>
      </c>
      <c r="DA38" s="326">
        <v>0</v>
      </c>
      <c r="DB38" s="327">
        <v>58181</v>
      </c>
      <c r="DC38" s="327">
        <v>0</v>
      </c>
      <c r="DD38" s="327">
        <v>0</v>
      </c>
      <c r="DE38" s="327">
        <v>0</v>
      </c>
      <c r="DF38" s="327">
        <v>0</v>
      </c>
      <c r="DG38" s="328">
        <v>58181</v>
      </c>
      <c r="DH38" s="330">
        <v>76583</v>
      </c>
      <c r="DI38" s="326">
        <v>0</v>
      </c>
      <c r="DJ38" s="327">
        <v>0</v>
      </c>
      <c r="DK38" s="331">
        <v>0</v>
      </c>
      <c r="DL38" s="332">
        <v>0</v>
      </c>
      <c r="DM38" s="327">
        <v>23288</v>
      </c>
      <c r="DN38" s="327">
        <v>0</v>
      </c>
      <c r="DO38" s="327">
        <v>0</v>
      </c>
      <c r="DP38" s="327">
        <v>0</v>
      </c>
      <c r="DQ38" s="327">
        <v>0</v>
      </c>
      <c r="DR38" s="328">
        <v>23288</v>
      </c>
      <c r="DS38" s="330">
        <v>23288</v>
      </c>
      <c r="DT38" s="326">
        <v>0</v>
      </c>
      <c r="DU38" s="327">
        <v>0</v>
      </c>
      <c r="DV38" s="328">
        <v>0</v>
      </c>
      <c r="DW38" s="326">
        <v>0</v>
      </c>
      <c r="DX38" s="327">
        <v>0</v>
      </c>
      <c r="DY38" s="327">
        <v>0</v>
      </c>
      <c r="DZ38" s="327">
        <v>0</v>
      </c>
      <c r="EA38" s="327">
        <v>0</v>
      </c>
      <c r="EB38" s="327">
        <v>0</v>
      </c>
      <c r="EC38" s="328">
        <v>0</v>
      </c>
      <c r="ED38" s="330">
        <v>0</v>
      </c>
      <c r="EE38" s="326">
        <v>0</v>
      </c>
      <c r="EF38" s="331">
        <v>0</v>
      </c>
      <c r="EG38" s="328">
        <v>0</v>
      </c>
      <c r="EH38" s="326">
        <v>0</v>
      </c>
      <c r="EI38" s="327">
        <v>23288</v>
      </c>
      <c r="EJ38" s="327">
        <v>0</v>
      </c>
      <c r="EK38" s="327">
        <v>0</v>
      </c>
      <c r="EL38" s="327">
        <v>0</v>
      </c>
      <c r="EM38" s="327">
        <v>0</v>
      </c>
      <c r="EN38" s="331">
        <v>23288</v>
      </c>
      <c r="EO38" s="330">
        <v>23288</v>
      </c>
      <c r="EP38" s="326">
        <v>0</v>
      </c>
      <c r="EQ38" s="327">
        <v>0</v>
      </c>
      <c r="ER38" s="331">
        <v>0</v>
      </c>
      <c r="ES38" s="332">
        <v>0</v>
      </c>
      <c r="ET38" s="327">
        <v>0</v>
      </c>
      <c r="EU38" s="327">
        <v>0</v>
      </c>
      <c r="EV38" s="327">
        <v>0</v>
      </c>
      <c r="EW38" s="327">
        <v>0</v>
      </c>
      <c r="EX38" s="327">
        <v>0</v>
      </c>
      <c r="EY38" s="328">
        <v>0</v>
      </c>
      <c r="EZ38" s="330">
        <v>0</v>
      </c>
      <c r="FA38" s="326">
        <v>0</v>
      </c>
      <c r="FB38" s="327">
        <v>0</v>
      </c>
      <c r="FC38" s="331">
        <v>0</v>
      </c>
      <c r="FD38" s="404">
        <v>0</v>
      </c>
      <c r="FE38" s="327">
        <v>0</v>
      </c>
      <c r="FF38" s="327">
        <v>0</v>
      </c>
      <c r="FG38" s="327">
        <v>0</v>
      </c>
      <c r="FH38" s="327">
        <v>0</v>
      </c>
      <c r="FI38" s="327">
        <v>0</v>
      </c>
      <c r="FJ38" s="328">
        <v>0</v>
      </c>
      <c r="FK38" s="330">
        <v>0</v>
      </c>
      <c r="FL38" s="326">
        <v>3500</v>
      </c>
      <c r="FM38" s="327">
        <v>4200</v>
      </c>
      <c r="FN38" s="328">
        <v>7700</v>
      </c>
      <c r="FO38" s="326">
        <v>0</v>
      </c>
      <c r="FP38" s="327">
        <v>48832</v>
      </c>
      <c r="FQ38" s="327">
        <v>51646</v>
      </c>
      <c r="FR38" s="327">
        <v>38290</v>
      </c>
      <c r="FS38" s="327">
        <v>1960</v>
      </c>
      <c r="FT38" s="327">
        <v>0</v>
      </c>
      <c r="FU38" s="328">
        <v>140728</v>
      </c>
      <c r="FV38" s="330">
        <v>148428</v>
      </c>
      <c r="FW38" s="333">
        <v>3500</v>
      </c>
      <c r="FX38" s="327">
        <v>4200</v>
      </c>
      <c r="FY38" s="331">
        <v>7700</v>
      </c>
      <c r="FZ38" s="332">
        <v>0</v>
      </c>
      <c r="GA38" s="327">
        <v>48832</v>
      </c>
      <c r="GB38" s="327">
        <v>51646</v>
      </c>
      <c r="GC38" s="327">
        <v>38290</v>
      </c>
      <c r="GD38" s="327">
        <v>1960</v>
      </c>
      <c r="GE38" s="327">
        <v>0</v>
      </c>
      <c r="GF38" s="328">
        <v>140728</v>
      </c>
      <c r="GG38" s="334">
        <v>148428</v>
      </c>
      <c r="GH38" s="333">
        <v>0</v>
      </c>
      <c r="GI38" s="327">
        <v>0</v>
      </c>
      <c r="GJ38" s="331">
        <v>0</v>
      </c>
      <c r="GK38" s="332">
        <v>0</v>
      </c>
      <c r="GL38" s="327">
        <v>0</v>
      </c>
      <c r="GM38" s="327">
        <v>0</v>
      </c>
      <c r="GN38" s="327">
        <v>0</v>
      </c>
      <c r="GO38" s="327">
        <v>0</v>
      </c>
      <c r="GP38" s="327">
        <v>0</v>
      </c>
      <c r="GQ38" s="328">
        <v>0</v>
      </c>
      <c r="GR38" s="330">
        <v>0</v>
      </c>
      <c r="GS38" s="326">
        <v>0</v>
      </c>
      <c r="GT38" s="327">
        <v>0</v>
      </c>
      <c r="GU38" s="328">
        <v>0</v>
      </c>
      <c r="GV38" s="326">
        <v>0</v>
      </c>
      <c r="GW38" s="327">
        <v>0</v>
      </c>
      <c r="GX38" s="327">
        <v>0</v>
      </c>
      <c r="GY38" s="327">
        <v>0</v>
      </c>
      <c r="GZ38" s="327">
        <v>0</v>
      </c>
      <c r="HA38" s="327">
        <v>0</v>
      </c>
      <c r="HB38" s="331">
        <v>0</v>
      </c>
      <c r="HC38" s="330">
        <v>0</v>
      </c>
      <c r="HD38" s="326">
        <v>0</v>
      </c>
      <c r="HE38" s="327">
        <v>0</v>
      </c>
      <c r="HF38" s="331">
        <v>0</v>
      </c>
      <c r="HG38" s="332">
        <v>0</v>
      </c>
      <c r="HH38" s="327">
        <v>267714</v>
      </c>
      <c r="HI38" s="327">
        <v>163044</v>
      </c>
      <c r="HJ38" s="327">
        <v>356620</v>
      </c>
      <c r="HK38" s="327">
        <v>329363</v>
      </c>
      <c r="HL38" s="327">
        <v>427650</v>
      </c>
      <c r="HM38" s="328">
        <v>1544391</v>
      </c>
      <c r="HN38" s="329">
        <v>1544391</v>
      </c>
      <c r="HO38" s="333">
        <v>0</v>
      </c>
      <c r="HP38" s="327">
        <v>0</v>
      </c>
      <c r="HQ38" s="328">
        <v>0</v>
      </c>
      <c r="HR38" s="326">
        <v>0</v>
      </c>
      <c r="HS38" s="327">
        <v>0</v>
      </c>
      <c r="HT38" s="327">
        <v>0</v>
      </c>
      <c r="HU38" s="327">
        <v>0</v>
      </c>
      <c r="HV38" s="327">
        <v>0</v>
      </c>
      <c r="HW38" s="327">
        <v>0</v>
      </c>
      <c r="HX38" s="331">
        <v>0</v>
      </c>
      <c r="HY38" s="330">
        <v>0</v>
      </c>
      <c r="HZ38" s="358">
        <v>0</v>
      </c>
      <c r="IA38" s="356">
        <v>0</v>
      </c>
      <c r="IB38" s="358">
        <v>0</v>
      </c>
      <c r="IC38" s="338">
        <v>0</v>
      </c>
      <c r="ID38" s="336">
        <v>38485</v>
      </c>
      <c r="IE38" s="339">
        <v>0</v>
      </c>
      <c r="IF38" s="337">
        <v>282221</v>
      </c>
      <c r="IG38" s="336">
        <v>28966</v>
      </c>
      <c r="IH38" s="337">
        <v>0</v>
      </c>
      <c r="II38" s="340">
        <v>349672</v>
      </c>
      <c r="IJ38" s="358">
        <v>349672</v>
      </c>
      <c r="IK38" s="342">
        <v>0</v>
      </c>
      <c r="IL38" s="343">
        <v>0</v>
      </c>
      <c r="IM38" s="344">
        <v>0</v>
      </c>
      <c r="IN38" s="404">
        <v>0</v>
      </c>
      <c r="IO38" s="345">
        <v>0</v>
      </c>
      <c r="IP38" s="345">
        <v>0</v>
      </c>
      <c r="IQ38" s="345">
        <v>0</v>
      </c>
      <c r="IR38" s="345">
        <v>0</v>
      </c>
      <c r="IS38" s="345">
        <v>0</v>
      </c>
      <c r="IT38" s="346">
        <v>0</v>
      </c>
      <c r="IU38" s="347">
        <v>0</v>
      </c>
      <c r="IV38" s="348">
        <v>0</v>
      </c>
      <c r="IW38" s="345">
        <v>0</v>
      </c>
      <c r="IX38" s="349">
        <v>0</v>
      </c>
      <c r="IY38" s="404">
        <v>0</v>
      </c>
      <c r="IZ38" s="345">
        <v>0</v>
      </c>
      <c r="JA38" s="345">
        <v>0</v>
      </c>
      <c r="JB38" s="345">
        <v>0</v>
      </c>
      <c r="JC38" s="345">
        <v>0</v>
      </c>
      <c r="JD38" s="345">
        <v>0</v>
      </c>
      <c r="JE38" s="349">
        <v>0</v>
      </c>
      <c r="JF38" s="350">
        <v>0</v>
      </c>
      <c r="JG38" s="348">
        <v>0</v>
      </c>
      <c r="JH38" s="345">
        <v>0</v>
      </c>
      <c r="JI38" s="346">
        <v>0</v>
      </c>
      <c r="JJ38" s="351">
        <v>0</v>
      </c>
      <c r="JK38" s="345">
        <v>38485</v>
      </c>
      <c r="JL38" s="345">
        <v>0</v>
      </c>
      <c r="JM38" s="345">
        <v>67834</v>
      </c>
      <c r="JN38" s="345">
        <v>28966</v>
      </c>
      <c r="JO38" s="345">
        <v>0</v>
      </c>
      <c r="JP38" s="349">
        <v>135285</v>
      </c>
      <c r="JQ38" s="347">
        <v>135285</v>
      </c>
      <c r="JR38" s="348">
        <v>0</v>
      </c>
      <c r="JS38" s="345">
        <v>0</v>
      </c>
      <c r="JT38" s="346">
        <v>0</v>
      </c>
      <c r="JU38" s="351">
        <v>0</v>
      </c>
      <c r="JV38" s="345">
        <v>0</v>
      </c>
      <c r="JW38" s="345">
        <v>0</v>
      </c>
      <c r="JX38" s="345">
        <v>0</v>
      </c>
      <c r="JY38" s="345">
        <v>0</v>
      </c>
      <c r="JZ38" s="345">
        <v>0</v>
      </c>
      <c r="KA38" s="349">
        <v>0</v>
      </c>
      <c r="KB38" s="347">
        <v>0</v>
      </c>
      <c r="KC38" s="352">
        <v>0</v>
      </c>
      <c r="KD38" s="353">
        <v>0</v>
      </c>
      <c r="KE38" s="349">
        <v>0</v>
      </c>
      <c r="KF38" s="351">
        <v>0</v>
      </c>
      <c r="KG38" s="345">
        <v>0</v>
      </c>
      <c r="KH38" s="345">
        <v>0</v>
      </c>
      <c r="KI38" s="345">
        <v>0</v>
      </c>
      <c r="KJ38" s="345">
        <v>0</v>
      </c>
      <c r="KK38" s="345">
        <v>0</v>
      </c>
      <c r="KL38" s="349">
        <v>0</v>
      </c>
      <c r="KM38" s="354">
        <v>0</v>
      </c>
      <c r="KN38" s="342">
        <v>0</v>
      </c>
      <c r="KO38" s="343">
        <v>0</v>
      </c>
      <c r="KP38" s="344">
        <v>0</v>
      </c>
      <c r="KQ38" s="404">
        <v>0</v>
      </c>
      <c r="KR38" s="345">
        <v>0</v>
      </c>
      <c r="KS38" s="345">
        <v>0</v>
      </c>
      <c r="KT38" s="345">
        <v>214387</v>
      </c>
      <c r="KU38" s="345">
        <v>0</v>
      </c>
      <c r="KV38" s="345">
        <v>0</v>
      </c>
      <c r="KW38" s="349">
        <v>214387</v>
      </c>
      <c r="KX38" s="347">
        <v>214387</v>
      </c>
      <c r="KY38" s="348">
        <v>0</v>
      </c>
      <c r="KZ38" s="345">
        <v>0</v>
      </c>
      <c r="LA38" s="349">
        <v>0</v>
      </c>
      <c r="LB38" s="404">
        <v>0</v>
      </c>
      <c r="LC38" s="345">
        <v>0</v>
      </c>
      <c r="LD38" s="345">
        <v>0</v>
      </c>
      <c r="LE38" s="345">
        <v>0</v>
      </c>
      <c r="LF38" s="345">
        <v>0</v>
      </c>
      <c r="LG38" s="345">
        <v>0</v>
      </c>
      <c r="LH38" s="349">
        <v>0</v>
      </c>
      <c r="LI38" s="350">
        <v>0</v>
      </c>
      <c r="LJ38" s="348">
        <v>0</v>
      </c>
      <c r="LK38" s="345">
        <v>0</v>
      </c>
      <c r="LL38" s="349">
        <v>0</v>
      </c>
      <c r="LM38" s="404">
        <v>0</v>
      </c>
      <c r="LN38" s="345">
        <v>0</v>
      </c>
      <c r="LO38" s="345">
        <v>0</v>
      </c>
      <c r="LP38" s="345">
        <v>0</v>
      </c>
      <c r="LQ38" s="345">
        <v>0</v>
      </c>
      <c r="LR38" s="345">
        <v>0</v>
      </c>
      <c r="LS38" s="349">
        <v>0</v>
      </c>
      <c r="LT38" s="347">
        <v>0</v>
      </c>
      <c r="LU38" s="348">
        <v>0</v>
      </c>
      <c r="LV38" s="345">
        <v>0</v>
      </c>
      <c r="LW38" s="349">
        <v>0</v>
      </c>
      <c r="LX38" s="404">
        <v>0</v>
      </c>
      <c r="LY38" s="345">
        <v>0</v>
      </c>
      <c r="LZ38" s="345">
        <v>0</v>
      </c>
      <c r="MA38" s="345">
        <v>0</v>
      </c>
      <c r="MB38" s="345">
        <v>0</v>
      </c>
      <c r="MC38" s="345">
        <v>0</v>
      </c>
      <c r="MD38" s="349">
        <v>0</v>
      </c>
      <c r="ME38" s="350">
        <v>0</v>
      </c>
      <c r="MF38" s="348">
        <v>0</v>
      </c>
      <c r="MG38" s="345">
        <v>0</v>
      </c>
      <c r="MH38" s="349">
        <v>0</v>
      </c>
      <c r="MI38" s="404">
        <v>0</v>
      </c>
      <c r="MJ38" s="345">
        <v>0</v>
      </c>
      <c r="MK38" s="345">
        <v>200221</v>
      </c>
      <c r="ML38" s="345">
        <v>0</v>
      </c>
      <c r="MM38" s="345">
        <v>272798</v>
      </c>
      <c r="MN38" s="345">
        <v>610562</v>
      </c>
      <c r="MO38" s="349">
        <v>1083581</v>
      </c>
      <c r="MP38" s="354">
        <v>1083581</v>
      </c>
      <c r="MQ38" s="348">
        <v>0</v>
      </c>
      <c r="MR38" s="345">
        <v>0</v>
      </c>
      <c r="MS38" s="349">
        <v>0</v>
      </c>
      <c r="MT38" s="404">
        <v>0</v>
      </c>
      <c r="MU38" s="345">
        <v>0</v>
      </c>
      <c r="MV38" s="345">
        <v>0</v>
      </c>
      <c r="MW38" s="345">
        <v>0</v>
      </c>
      <c r="MX38" s="345">
        <v>0</v>
      </c>
      <c r="MY38" s="345">
        <v>0</v>
      </c>
      <c r="MZ38" s="349">
        <v>0</v>
      </c>
      <c r="NA38" s="354">
        <v>0</v>
      </c>
      <c r="NB38" s="348">
        <v>0</v>
      </c>
      <c r="NC38" s="345">
        <v>0</v>
      </c>
      <c r="ND38" s="349">
        <v>0</v>
      </c>
      <c r="NE38" s="404">
        <v>0</v>
      </c>
      <c r="NF38" s="345">
        <v>0</v>
      </c>
      <c r="NG38" s="345">
        <v>0</v>
      </c>
      <c r="NH38" s="345">
        <v>0</v>
      </c>
      <c r="NI38" s="345">
        <v>0</v>
      </c>
      <c r="NJ38" s="345">
        <v>0</v>
      </c>
      <c r="NK38" s="349">
        <v>0</v>
      </c>
      <c r="NL38" s="347">
        <v>0</v>
      </c>
      <c r="NM38" s="348">
        <v>0</v>
      </c>
      <c r="NN38" s="345">
        <v>0</v>
      </c>
      <c r="NO38" s="349">
        <v>0</v>
      </c>
      <c r="NP38" s="404">
        <v>0</v>
      </c>
      <c r="NQ38" s="345">
        <v>0</v>
      </c>
      <c r="NR38" s="345">
        <v>0</v>
      </c>
      <c r="NS38" s="345">
        <v>0</v>
      </c>
      <c r="NT38" s="345">
        <v>0</v>
      </c>
      <c r="NU38" s="345">
        <v>0</v>
      </c>
      <c r="NV38" s="349">
        <v>0</v>
      </c>
      <c r="NW38" s="350">
        <v>0</v>
      </c>
      <c r="NX38" s="348">
        <v>0</v>
      </c>
      <c r="NY38" s="345">
        <v>0</v>
      </c>
      <c r="NZ38" s="349">
        <v>0</v>
      </c>
      <c r="OA38" s="404">
        <v>0</v>
      </c>
      <c r="OB38" s="345">
        <v>0</v>
      </c>
      <c r="OC38" s="345">
        <v>200221</v>
      </c>
      <c r="OD38" s="345">
        <v>0</v>
      </c>
      <c r="OE38" s="345">
        <v>272798</v>
      </c>
      <c r="OF38" s="345">
        <v>610562</v>
      </c>
      <c r="OG38" s="349">
        <v>1083581</v>
      </c>
      <c r="OH38" s="350">
        <v>1083581</v>
      </c>
      <c r="OI38" s="348">
        <v>31674</v>
      </c>
      <c r="OJ38" s="345">
        <v>4200</v>
      </c>
      <c r="OK38" s="346">
        <v>35874</v>
      </c>
      <c r="OL38" s="351">
        <v>0</v>
      </c>
      <c r="OM38" s="345">
        <v>720811</v>
      </c>
      <c r="ON38" s="345">
        <v>589390</v>
      </c>
      <c r="OO38" s="345">
        <v>825902</v>
      </c>
      <c r="OP38" s="345">
        <v>728198</v>
      </c>
      <c r="OQ38" s="345">
        <v>1066520</v>
      </c>
      <c r="OR38" s="349">
        <v>3930821</v>
      </c>
      <c r="OS38" s="354">
        <v>3966695</v>
      </c>
    </row>
    <row r="39" spans="2:409" s="70" customFormat="1" ht="21" customHeight="1" x14ac:dyDescent="0.2">
      <c r="B39" s="106" t="s">
        <v>34</v>
      </c>
      <c r="C39" s="326">
        <v>2800</v>
      </c>
      <c r="D39" s="327">
        <v>0</v>
      </c>
      <c r="E39" s="368">
        <v>2800</v>
      </c>
      <c r="F39" s="370">
        <v>0</v>
      </c>
      <c r="G39" s="369">
        <v>78743</v>
      </c>
      <c r="H39" s="369">
        <v>464417</v>
      </c>
      <c r="I39" s="369">
        <v>546690</v>
      </c>
      <c r="J39" s="369">
        <v>101703</v>
      </c>
      <c r="K39" s="369">
        <v>0</v>
      </c>
      <c r="L39" s="370">
        <v>1191553</v>
      </c>
      <c r="M39" s="330">
        <v>1194353</v>
      </c>
      <c r="N39" s="326">
        <v>0</v>
      </c>
      <c r="O39" s="327">
        <v>0</v>
      </c>
      <c r="P39" s="328">
        <v>0</v>
      </c>
      <c r="Q39" s="326">
        <v>0</v>
      </c>
      <c r="R39" s="327">
        <v>75243</v>
      </c>
      <c r="S39" s="327">
        <v>129437</v>
      </c>
      <c r="T39" s="327">
        <v>13580</v>
      </c>
      <c r="U39" s="327">
        <v>0</v>
      </c>
      <c r="V39" s="327">
        <v>0</v>
      </c>
      <c r="W39" s="328">
        <v>218260</v>
      </c>
      <c r="X39" s="330">
        <v>218260</v>
      </c>
      <c r="Y39" s="326">
        <v>0</v>
      </c>
      <c r="Z39" s="327">
        <v>0</v>
      </c>
      <c r="AA39" s="328">
        <v>0</v>
      </c>
      <c r="AB39" s="326">
        <v>0</v>
      </c>
      <c r="AC39" s="327">
        <v>37408</v>
      </c>
      <c r="AD39" s="327">
        <v>38521</v>
      </c>
      <c r="AE39" s="327">
        <v>0</v>
      </c>
      <c r="AF39" s="327">
        <v>0</v>
      </c>
      <c r="AG39" s="327">
        <v>0</v>
      </c>
      <c r="AH39" s="328">
        <v>75929</v>
      </c>
      <c r="AI39" s="330">
        <v>75929</v>
      </c>
      <c r="AJ39" s="326">
        <v>0</v>
      </c>
      <c r="AK39" s="327">
        <v>0</v>
      </c>
      <c r="AL39" s="328">
        <v>0</v>
      </c>
      <c r="AM39" s="326">
        <v>0</v>
      </c>
      <c r="AN39" s="327">
        <v>0</v>
      </c>
      <c r="AO39" s="327">
        <v>0</v>
      </c>
      <c r="AP39" s="327">
        <v>0</v>
      </c>
      <c r="AQ39" s="327">
        <v>0</v>
      </c>
      <c r="AR39" s="327">
        <v>0</v>
      </c>
      <c r="AS39" s="328">
        <v>0</v>
      </c>
      <c r="AT39" s="330">
        <v>0</v>
      </c>
      <c r="AU39" s="326">
        <v>0</v>
      </c>
      <c r="AV39" s="327">
        <v>0</v>
      </c>
      <c r="AW39" s="328">
        <v>0</v>
      </c>
      <c r="AX39" s="326">
        <v>0</v>
      </c>
      <c r="AY39" s="327">
        <v>22260</v>
      </c>
      <c r="AZ39" s="327">
        <v>28980</v>
      </c>
      <c r="BA39" s="327">
        <v>0</v>
      </c>
      <c r="BB39" s="327">
        <v>0</v>
      </c>
      <c r="BC39" s="327">
        <v>0</v>
      </c>
      <c r="BD39" s="328">
        <v>51240</v>
      </c>
      <c r="BE39" s="330">
        <v>51240</v>
      </c>
      <c r="BF39" s="326">
        <v>0</v>
      </c>
      <c r="BG39" s="327">
        <v>0</v>
      </c>
      <c r="BH39" s="331">
        <v>0</v>
      </c>
      <c r="BI39" s="332">
        <v>0</v>
      </c>
      <c r="BJ39" s="327">
        <v>0</v>
      </c>
      <c r="BK39" s="327">
        <v>39564</v>
      </c>
      <c r="BL39" s="327">
        <v>0</v>
      </c>
      <c r="BM39" s="327">
        <v>0</v>
      </c>
      <c r="BN39" s="327">
        <v>0</v>
      </c>
      <c r="BO39" s="328">
        <v>39564</v>
      </c>
      <c r="BP39" s="330">
        <v>39564</v>
      </c>
      <c r="BQ39" s="326">
        <v>0</v>
      </c>
      <c r="BR39" s="327">
        <v>0</v>
      </c>
      <c r="BS39" s="328">
        <v>0</v>
      </c>
      <c r="BT39" s="326">
        <v>0</v>
      </c>
      <c r="BU39" s="327">
        <v>15575</v>
      </c>
      <c r="BV39" s="327">
        <v>22372</v>
      </c>
      <c r="BW39" s="327">
        <v>13580</v>
      </c>
      <c r="BX39" s="327">
        <v>0</v>
      </c>
      <c r="BY39" s="327">
        <v>0</v>
      </c>
      <c r="BZ39" s="328">
        <v>51527</v>
      </c>
      <c r="CA39" s="330">
        <v>51527</v>
      </c>
      <c r="CB39" s="326">
        <v>0</v>
      </c>
      <c r="CC39" s="327">
        <v>0</v>
      </c>
      <c r="CD39" s="328">
        <v>0</v>
      </c>
      <c r="CE39" s="326">
        <v>0</v>
      </c>
      <c r="CF39" s="327">
        <v>0</v>
      </c>
      <c r="CG39" s="327">
        <v>29330</v>
      </c>
      <c r="CH39" s="327">
        <v>173782</v>
      </c>
      <c r="CI39" s="327">
        <v>97881</v>
      </c>
      <c r="CJ39" s="327">
        <v>0</v>
      </c>
      <c r="CK39" s="328">
        <v>300993</v>
      </c>
      <c r="CL39" s="330">
        <v>300993</v>
      </c>
      <c r="CM39" s="326">
        <v>0</v>
      </c>
      <c r="CN39" s="327">
        <v>0</v>
      </c>
      <c r="CO39" s="328">
        <v>0</v>
      </c>
      <c r="CP39" s="332">
        <v>0</v>
      </c>
      <c r="CQ39" s="327">
        <v>0</v>
      </c>
      <c r="CR39" s="327">
        <v>29330</v>
      </c>
      <c r="CS39" s="327">
        <v>173782</v>
      </c>
      <c r="CT39" s="327">
        <v>97881</v>
      </c>
      <c r="CU39" s="327">
        <v>0</v>
      </c>
      <c r="CV39" s="328">
        <v>300993</v>
      </c>
      <c r="CW39" s="330">
        <v>300993</v>
      </c>
      <c r="CX39" s="326">
        <v>0</v>
      </c>
      <c r="CY39" s="327">
        <v>0</v>
      </c>
      <c r="CZ39" s="328">
        <v>0</v>
      </c>
      <c r="DA39" s="326">
        <v>0</v>
      </c>
      <c r="DB39" s="327">
        <v>0</v>
      </c>
      <c r="DC39" s="327">
        <v>0</v>
      </c>
      <c r="DD39" s="327">
        <v>0</v>
      </c>
      <c r="DE39" s="327">
        <v>0</v>
      </c>
      <c r="DF39" s="327">
        <v>0</v>
      </c>
      <c r="DG39" s="328">
        <v>0</v>
      </c>
      <c r="DH39" s="330">
        <v>0</v>
      </c>
      <c r="DI39" s="326">
        <v>0</v>
      </c>
      <c r="DJ39" s="327">
        <v>0</v>
      </c>
      <c r="DK39" s="331">
        <v>0</v>
      </c>
      <c r="DL39" s="332">
        <v>0</v>
      </c>
      <c r="DM39" s="327">
        <v>0</v>
      </c>
      <c r="DN39" s="327">
        <v>0</v>
      </c>
      <c r="DO39" s="327">
        <v>15750</v>
      </c>
      <c r="DP39" s="327">
        <v>0</v>
      </c>
      <c r="DQ39" s="327">
        <v>0</v>
      </c>
      <c r="DR39" s="328">
        <v>15750</v>
      </c>
      <c r="DS39" s="330">
        <v>15750</v>
      </c>
      <c r="DT39" s="326">
        <v>0</v>
      </c>
      <c r="DU39" s="327">
        <v>0</v>
      </c>
      <c r="DV39" s="328">
        <v>0</v>
      </c>
      <c r="DW39" s="326">
        <v>0</v>
      </c>
      <c r="DX39" s="327">
        <v>0</v>
      </c>
      <c r="DY39" s="327">
        <v>0</v>
      </c>
      <c r="DZ39" s="327">
        <v>15750</v>
      </c>
      <c r="EA39" s="327">
        <v>0</v>
      </c>
      <c r="EB39" s="327">
        <v>0</v>
      </c>
      <c r="EC39" s="328">
        <v>15750</v>
      </c>
      <c r="ED39" s="330">
        <v>15750</v>
      </c>
      <c r="EE39" s="326">
        <v>0</v>
      </c>
      <c r="EF39" s="331">
        <v>0</v>
      </c>
      <c r="EG39" s="328">
        <v>0</v>
      </c>
      <c r="EH39" s="326">
        <v>0</v>
      </c>
      <c r="EI39" s="327">
        <v>0</v>
      </c>
      <c r="EJ39" s="327">
        <v>0</v>
      </c>
      <c r="EK39" s="327">
        <v>0</v>
      </c>
      <c r="EL39" s="327">
        <v>0</v>
      </c>
      <c r="EM39" s="327">
        <v>0</v>
      </c>
      <c r="EN39" s="331">
        <v>0</v>
      </c>
      <c r="EO39" s="330">
        <v>0</v>
      </c>
      <c r="EP39" s="326">
        <v>0</v>
      </c>
      <c r="EQ39" s="327">
        <v>0</v>
      </c>
      <c r="ER39" s="331">
        <v>0</v>
      </c>
      <c r="ES39" s="332">
        <v>0</v>
      </c>
      <c r="ET39" s="327">
        <v>0</v>
      </c>
      <c r="EU39" s="327">
        <v>0</v>
      </c>
      <c r="EV39" s="327">
        <v>0</v>
      </c>
      <c r="EW39" s="327">
        <v>0</v>
      </c>
      <c r="EX39" s="327">
        <v>0</v>
      </c>
      <c r="EY39" s="328">
        <v>0</v>
      </c>
      <c r="EZ39" s="330">
        <v>0</v>
      </c>
      <c r="FA39" s="326">
        <v>0</v>
      </c>
      <c r="FB39" s="327">
        <v>0</v>
      </c>
      <c r="FC39" s="331">
        <v>0</v>
      </c>
      <c r="FD39" s="404">
        <v>0</v>
      </c>
      <c r="FE39" s="327">
        <v>0</v>
      </c>
      <c r="FF39" s="327">
        <v>0</v>
      </c>
      <c r="FG39" s="327">
        <v>0</v>
      </c>
      <c r="FH39" s="327">
        <v>0</v>
      </c>
      <c r="FI39" s="327">
        <v>0</v>
      </c>
      <c r="FJ39" s="328">
        <v>0</v>
      </c>
      <c r="FK39" s="330">
        <v>0</v>
      </c>
      <c r="FL39" s="326">
        <v>2800</v>
      </c>
      <c r="FM39" s="327">
        <v>0</v>
      </c>
      <c r="FN39" s="328">
        <v>2800</v>
      </c>
      <c r="FO39" s="326">
        <v>0</v>
      </c>
      <c r="FP39" s="327">
        <v>3500</v>
      </c>
      <c r="FQ39" s="327">
        <v>17430</v>
      </c>
      <c r="FR39" s="327">
        <v>0</v>
      </c>
      <c r="FS39" s="327">
        <v>3822</v>
      </c>
      <c r="FT39" s="327">
        <v>0</v>
      </c>
      <c r="FU39" s="328">
        <v>24752</v>
      </c>
      <c r="FV39" s="330">
        <v>27552</v>
      </c>
      <c r="FW39" s="333">
        <v>2800</v>
      </c>
      <c r="FX39" s="327">
        <v>0</v>
      </c>
      <c r="FY39" s="331">
        <v>2800</v>
      </c>
      <c r="FZ39" s="332">
        <v>0</v>
      </c>
      <c r="GA39" s="327">
        <v>3500</v>
      </c>
      <c r="GB39" s="327">
        <v>17430</v>
      </c>
      <c r="GC39" s="327">
        <v>0</v>
      </c>
      <c r="GD39" s="327">
        <v>3822</v>
      </c>
      <c r="GE39" s="327">
        <v>0</v>
      </c>
      <c r="GF39" s="328">
        <v>24752</v>
      </c>
      <c r="GG39" s="334">
        <v>27552</v>
      </c>
      <c r="GH39" s="333">
        <v>0</v>
      </c>
      <c r="GI39" s="327">
        <v>0</v>
      </c>
      <c r="GJ39" s="331">
        <v>0</v>
      </c>
      <c r="GK39" s="332">
        <v>0</v>
      </c>
      <c r="GL39" s="327">
        <v>0</v>
      </c>
      <c r="GM39" s="327">
        <v>0</v>
      </c>
      <c r="GN39" s="327">
        <v>0</v>
      </c>
      <c r="GO39" s="327">
        <v>0</v>
      </c>
      <c r="GP39" s="327">
        <v>0</v>
      </c>
      <c r="GQ39" s="328">
        <v>0</v>
      </c>
      <c r="GR39" s="330">
        <v>0</v>
      </c>
      <c r="GS39" s="326">
        <v>0</v>
      </c>
      <c r="GT39" s="327">
        <v>0</v>
      </c>
      <c r="GU39" s="328">
        <v>0</v>
      </c>
      <c r="GV39" s="326">
        <v>0</v>
      </c>
      <c r="GW39" s="327">
        <v>0</v>
      </c>
      <c r="GX39" s="327">
        <v>0</v>
      </c>
      <c r="GY39" s="327">
        <v>0</v>
      </c>
      <c r="GZ39" s="327">
        <v>0</v>
      </c>
      <c r="HA39" s="327">
        <v>0</v>
      </c>
      <c r="HB39" s="331">
        <v>0</v>
      </c>
      <c r="HC39" s="330">
        <v>0</v>
      </c>
      <c r="HD39" s="326">
        <v>0</v>
      </c>
      <c r="HE39" s="327">
        <v>0</v>
      </c>
      <c r="HF39" s="331">
        <v>0</v>
      </c>
      <c r="HG39" s="332">
        <v>0</v>
      </c>
      <c r="HH39" s="327">
        <v>0</v>
      </c>
      <c r="HI39" s="327">
        <v>288220</v>
      </c>
      <c r="HJ39" s="327">
        <v>343578</v>
      </c>
      <c r="HK39" s="327">
        <v>0</v>
      </c>
      <c r="HL39" s="327">
        <v>0</v>
      </c>
      <c r="HM39" s="328">
        <v>631798</v>
      </c>
      <c r="HN39" s="329">
        <v>631798</v>
      </c>
      <c r="HO39" s="333">
        <v>0</v>
      </c>
      <c r="HP39" s="327">
        <v>0</v>
      </c>
      <c r="HQ39" s="328">
        <v>0</v>
      </c>
      <c r="HR39" s="326">
        <v>0</v>
      </c>
      <c r="HS39" s="327">
        <v>0</v>
      </c>
      <c r="HT39" s="327">
        <v>0</v>
      </c>
      <c r="HU39" s="327">
        <v>0</v>
      </c>
      <c r="HV39" s="327">
        <v>0</v>
      </c>
      <c r="HW39" s="327">
        <v>0</v>
      </c>
      <c r="HX39" s="331">
        <v>0</v>
      </c>
      <c r="HY39" s="330">
        <v>0</v>
      </c>
      <c r="HZ39" s="335">
        <v>0</v>
      </c>
      <c r="IA39" s="336">
        <v>0</v>
      </c>
      <c r="IB39" s="337">
        <v>0</v>
      </c>
      <c r="IC39" s="338">
        <v>0</v>
      </c>
      <c r="ID39" s="336">
        <v>203084</v>
      </c>
      <c r="IE39" s="339">
        <v>0</v>
      </c>
      <c r="IF39" s="337">
        <v>0</v>
      </c>
      <c r="IG39" s="336">
        <v>0</v>
      </c>
      <c r="IH39" s="337">
        <v>0</v>
      </c>
      <c r="II39" s="340">
        <v>203084</v>
      </c>
      <c r="IJ39" s="341">
        <v>203084</v>
      </c>
      <c r="IK39" s="342">
        <v>0</v>
      </c>
      <c r="IL39" s="343">
        <v>0</v>
      </c>
      <c r="IM39" s="344">
        <v>0</v>
      </c>
      <c r="IN39" s="404">
        <v>0</v>
      </c>
      <c r="IO39" s="345">
        <v>0</v>
      </c>
      <c r="IP39" s="345">
        <v>0</v>
      </c>
      <c r="IQ39" s="345">
        <v>0</v>
      </c>
      <c r="IR39" s="345">
        <v>0</v>
      </c>
      <c r="IS39" s="345">
        <v>0</v>
      </c>
      <c r="IT39" s="346">
        <v>0</v>
      </c>
      <c r="IU39" s="347">
        <v>0</v>
      </c>
      <c r="IV39" s="348">
        <v>0</v>
      </c>
      <c r="IW39" s="345">
        <v>0</v>
      </c>
      <c r="IX39" s="349">
        <v>0</v>
      </c>
      <c r="IY39" s="404">
        <v>0</v>
      </c>
      <c r="IZ39" s="345">
        <v>0</v>
      </c>
      <c r="JA39" s="345">
        <v>0</v>
      </c>
      <c r="JB39" s="345">
        <v>0</v>
      </c>
      <c r="JC39" s="345">
        <v>0</v>
      </c>
      <c r="JD39" s="345">
        <v>0</v>
      </c>
      <c r="JE39" s="349">
        <v>0</v>
      </c>
      <c r="JF39" s="350">
        <v>0</v>
      </c>
      <c r="JG39" s="348">
        <v>0</v>
      </c>
      <c r="JH39" s="345">
        <v>0</v>
      </c>
      <c r="JI39" s="346">
        <v>0</v>
      </c>
      <c r="JJ39" s="351">
        <v>0</v>
      </c>
      <c r="JK39" s="345">
        <v>0</v>
      </c>
      <c r="JL39" s="345">
        <v>0</v>
      </c>
      <c r="JM39" s="345">
        <v>0</v>
      </c>
      <c r="JN39" s="345">
        <v>0</v>
      </c>
      <c r="JO39" s="345">
        <v>0</v>
      </c>
      <c r="JP39" s="349">
        <v>0</v>
      </c>
      <c r="JQ39" s="347">
        <v>0</v>
      </c>
      <c r="JR39" s="348">
        <v>0</v>
      </c>
      <c r="JS39" s="345">
        <v>0</v>
      </c>
      <c r="JT39" s="346">
        <v>0</v>
      </c>
      <c r="JU39" s="351">
        <v>0</v>
      </c>
      <c r="JV39" s="345">
        <v>0</v>
      </c>
      <c r="JW39" s="345">
        <v>0</v>
      </c>
      <c r="JX39" s="345">
        <v>0</v>
      </c>
      <c r="JY39" s="345">
        <v>0</v>
      </c>
      <c r="JZ39" s="345">
        <v>0</v>
      </c>
      <c r="KA39" s="349">
        <v>0</v>
      </c>
      <c r="KB39" s="347">
        <v>0</v>
      </c>
      <c r="KC39" s="352">
        <v>0</v>
      </c>
      <c r="KD39" s="353">
        <v>0</v>
      </c>
      <c r="KE39" s="349">
        <v>0</v>
      </c>
      <c r="KF39" s="351">
        <v>0</v>
      </c>
      <c r="KG39" s="345">
        <v>203084</v>
      </c>
      <c r="KH39" s="345">
        <v>0</v>
      </c>
      <c r="KI39" s="345">
        <v>0</v>
      </c>
      <c r="KJ39" s="345">
        <v>0</v>
      </c>
      <c r="KK39" s="345">
        <v>0</v>
      </c>
      <c r="KL39" s="349">
        <v>203084</v>
      </c>
      <c r="KM39" s="354">
        <v>203084</v>
      </c>
      <c r="KN39" s="342">
        <v>0</v>
      </c>
      <c r="KO39" s="343">
        <v>0</v>
      </c>
      <c r="KP39" s="344">
        <v>0</v>
      </c>
      <c r="KQ39" s="404">
        <v>0</v>
      </c>
      <c r="KR39" s="345">
        <v>0</v>
      </c>
      <c r="KS39" s="345">
        <v>0</v>
      </c>
      <c r="KT39" s="345">
        <v>0</v>
      </c>
      <c r="KU39" s="345">
        <v>0</v>
      </c>
      <c r="KV39" s="345">
        <v>0</v>
      </c>
      <c r="KW39" s="349">
        <v>0</v>
      </c>
      <c r="KX39" s="347">
        <v>0</v>
      </c>
      <c r="KY39" s="348">
        <v>0</v>
      </c>
      <c r="KZ39" s="345">
        <v>0</v>
      </c>
      <c r="LA39" s="349">
        <v>0</v>
      </c>
      <c r="LB39" s="404">
        <v>0</v>
      </c>
      <c r="LC39" s="345">
        <v>0</v>
      </c>
      <c r="LD39" s="345">
        <v>0</v>
      </c>
      <c r="LE39" s="345">
        <v>0</v>
      </c>
      <c r="LF39" s="345">
        <v>0</v>
      </c>
      <c r="LG39" s="345">
        <v>0</v>
      </c>
      <c r="LH39" s="349">
        <v>0</v>
      </c>
      <c r="LI39" s="350">
        <v>0</v>
      </c>
      <c r="LJ39" s="348">
        <v>0</v>
      </c>
      <c r="LK39" s="345">
        <v>0</v>
      </c>
      <c r="LL39" s="349">
        <v>0</v>
      </c>
      <c r="LM39" s="404">
        <v>0</v>
      </c>
      <c r="LN39" s="345">
        <v>0</v>
      </c>
      <c r="LO39" s="345">
        <v>0</v>
      </c>
      <c r="LP39" s="345">
        <v>0</v>
      </c>
      <c r="LQ39" s="345">
        <v>0</v>
      </c>
      <c r="LR39" s="345">
        <v>0</v>
      </c>
      <c r="LS39" s="349">
        <v>0</v>
      </c>
      <c r="LT39" s="347">
        <v>0</v>
      </c>
      <c r="LU39" s="348">
        <v>0</v>
      </c>
      <c r="LV39" s="345">
        <v>0</v>
      </c>
      <c r="LW39" s="349">
        <v>0</v>
      </c>
      <c r="LX39" s="404">
        <v>0</v>
      </c>
      <c r="LY39" s="345">
        <v>0</v>
      </c>
      <c r="LZ39" s="345">
        <v>0</v>
      </c>
      <c r="MA39" s="345">
        <v>0</v>
      </c>
      <c r="MB39" s="345">
        <v>0</v>
      </c>
      <c r="MC39" s="345">
        <v>0</v>
      </c>
      <c r="MD39" s="349">
        <v>0</v>
      </c>
      <c r="ME39" s="350">
        <v>0</v>
      </c>
      <c r="MF39" s="348">
        <v>0</v>
      </c>
      <c r="MG39" s="345">
        <v>0</v>
      </c>
      <c r="MH39" s="349">
        <v>0</v>
      </c>
      <c r="MI39" s="404">
        <v>0</v>
      </c>
      <c r="MJ39" s="345">
        <v>0</v>
      </c>
      <c r="MK39" s="345">
        <v>0</v>
      </c>
      <c r="ML39" s="345">
        <v>0</v>
      </c>
      <c r="MM39" s="345">
        <v>196585</v>
      </c>
      <c r="MN39" s="345">
        <v>0</v>
      </c>
      <c r="MO39" s="349">
        <v>196585</v>
      </c>
      <c r="MP39" s="354">
        <v>196585</v>
      </c>
      <c r="MQ39" s="348">
        <v>0</v>
      </c>
      <c r="MR39" s="345">
        <v>0</v>
      </c>
      <c r="MS39" s="349">
        <v>0</v>
      </c>
      <c r="MT39" s="404">
        <v>0</v>
      </c>
      <c r="MU39" s="345">
        <v>0</v>
      </c>
      <c r="MV39" s="345">
        <v>0</v>
      </c>
      <c r="MW39" s="345">
        <v>0</v>
      </c>
      <c r="MX39" s="345">
        <v>196585</v>
      </c>
      <c r="MY39" s="345">
        <v>0</v>
      </c>
      <c r="MZ39" s="349">
        <v>196585</v>
      </c>
      <c r="NA39" s="354">
        <v>196585</v>
      </c>
      <c r="NB39" s="348">
        <v>0</v>
      </c>
      <c r="NC39" s="345">
        <v>0</v>
      </c>
      <c r="ND39" s="349">
        <v>0</v>
      </c>
      <c r="NE39" s="404">
        <v>0</v>
      </c>
      <c r="NF39" s="345">
        <v>0</v>
      </c>
      <c r="NG39" s="345">
        <v>0</v>
      </c>
      <c r="NH39" s="345">
        <v>0</v>
      </c>
      <c r="NI39" s="345">
        <v>0</v>
      </c>
      <c r="NJ39" s="345">
        <v>0</v>
      </c>
      <c r="NK39" s="349">
        <v>0</v>
      </c>
      <c r="NL39" s="347">
        <v>0</v>
      </c>
      <c r="NM39" s="348">
        <v>0</v>
      </c>
      <c r="NN39" s="345">
        <v>0</v>
      </c>
      <c r="NO39" s="349">
        <v>0</v>
      </c>
      <c r="NP39" s="404">
        <v>0</v>
      </c>
      <c r="NQ39" s="345">
        <v>0</v>
      </c>
      <c r="NR39" s="345">
        <v>0</v>
      </c>
      <c r="NS39" s="345">
        <v>0</v>
      </c>
      <c r="NT39" s="345">
        <v>0</v>
      </c>
      <c r="NU39" s="345">
        <v>0</v>
      </c>
      <c r="NV39" s="349">
        <v>0</v>
      </c>
      <c r="NW39" s="350">
        <v>0</v>
      </c>
      <c r="NX39" s="348">
        <v>0</v>
      </c>
      <c r="NY39" s="345">
        <v>0</v>
      </c>
      <c r="NZ39" s="349">
        <v>0</v>
      </c>
      <c r="OA39" s="404">
        <v>0</v>
      </c>
      <c r="OB39" s="345">
        <v>0</v>
      </c>
      <c r="OC39" s="345">
        <v>0</v>
      </c>
      <c r="OD39" s="345">
        <v>0</v>
      </c>
      <c r="OE39" s="345">
        <v>0</v>
      </c>
      <c r="OF39" s="345">
        <v>0</v>
      </c>
      <c r="OG39" s="349">
        <v>0</v>
      </c>
      <c r="OH39" s="350">
        <v>0</v>
      </c>
      <c r="OI39" s="348">
        <v>2800</v>
      </c>
      <c r="OJ39" s="345">
        <v>0</v>
      </c>
      <c r="OK39" s="346">
        <v>2800</v>
      </c>
      <c r="OL39" s="351">
        <v>0</v>
      </c>
      <c r="OM39" s="345">
        <v>281827</v>
      </c>
      <c r="ON39" s="345">
        <v>464417</v>
      </c>
      <c r="OO39" s="345">
        <v>546690</v>
      </c>
      <c r="OP39" s="345">
        <v>298288</v>
      </c>
      <c r="OQ39" s="345">
        <v>0</v>
      </c>
      <c r="OR39" s="349">
        <v>1591222</v>
      </c>
      <c r="OS39" s="354">
        <v>1594022</v>
      </c>
    </row>
    <row r="40" spans="2:409" s="70" customFormat="1" ht="21" customHeight="1" x14ac:dyDescent="0.2">
      <c r="B40" s="106" t="s">
        <v>35</v>
      </c>
      <c r="C40" s="326">
        <v>230337</v>
      </c>
      <c r="D40" s="327">
        <v>270809</v>
      </c>
      <c r="E40" s="328">
        <v>501146</v>
      </c>
      <c r="F40" s="329">
        <v>0</v>
      </c>
      <c r="G40" s="327">
        <v>961979</v>
      </c>
      <c r="H40" s="327">
        <v>1487596</v>
      </c>
      <c r="I40" s="327">
        <v>1023189</v>
      </c>
      <c r="J40" s="327">
        <v>389491</v>
      </c>
      <c r="K40" s="327">
        <v>481089</v>
      </c>
      <c r="L40" s="367">
        <v>4343344</v>
      </c>
      <c r="M40" s="330">
        <v>4844490</v>
      </c>
      <c r="N40" s="326">
        <v>48160</v>
      </c>
      <c r="O40" s="327">
        <v>108507</v>
      </c>
      <c r="P40" s="328">
        <v>156667</v>
      </c>
      <c r="Q40" s="326">
        <v>0</v>
      </c>
      <c r="R40" s="327">
        <v>185643</v>
      </c>
      <c r="S40" s="327">
        <v>728775</v>
      </c>
      <c r="T40" s="327">
        <v>272706</v>
      </c>
      <c r="U40" s="327">
        <v>18004</v>
      </c>
      <c r="V40" s="327">
        <v>80423</v>
      </c>
      <c r="W40" s="328">
        <v>1285551</v>
      </c>
      <c r="X40" s="330">
        <v>1442218</v>
      </c>
      <c r="Y40" s="326">
        <v>0</v>
      </c>
      <c r="Z40" s="327">
        <v>0</v>
      </c>
      <c r="AA40" s="328">
        <v>0</v>
      </c>
      <c r="AB40" s="326">
        <v>0</v>
      </c>
      <c r="AC40" s="327">
        <v>52913</v>
      </c>
      <c r="AD40" s="327">
        <v>529898</v>
      </c>
      <c r="AE40" s="327">
        <v>124572</v>
      </c>
      <c r="AF40" s="327">
        <v>0</v>
      </c>
      <c r="AG40" s="327">
        <v>0</v>
      </c>
      <c r="AH40" s="328">
        <v>707383</v>
      </c>
      <c r="AI40" s="330">
        <v>707383</v>
      </c>
      <c r="AJ40" s="326">
        <v>0</v>
      </c>
      <c r="AK40" s="327">
        <v>0</v>
      </c>
      <c r="AL40" s="328">
        <v>0</v>
      </c>
      <c r="AM40" s="326">
        <v>0</v>
      </c>
      <c r="AN40" s="327">
        <v>0</v>
      </c>
      <c r="AO40" s="327">
        <v>0</v>
      </c>
      <c r="AP40" s="327">
        <v>10087</v>
      </c>
      <c r="AQ40" s="327">
        <v>0</v>
      </c>
      <c r="AR40" s="327">
        <v>0</v>
      </c>
      <c r="AS40" s="328">
        <v>10087</v>
      </c>
      <c r="AT40" s="330">
        <v>10087</v>
      </c>
      <c r="AU40" s="326">
        <v>3976</v>
      </c>
      <c r="AV40" s="327">
        <v>42140</v>
      </c>
      <c r="AW40" s="328">
        <v>46116</v>
      </c>
      <c r="AX40" s="326">
        <v>0</v>
      </c>
      <c r="AY40" s="327">
        <v>58278</v>
      </c>
      <c r="AZ40" s="327">
        <v>127064</v>
      </c>
      <c r="BA40" s="327">
        <v>89544</v>
      </c>
      <c r="BB40" s="327">
        <v>0</v>
      </c>
      <c r="BC40" s="327">
        <v>20503</v>
      </c>
      <c r="BD40" s="328">
        <v>295389</v>
      </c>
      <c r="BE40" s="330">
        <v>341505</v>
      </c>
      <c r="BF40" s="326">
        <v>17024</v>
      </c>
      <c r="BG40" s="327">
        <v>51072</v>
      </c>
      <c r="BH40" s="331">
        <v>68096</v>
      </c>
      <c r="BI40" s="332">
        <v>0</v>
      </c>
      <c r="BJ40" s="327">
        <v>0</v>
      </c>
      <c r="BK40" s="327">
        <v>54012</v>
      </c>
      <c r="BL40" s="327">
        <v>0</v>
      </c>
      <c r="BM40" s="327">
        <v>0</v>
      </c>
      <c r="BN40" s="327">
        <v>30772</v>
      </c>
      <c r="BO40" s="328">
        <v>84784</v>
      </c>
      <c r="BP40" s="330">
        <v>152880</v>
      </c>
      <c r="BQ40" s="326">
        <v>27160</v>
      </c>
      <c r="BR40" s="327">
        <v>15295</v>
      </c>
      <c r="BS40" s="328">
        <v>42455</v>
      </c>
      <c r="BT40" s="326">
        <v>0</v>
      </c>
      <c r="BU40" s="327">
        <v>74452</v>
      </c>
      <c r="BV40" s="327">
        <v>17801</v>
      </c>
      <c r="BW40" s="327">
        <v>48503</v>
      </c>
      <c r="BX40" s="327">
        <v>18004</v>
      </c>
      <c r="BY40" s="327">
        <v>29148</v>
      </c>
      <c r="BZ40" s="328">
        <v>187908</v>
      </c>
      <c r="CA40" s="330">
        <v>230363</v>
      </c>
      <c r="CB40" s="326">
        <v>17682</v>
      </c>
      <c r="CC40" s="327">
        <v>64680</v>
      </c>
      <c r="CD40" s="328">
        <v>82362</v>
      </c>
      <c r="CE40" s="326">
        <v>0</v>
      </c>
      <c r="CF40" s="327">
        <v>218176</v>
      </c>
      <c r="CG40" s="327">
        <v>214949</v>
      </c>
      <c r="CH40" s="327">
        <v>252244</v>
      </c>
      <c r="CI40" s="327">
        <v>0</v>
      </c>
      <c r="CJ40" s="327">
        <v>41937</v>
      </c>
      <c r="CK40" s="328">
        <v>727306</v>
      </c>
      <c r="CL40" s="330">
        <v>809668</v>
      </c>
      <c r="CM40" s="326">
        <v>0</v>
      </c>
      <c r="CN40" s="327">
        <v>0</v>
      </c>
      <c r="CO40" s="328">
        <v>0</v>
      </c>
      <c r="CP40" s="332">
        <v>0</v>
      </c>
      <c r="CQ40" s="327">
        <v>177513</v>
      </c>
      <c r="CR40" s="327">
        <v>137410</v>
      </c>
      <c r="CS40" s="327">
        <v>87108</v>
      </c>
      <c r="CT40" s="327">
        <v>0</v>
      </c>
      <c r="CU40" s="327">
        <v>41937</v>
      </c>
      <c r="CV40" s="328">
        <v>443968</v>
      </c>
      <c r="CW40" s="330">
        <v>443968</v>
      </c>
      <c r="CX40" s="326">
        <v>17682</v>
      </c>
      <c r="CY40" s="327">
        <v>64680</v>
      </c>
      <c r="CZ40" s="328">
        <v>82362</v>
      </c>
      <c r="DA40" s="326">
        <v>0</v>
      </c>
      <c r="DB40" s="327">
        <v>40663</v>
      </c>
      <c r="DC40" s="327">
        <v>77539</v>
      </c>
      <c r="DD40" s="327">
        <v>165136</v>
      </c>
      <c r="DE40" s="327">
        <v>0</v>
      </c>
      <c r="DF40" s="327">
        <v>0</v>
      </c>
      <c r="DG40" s="328">
        <v>283338</v>
      </c>
      <c r="DH40" s="330">
        <v>365700</v>
      </c>
      <c r="DI40" s="326">
        <v>0</v>
      </c>
      <c r="DJ40" s="327">
        <v>0</v>
      </c>
      <c r="DK40" s="331">
        <v>0</v>
      </c>
      <c r="DL40" s="332">
        <v>0</v>
      </c>
      <c r="DM40" s="327">
        <v>0</v>
      </c>
      <c r="DN40" s="327">
        <v>19698</v>
      </c>
      <c r="DO40" s="327">
        <v>25830</v>
      </c>
      <c r="DP40" s="327">
        <v>0</v>
      </c>
      <c r="DQ40" s="327">
        <v>101906</v>
      </c>
      <c r="DR40" s="328">
        <v>147434</v>
      </c>
      <c r="DS40" s="330">
        <v>147434</v>
      </c>
      <c r="DT40" s="326">
        <v>0</v>
      </c>
      <c r="DU40" s="327">
        <v>0</v>
      </c>
      <c r="DV40" s="328">
        <v>0</v>
      </c>
      <c r="DW40" s="326">
        <v>0</v>
      </c>
      <c r="DX40" s="327">
        <v>0</v>
      </c>
      <c r="DY40" s="327">
        <v>19698</v>
      </c>
      <c r="DZ40" s="327">
        <v>25830</v>
      </c>
      <c r="EA40" s="327">
        <v>0</v>
      </c>
      <c r="EB40" s="327">
        <v>101906</v>
      </c>
      <c r="EC40" s="328">
        <v>147434</v>
      </c>
      <c r="ED40" s="330">
        <v>147434</v>
      </c>
      <c r="EE40" s="326">
        <v>0</v>
      </c>
      <c r="EF40" s="331">
        <v>0</v>
      </c>
      <c r="EG40" s="328">
        <v>0</v>
      </c>
      <c r="EH40" s="326">
        <v>0</v>
      </c>
      <c r="EI40" s="327">
        <v>0</v>
      </c>
      <c r="EJ40" s="327">
        <v>0</v>
      </c>
      <c r="EK40" s="327">
        <v>0</v>
      </c>
      <c r="EL40" s="327">
        <v>0</v>
      </c>
      <c r="EM40" s="327">
        <v>0</v>
      </c>
      <c r="EN40" s="331">
        <v>0</v>
      </c>
      <c r="EO40" s="330">
        <v>0</v>
      </c>
      <c r="EP40" s="326">
        <v>0</v>
      </c>
      <c r="EQ40" s="327">
        <v>0</v>
      </c>
      <c r="ER40" s="331">
        <v>0</v>
      </c>
      <c r="ES40" s="332">
        <v>0</v>
      </c>
      <c r="ET40" s="327">
        <v>0</v>
      </c>
      <c r="EU40" s="327">
        <v>0</v>
      </c>
      <c r="EV40" s="327">
        <v>0</v>
      </c>
      <c r="EW40" s="327">
        <v>0</v>
      </c>
      <c r="EX40" s="327">
        <v>0</v>
      </c>
      <c r="EY40" s="328">
        <v>0</v>
      </c>
      <c r="EZ40" s="330">
        <v>0</v>
      </c>
      <c r="FA40" s="326">
        <v>0</v>
      </c>
      <c r="FB40" s="327">
        <v>0</v>
      </c>
      <c r="FC40" s="331">
        <v>0</v>
      </c>
      <c r="FD40" s="404">
        <v>0</v>
      </c>
      <c r="FE40" s="327">
        <v>0</v>
      </c>
      <c r="FF40" s="327">
        <v>0</v>
      </c>
      <c r="FG40" s="327">
        <v>0</v>
      </c>
      <c r="FH40" s="327">
        <v>0</v>
      </c>
      <c r="FI40" s="327">
        <v>0</v>
      </c>
      <c r="FJ40" s="328">
        <v>0</v>
      </c>
      <c r="FK40" s="330">
        <v>0</v>
      </c>
      <c r="FL40" s="326">
        <v>20748</v>
      </c>
      <c r="FM40" s="327">
        <v>17080</v>
      </c>
      <c r="FN40" s="328">
        <v>37828</v>
      </c>
      <c r="FO40" s="326">
        <v>0</v>
      </c>
      <c r="FP40" s="327">
        <v>9380</v>
      </c>
      <c r="FQ40" s="327">
        <v>230594</v>
      </c>
      <c r="FR40" s="327">
        <v>148435</v>
      </c>
      <c r="FS40" s="327">
        <v>0</v>
      </c>
      <c r="FT40" s="327">
        <v>45850</v>
      </c>
      <c r="FU40" s="328">
        <v>434259</v>
      </c>
      <c r="FV40" s="330">
        <v>472087</v>
      </c>
      <c r="FW40" s="333">
        <v>20748</v>
      </c>
      <c r="FX40" s="327">
        <v>17080</v>
      </c>
      <c r="FY40" s="331">
        <v>37828</v>
      </c>
      <c r="FZ40" s="332">
        <v>0</v>
      </c>
      <c r="GA40" s="327">
        <v>9380</v>
      </c>
      <c r="GB40" s="327">
        <v>90594</v>
      </c>
      <c r="GC40" s="327">
        <v>148435</v>
      </c>
      <c r="GD40" s="327">
        <v>0</v>
      </c>
      <c r="GE40" s="327">
        <v>45850</v>
      </c>
      <c r="GF40" s="328">
        <v>294259</v>
      </c>
      <c r="GG40" s="334">
        <v>332087</v>
      </c>
      <c r="GH40" s="333">
        <v>0</v>
      </c>
      <c r="GI40" s="327">
        <v>0</v>
      </c>
      <c r="GJ40" s="331">
        <v>0</v>
      </c>
      <c r="GK40" s="332">
        <v>0</v>
      </c>
      <c r="GL40" s="327">
        <v>0</v>
      </c>
      <c r="GM40" s="327">
        <v>0</v>
      </c>
      <c r="GN40" s="327">
        <v>0</v>
      </c>
      <c r="GO40" s="327">
        <v>0</v>
      </c>
      <c r="GP40" s="327">
        <v>0</v>
      </c>
      <c r="GQ40" s="328">
        <v>0</v>
      </c>
      <c r="GR40" s="330">
        <v>0</v>
      </c>
      <c r="GS40" s="326">
        <v>0</v>
      </c>
      <c r="GT40" s="327">
        <v>0</v>
      </c>
      <c r="GU40" s="328">
        <v>0</v>
      </c>
      <c r="GV40" s="326">
        <v>0</v>
      </c>
      <c r="GW40" s="327">
        <v>0</v>
      </c>
      <c r="GX40" s="327">
        <v>140000</v>
      </c>
      <c r="GY40" s="327">
        <v>0</v>
      </c>
      <c r="GZ40" s="327">
        <v>0</v>
      </c>
      <c r="HA40" s="327">
        <v>0</v>
      </c>
      <c r="HB40" s="331">
        <v>140000</v>
      </c>
      <c r="HC40" s="330">
        <v>140000</v>
      </c>
      <c r="HD40" s="326">
        <v>143747</v>
      </c>
      <c r="HE40" s="327">
        <v>80542</v>
      </c>
      <c r="HF40" s="331">
        <v>224289</v>
      </c>
      <c r="HG40" s="332">
        <v>0</v>
      </c>
      <c r="HH40" s="327">
        <v>548780</v>
      </c>
      <c r="HI40" s="327">
        <v>293580</v>
      </c>
      <c r="HJ40" s="327">
        <v>323974</v>
      </c>
      <c r="HK40" s="327">
        <v>371487</v>
      </c>
      <c r="HL40" s="327">
        <v>210973</v>
      </c>
      <c r="HM40" s="328">
        <v>1748794</v>
      </c>
      <c r="HN40" s="329">
        <v>1973083</v>
      </c>
      <c r="HO40" s="333">
        <v>0</v>
      </c>
      <c r="HP40" s="327">
        <v>0</v>
      </c>
      <c r="HQ40" s="328">
        <v>0</v>
      </c>
      <c r="HR40" s="326">
        <v>0</v>
      </c>
      <c r="HS40" s="327">
        <v>0</v>
      </c>
      <c r="HT40" s="327">
        <v>0</v>
      </c>
      <c r="HU40" s="327">
        <v>0</v>
      </c>
      <c r="HV40" s="327">
        <v>0</v>
      </c>
      <c r="HW40" s="327">
        <v>0</v>
      </c>
      <c r="HX40" s="331">
        <v>0</v>
      </c>
      <c r="HY40" s="330">
        <v>0</v>
      </c>
      <c r="HZ40" s="358">
        <v>28000</v>
      </c>
      <c r="IA40" s="356">
        <v>0</v>
      </c>
      <c r="IB40" s="358">
        <v>28000</v>
      </c>
      <c r="IC40" s="338">
        <v>0</v>
      </c>
      <c r="ID40" s="336">
        <v>214005</v>
      </c>
      <c r="IE40" s="339">
        <v>0</v>
      </c>
      <c r="IF40" s="337">
        <v>11375</v>
      </c>
      <c r="IG40" s="336">
        <v>0</v>
      </c>
      <c r="IH40" s="337">
        <v>0</v>
      </c>
      <c r="II40" s="340">
        <v>225380</v>
      </c>
      <c r="IJ40" s="358">
        <v>253380</v>
      </c>
      <c r="IK40" s="342">
        <v>0</v>
      </c>
      <c r="IL40" s="343">
        <v>0</v>
      </c>
      <c r="IM40" s="344">
        <v>0</v>
      </c>
      <c r="IN40" s="404">
        <v>0</v>
      </c>
      <c r="IO40" s="345">
        <v>0</v>
      </c>
      <c r="IP40" s="345">
        <v>0</v>
      </c>
      <c r="IQ40" s="345">
        <v>0</v>
      </c>
      <c r="IR40" s="345">
        <v>0</v>
      </c>
      <c r="IS40" s="345">
        <v>0</v>
      </c>
      <c r="IT40" s="346">
        <v>0</v>
      </c>
      <c r="IU40" s="347">
        <v>0</v>
      </c>
      <c r="IV40" s="348">
        <v>0</v>
      </c>
      <c r="IW40" s="345">
        <v>0</v>
      </c>
      <c r="IX40" s="349">
        <v>0</v>
      </c>
      <c r="IY40" s="404">
        <v>0</v>
      </c>
      <c r="IZ40" s="345">
        <v>0</v>
      </c>
      <c r="JA40" s="345">
        <v>0</v>
      </c>
      <c r="JB40" s="345">
        <v>0</v>
      </c>
      <c r="JC40" s="345">
        <v>0</v>
      </c>
      <c r="JD40" s="345">
        <v>0</v>
      </c>
      <c r="JE40" s="349">
        <v>0</v>
      </c>
      <c r="JF40" s="350">
        <v>0</v>
      </c>
      <c r="JG40" s="348">
        <v>0</v>
      </c>
      <c r="JH40" s="345">
        <v>0</v>
      </c>
      <c r="JI40" s="346">
        <v>0</v>
      </c>
      <c r="JJ40" s="351">
        <v>0</v>
      </c>
      <c r="JK40" s="345">
        <v>16843</v>
      </c>
      <c r="JL40" s="345">
        <v>0</v>
      </c>
      <c r="JM40" s="345">
        <v>0</v>
      </c>
      <c r="JN40" s="345">
        <v>0</v>
      </c>
      <c r="JO40" s="345">
        <v>0</v>
      </c>
      <c r="JP40" s="349">
        <v>16843</v>
      </c>
      <c r="JQ40" s="347">
        <v>16843</v>
      </c>
      <c r="JR40" s="348">
        <v>0</v>
      </c>
      <c r="JS40" s="345">
        <v>0</v>
      </c>
      <c r="JT40" s="346">
        <v>0</v>
      </c>
      <c r="JU40" s="351">
        <v>0</v>
      </c>
      <c r="JV40" s="345">
        <v>0</v>
      </c>
      <c r="JW40" s="345">
        <v>0</v>
      </c>
      <c r="JX40" s="345">
        <v>0</v>
      </c>
      <c r="JY40" s="345">
        <v>0</v>
      </c>
      <c r="JZ40" s="345">
        <v>0</v>
      </c>
      <c r="KA40" s="349">
        <v>0</v>
      </c>
      <c r="KB40" s="347">
        <v>0</v>
      </c>
      <c r="KC40" s="352">
        <v>28000</v>
      </c>
      <c r="KD40" s="353">
        <v>0</v>
      </c>
      <c r="KE40" s="349">
        <v>28000</v>
      </c>
      <c r="KF40" s="351">
        <v>0</v>
      </c>
      <c r="KG40" s="345">
        <v>0</v>
      </c>
      <c r="KH40" s="345">
        <v>0</v>
      </c>
      <c r="KI40" s="345">
        <v>11375</v>
      </c>
      <c r="KJ40" s="345">
        <v>0</v>
      </c>
      <c r="KK40" s="345">
        <v>0</v>
      </c>
      <c r="KL40" s="349">
        <v>11375</v>
      </c>
      <c r="KM40" s="354">
        <v>39375</v>
      </c>
      <c r="KN40" s="342">
        <v>0</v>
      </c>
      <c r="KO40" s="343">
        <v>0</v>
      </c>
      <c r="KP40" s="344">
        <v>0</v>
      </c>
      <c r="KQ40" s="404">
        <v>0</v>
      </c>
      <c r="KR40" s="345">
        <v>197162</v>
      </c>
      <c r="KS40" s="345">
        <v>0</v>
      </c>
      <c r="KT40" s="345">
        <v>0</v>
      </c>
      <c r="KU40" s="345">
        <v>0</v>
      </c>
      <c r="KV40" s="345">
        <v>0</v>
      </c>
      <c r="KW40" s="349">
        <v>197162</v>
      </c>
      <c r="KX40" s="347">
        <v>197162</v>
      </c>
      <c r="KY40" s="348">
        <v>0</v>
      </c>
      <c r="KZ40" s="345">
        <v>0</v>
      </c>
      <c r="LA40" s="349">
        <v>0</v>
      </c>
      <c r="LB40" s="404">
        <v>0</v>
      </c>
      <c r="LC40" s="345">
        <v>0</v>
      </c>
      <c r="LD40" s="345">
        <v>0</v>
      </c>
      <c r="LE40" s="345">
        <v>0</v>
      </c>
      <c r="LF40" s="345">
        <v>0</v>
      </c>
      <c r="LG40" s="345">
        <v>0</v>
      </c>
      <c r="LH40" s="349">
        <v>0</v>
      </c>
      <c r="LI40" s="350">
        <v>0</v>
      </c>
      <c r="LJ40" s="348">
        <v>0</v>
      </c>
      <c r="LK40" s="345">
        <v>0</v>
      </c>
      <c r="LL40" s="349">
        <v>0</v>
      </c>
      <c r="LM40" s="404">
        <v>0</v>
      </c>
      <c r="LN40" s="345">
        <v>0</v>
      </c>
      <c r="LO40" s="345">
        <v>0</v>
      </c>
      <c r="LP40" s="345">
        <v>0</v>
      </c>
      <c r="LQ40" s="345">
        <v>0</v>
      </c>
      <c r="LR40" s="345">
        <v>0</v>
      </c>
      <c r="LS40" s="349">
        <v>0</v>
      </c>
      <c r="LT40" s="347">
        <v>0</v>
      </c>
      <c r="LU40" s="348">
        <v>0</v>
      </c>
      <c r="LV40" s="345">
        <v>0</v>
      </c>
      <c r="LW40" s="349">
        <v>0</v>
      </c>
      <c r="LX40" s="404">
        <v>0</v>
      </c>
      <c r="LY40" s="345">
        <v>0</v>
      </c>
      <c r="LZ40" s="345">
        <v>0</v>
      </c>
      <c r="MA40" s="345">
        <v>0</v>
      </c>
      <c r="MB40" s="345">
        <v>0</v>
      </c>
      <c r="MC40" s="345">
        <v>0</v>
      </c>
      <c r="MD40" s="349">
        <v>0</v>
      </c>
      <c r="ME40" s="350">
        <v>0</v>
      </c>
      <c r="MF40" s="348">
        <v>0</v>
      </c>
      <c r="MG40" s="345">
        <v>0</v>
      </c>
      <c r="MH40" s="349">
        <v>0</v>
      </c>
      <c r="MI40" s="404">
        <v>0</v>
      </c>
      <c r="MJ40" s="345">
        <v>169134</v>
      </c>
      <c r="MK40" s="345">
        <v>0</v>
      </c>
      <c r="ML40" s="345">
        <v>0</v>
      </c>
      <c r="MM40" s="345">
        <v>233016</v>
      </c>
      <c r="MN40" s="345">
        <v>0</v>
      </c>
      <c r="MO40" s="349">
        <v>402150</v>
      </c>
      <c r="MP40" s="354">
        <v>402150</v>
      </c>
      <c r="MQ40" s="348">
        <v>0</v>
      </c>
      <c r="MR40" s="345">
        <v>0</v>
      </c>
      <c r="MS40" s="349">
        <v>0</v>
      </c>
      <c r="MT40" s="404">
        <v>0</v>
      </c>
      <c r="MU40" s="345">
        <v>0</v>
      </c>
      <c r="MV40" s="345">
        <v>0</v>
      </c>
      <c r="MW40" s="345">
        <v>0</v>
      </c>
      <c r="MX40" s="345">
        <v>233016</v>
      </c>
      <c r="MY40" s="345">
        <v>0</v>
      </c>
      <c r="MZ40" s="349">
        <v>233016</v>
      </c>
      <c r="NA40" s="354">
        <v>233016</v>
      </c>
      <c r="NB40" s="348">
        <v>0</v>
      </c>
      <c r="NC40" s="345">
        <v>0</v>
      </c>
      <c r="ND40" s="349">
        <v>0</v>
      </c>
      <c r="NE40" s="404">
        <v>0</v>
      </c>
      <c r="NF40" s="345">
        <v>169134</v>
      </c>
      <c r="NG40" s="345">
        <v>0</v>
      </c>
      <c r="NH40" s="345">
        <v>0</v>
      </c>
      <c r="NI40" s="345">
        <v>0</v>
      </c>
      <c r="NJ40" s="345">
        <v>0</v>
      </c>
      <c r="NK40" s="349">
        <v>169134</v>
      </c>
      <c r="NL40" s="347">
        <v>169134</v>
      </c>
      <c r="NM40" s="348">
        <v>0</v>
      </c>
      <c r="NN40" s="345">
        <v>0</v>
      </c>
      <c r="NO40" s="349">
        <v>0</v>
      </c>
      <c r="NP40" s="404">
        <v>0</v>
      </c>
      <c r="NQ40" s="345">
        <v>0</v>
      </c>
      <c r="NR40" s="345">
        <v>0</v>
      </c>
      <c r="NS40" s="345">
        <v>0</v>
      </c>
      <c r="NT40" s="345">
        <v>0</v>
      </c>
      <c r="NU40" s="345">
        <v>0</v>
      </c>
      <c r="NV40" s="349">
        <v>0</v>
      </c>
      <c r="NW40" s="350">
        <v>0</v>
      </c>
      <c r="NX40" s="348">
        <v>0</v>
      </c>
      <c r="NY40" s="345">
        <v>0</v>
      </c>
      <c r="NZ40" s="349">
        <v>0</v>
      </c>
      <c r="OA40" s="404">
        <v>0</v>
      </c>
      <c r="OB40" s="345">
        <v>0</v>
      </c>
      <c r="OC40" s="345">
        <v>0</v>
      </c>
      <c r="OD40" s="345">
        <v>0</v>
      </c>
      <c r="OE40" s="345">
        <v>0</v>
      </c>
      <c r="OF40" s="345">
        <v>0</v>
      </c>
      <c r="OG40" s="349">
        <v>0</v>
      </c>
      <c r="OH40" s="350">
        <v>0</v>
      </c>
      <c r="OI40" s="348">
        <v>258337</v>
      </c>
      <c r="OJ40" s="345">
        <v>270809</v>
      </c>
      <c r="OK40" s="346">
        <v>529146</v>
      </c>
      <c r="OL40" s="351">
        <v>0</v>
      </c>
      <c r="OM40" s="345">
        <v>1345118</v>
      </c>
      <c r="ON40" s="345">
        <v>1487596</v>
      </c>
      <c r="OO40" s="345">
        <v>1034564</v>
      </c>
      <c r="OP40" s="345">
        <v>622507</v>
      </c>
      <c r="OQ40" s="345">
        <v>481089</v>
      </c>
      <c r="OR40" s="349">
        <v>4970874</v>
      </c>
      <c r="OS40" s="354">
        <v>5500020</v>
      </c>
    </row>
    <row r="41" spans="2:409" s="70" customFormat="1" ht="21" customHeight="1" x14ac:dyDescent="0.2">
      <c r="B41" s="106" t="s">
        <v>36</v>
      </c>
      <c r="C41" s="326">
        <v>12789</v>
      </c>
      <c r="D41" s="327">
        <v>47303</v>
      </c>
      <c r="E41" s="328">
        <v>60092</v>
      </c>
      <c r="F41" s="329">
        <v>0</v>
      </c>
      <c r="G41" s="327">
        <v>462889</v>
      </c>
      <c r="H41" s="327">
        <v>1641012</v>
      </c>
      <c r="I41" s="327">
        <v>278772</v>
      </c>
      <c r="J41" s="327">
        <v>800127</v>
      </c>
      <c r="K41" s="327">
        <v>0</v>
      </c>
      <c r="L41" s="367">
        <v>3182800</v>
      </c>
      <c r="M41" s="330">
        <v>3242892</v>
      </c>
      <c r="N41" s="326">
        <v>2009</v>
      </c>
      <c r="O41" s="327">
        <v>28053</v>
      </c>
      <c r="P41" s="328">
        <v>30062</v>
      </c>
      <c r="Q41" s="326">
        <v>0</v>
      </c>
      <c r="R41" s="327">
        <v>130981</v>
      </c>
      <c r="S41" s="327">
        <v>677709</v>
      </c>
      <c r="T41" s="327">
        <v>68138</v>
      </c>
      <c r="U41" s="327">
        <v>75798</v>
      </c>
      <c r="V41" s="327">
        <v>0</v>
      </c>
      <c r="W41" s="328">
        <v>952626</v>
      </c>
      <c r="X41" s="330">
        <v>982688</v>
      </c>
      <c r="Y41" s="326">
        <v>0</v>
      </c>
      <c r="Z41" s="327">
        <v>0</v>
      </c>
      <c r="AA41" s="328">
        <v>0</v>
      </c>
      <c r="AB41" s="326">
        <v>0</v>
      </c>
      <c r="AC41" s="327">
        <v>47665</v>
      </c>
      <c r="AD41" s="327">
        <v>526901</v>
      </c>
      <c r="AE41" s="327">
        <v>31780</v>
      </c>
      <c r="AF41" s="327">
        <v>0</v>
      </c>
      <c r="AG41" s="327">
        <v>0</v>
      </c>
      <c r="AH41" s="328">
        <v>606346</v>
      </c>
      <c r="AI41" s="330">
        <v>606346</v>
      </c>
      <c r="AJ41" s="326">
        <v>0</v>
      </c>
      <c r="AK41" s="327">
        <v>0</v>
      </c>
      <c r="AL41" s="328">
        <v>0</v>
      </c>
      <c r="AM41" s="326">
        <v>0</v>
      </c>
      <c r="AN41" s="327">
        <v>0</v>
      </c>
      <c r="AO41" s="327">
        <v>0</v>
      </c>
      <c r="AP41" s="327">
        <v>0</v>
      </c>
      <c r="AQ41" s="327">
        <v>0</v>
      </c>
      <c r="AR41" s="327">
        <v>0</v>
      </c>
      <c r="AS41" s="328">
        <v>0</v>
      </c>
      <c r="AT41" s="330">
        <v>0</v>
      </c>
      <c r="AU41" s="326">
        <v>0</v>
      </c>
      <c r="AV41" s="327">
        <v>28053</v>
      </c>
      <c r="AW41" s="328">
        <v>28053</v>
      </c>
      <c r="AX41" s="326">
        <v>0</v>
      </c>
      <c r="AY41" s="327">
        <v>16163</v>
      </c>
      <c r="AZ41" s="327">
        <v>57561</v>
      </c>
      <c r="BA41" s="327">
        <v>0</v>
      </c>
      <c r="BB41" s="327">
        <v>31173</v>
      </c>
      <c r="BC41" s="327">
        <v>0</v>
      </c>
      <c r="BD41" s="328">
        <v>104897</v>
      </c>
      <c r="BE41" s="330">
        <v>132950</v>
      </c>
      <c r="BF41" s="326">
        <v>0</v>
      </c>
      <c r="BG41" s="327">
        <v>0</v>
      </c>
      <c r="BH41" s="331">
        <v>0</v>
      </c>
      <c r="BI41" s="332">
        <v>0</v>
      </c>
      <c r="BJ41" s="327">
        <v>37102</v>
      </c>
      <c r="BK41" s="327">
        <v>0</v>
      </c>
      <c r="BL41" s="327">
        <v>0</v>
      </c>
      <c r="BM41" s="327">
        <v>0</v>
      </c>
      <c r="BN41" s="327">
        <v>0</v>
      </c>
      <c r="BO41" s="328">
        <v>37102</v>
      </c>
      <c r="BP41" s="330">
        <v>37102</v>
      </c>
      <c r="BQ41" s="326">
        <v>2009</v>
      </c>
      <c r="BR41" s="327">
        <v>0</v>
      </c>
      <c r="BS41" s="328">
        <v>2009</v>
      </c>
      <c r="BT41" s="326">
        <v>0</v>
      </c>
      <c r="BU41" s="327">
        <v>30051</v>
      </c>
      <c r="BV41" s="327">
        <v>93247</v>
      </c>
      <c r="BW41" s="327">
        <v>36358</v>
      </c>
      <c r="BX41" s="327">
        <v>44625</v>
      </c>
      <c r="BY41" s="327">
        <v>0</v>
      </c>
      <c r="BZ41" s="328">
        <v>204281</v>
      </c>
      <c r="CA41" s="330">
        <v>206290</v>
      </c>
      <c r="CB41" s="326">
        <v>0</v>
      </c>
      <c r="CC41" s="327">
        <v>0</v>
      </c>
      <c r="CD41" s="328">
        <v>0</v>
      </c>
      <c r="CE41" s="326">
        <v>0</v>
      </c>
      <c r="CF41" s="327">
        <v>24738</v>
      </c>
      <c r="CG41" s="327">
        <v>339265</v>
      </c>
      <c r="CH41" s="327">
        <v>64418</v>
      </c>
      <c r="CI41" s="327">
        <v>213589</v>
      </c>
      <c r="CJ41" s="327">
        <v>0</v>
      </c>
      <c r="CK41" s="328">
        <v>642010</v>
      </c>
      <c r="CL41" s="330">
        <v>642010</v>
      </c>
      <c r="CM41" s="326">
        <v>0</v>
      </c>
      <c r="CN41" s="327">
        <v>0</v>
      </c>
      <c r="CO41" s="328">
        <v>0</v>
      </c>
      <c r="CP41" s="332">
        <v>0</v>
      </c>
      <c r="CQ41" s="327">
        <v>24738</v>
      </c>
      <c r="CR41" s="327">
        <v>339265</v>
      </c>
      <c r="CS41" s="327">
        <v>0</v>
      </c>
      <c r="CT41" s="327">
        <v>213589</v>
      </c>
      <c r="CU41" s="327">
        <v>0</v>
      </c>
      <c r="CV41" s="328">
        <v>577592</v>
      </c>
      <c r="CW41" s="330">
        <v>577592</v>
      </c>
      <c r="CX41" s="326">
        <v>0</v>
      </c>
      <c r="CY41" s="327">
        <v>0</v>
      </c>
      <c r="CZ41" s="328">
        <v>0</v>
      </c>
      <c r="DA41" s="326">
        <v>0</v>
      </c>
      <c r="DB41" s="327">
        <v>0</v>
      </c>
      <c r="DC41" s="327">
        <v>0</v>
      </c>
      <c r="DD41" s="327">
        <v>64418</v>
      </c>
      <c r="DE41" s="327">
        <v>0</v>
      </c>
      <c r="DF41" s="327">
        <v>0</v>
      </c>
      <c r="DG41" s="328">
        <v>64418</v>
      </c>
      <c r="DH41" s="330">
        <v>64418</v>
      </c>
      <c r="DI41" s="326">
        <v>0</v>
      </c>
      <c r="DJ41" s="327">
        <v>0</v>
      </c>
      <c r="DK41" s="331">
        <v>0</v>
      </c>
      <c r="DL41" s="332">
        <v>0</v>
      </c>
      <c r="DM41" s="327">
        <v>0</v>
      </c>
      <c r="DN41" s="327">
        <v>156189</v>
      </c>
      <c r="DO41" s="327">
        <v>0</v>
      </c>
      <c r="DP41" s="327">
        <v>88924</v>
      </c>
      <c r="DQ41" s="327">
        <v>0</v>
      </c>
      <c r="DR41" s="328">
        <v>245113</v>
      </c>
      <c r="DS41" s="330">
        <v>245113</v>
      </c>
      <c r="DT41" s="326">
        <v>0</v>
      </c>
      <c r="DU41" s="327">
        <v>0</v>
      </c>
      <c r="DV41" s="328">
        <v>0</v>
      </c>
      <c r="DW41" s="326">
        <v>0</v>
      </c>
      <c r="DX41" s="327">
        <v>0</v>
      </c>
      <c r="DY41" s="327">
        <v>156189</v>
      </c>
      <c r="DZ41" s="327">
        <v>0</v>
      </c>
      <c r="EA41" s="327">
        <v>88924</v>
      </c>
      <c r="EB41" s="327">
        <v>0</v>
      </c>
      <c r="EC41" s="328">
        <v>245113</v>
      </c>
      <c r="ED41" s="330">
        <v>245113</v>
      </c>
      <c r="EE41" s="326">
        <v>0</v>
      </c>
      <c r="EF41" s="331">
        <v>0</v>
      </c>
      <c r="EG41" s="328">
        <v>0</v>
      </c>
      <c r="EH41" s="326">
        <v>0</v>
      </c>
      <c r="EI41" s="327">
        <v>0</v>
      </c>
      <c r="EJ41" s="327">
        <v>0</v>
      </c>
      <c r="EK41" s="327">
        <v>0</v>
      </c>
      <c r="EL41" s="327">
        <v>0</v>
      </c>
      <c r="EM41" s="327">
        <v>0</v>
      </c>
      <c r="EN41" s="331">
        <v>0</v>
      </c>
      <c r="EO41" s="330">
        <v>0</v>
      </c>
      <c r="EP41" s="326">
        <v>0</v>
      </c>
      <c r="EQ41" s="327">
        <v>0</v>
      </c>
      <c r="ER41" s="331">
        <v>0</v>
      </c>
      <c r="ES41" s="332">
        <v>0</v>
      </c>
      <c r="ET41" s="327">
        <v>0</v>
      </c>
      <c r="EU41" s="327">
        <v>0</v>
      </c>
      <c r="EV41" s="327">
        <v>0</v>
      </c>
      <c r="EW41" s="327">
        <v>0</v>
      </c>
      <c r="EX41" s="327">
        <v>0</v>
      </c>
      <c r="EY41" s="328">
        <v>0</v>
      </c>
      <c r="EZ41" s="330">
        <v>0</v>
      </c>
      <c r="FA41" s="326">
        <v>0</v>
      </c>
      <c r="FB41" s="327">
        <v>0</v>
      </c>
      <c r="FC41" s="331">
        <v>0</v>
      </c>
      <c r="FD41" s="404">
        <v>0</v>
      </c>
      <c r="FE41" s="327">
        <v>0</v>
      </c>
      <c r="FF41" s="327">
        <v>0</v>
      </c>
      <c r="FG41" s="327">
        <v>0</v>
      </c>
      <c r="FH41" s="327">
        <v>0</v>
      </c>
      <c r="FI41" s="327">
        <v>0</v>
      </c>
      <c r="FJ41" s="328">
        <v>0</v>
      </c>
      <c r="FK41" s="330">
        <v>0</v>
      </c>
      <c r="FL41" s="326">
        <v>10780</v>
      </c>
      <c r="FM41" s="327">
        <v>19250</v>
      </c>
      <c r="FN41" s="328">
        <v>30030</v>
      </c>
      <c r="FO41" s="326">
        <v>0</v>
      </c>
      <c r="FP41" s="327">
        <v>31430</v>
      </c>
      <c r="FQ41" s="327">
        <v>149002</v>
      </c>
      <c r="FR41" s="327">
        <v>10920</v>
      </c>
      <c r="FS41" s="327">
        <v>52878</v>
      </c>
      <c r="FT41" s="327">
        <v>0</v>
      </c>
      <c r="FU41" s="328">
        <v>244230</v>
      </c>
      <c r="FV41" s="330">
        <v>274260</v>
      </c>
      <c r="FW41" s="333">
        <v>2310</v>
      </c>
      <c r="FX41" s="327">
        <v>19250</v>
      </c>
      <c r="FY41" s="331">
        <v>21560</v>
      </c>
      <c r="FZ41" s="332">
        <v>0</v>
      </c>
      <c r="GA41" s="327">
        <v>31430</v>
      </c>
      <c r="GB41" s="327">
        <v>149002</v>
      </c>
      <c r="GC41" s="327">
        <v>10920</v>
      </c>
      <c r="GD41" s="327">
        <v>52878</v>
      </c>
      <c r="GE41" s="327">
        <v>0</v>
      </c>
      <c r="GF41" s="328">
        <v>244230</v>
      </c>
      <c r="GG41" s="334">
        <v>265790</v>
      </c>
      <c r="GH41" s="333">
        <v>8470</v>
      </c>
      <c r="GI41" s="327">
        <v>0</v>
      </c>
      <c r="GJ41" s="331">
        <v>8470</v>
      </c>
      <c r="GK41" s="332">
        <v>0</v>
      </c>
      <c r="GL41" s="327">
        <v>0</v>
      </c>
      <c r="GM41" s="327">
        <v>0</v>
      </c>
      <c r="GN41" s="327">
        <v>0</v>
      </c>
      <c r="GO41" s="327">
        <v>0</v>
      </c>
      <c r="GP41" s="327">
        <v>0</v>
      </c>
      <c r="GQ41" s="328">
        <v>0</v>
      </c>
      <c r="GR41" s="330">
        <v>8470</v>
      </c>
      <c r="GS41" s="326">
        <v>0</v>
      </c>
      <c r="GT41" s="327">
        <v>0</v>
      </c>
      <c r="GU41" s="328">
        <v>0</v>
      </c>
      <c r="GV41" s="326">
        <v>0</v>
      </c>
      <c r="GW41" s="327">
        <v>0</v>
      </c>
      <c r="GX41" s="327">
        <v>0</v>
      </c>
      <c r="GY41" s="327">
        <v>0</v>
      </c>
      <c r="GZ41" s="327">
        <v>0</v>
      </c>
      <c r="HA41" s="327">
        <v>0</v>
      </c>
      <c r="HB41" s="331">
        <v>0</v>
      </c>
      <c r="HC41" s="330">
        <v>0</v>
      </c>
      <c r="HD41" s="326">
        <v>0</v>
      </c>
      <c r="HE41" s="327">
        <v>0</v>
      </c>
      <c r="HF41" s="331">
        <v>0</v>
      </c>
      <c r="HG41" s="332">
        <v>0</v>
      </c>
      <c r="HH41" s="327">
        <v>275740</v>
      </c>
      <c r="HI41" s="327">
        <v>318847</v>
      </c>
      <c r="HJ41" s="327">
        <v>135296</v>
      </c>
      <c r="HK41" s="327">
        <v>368938</v>
      </c>
      <c r="HL41" s="327">
        <v>0</v>
      </c>
      <c r="HM41" s="328">
        <v>1098821</v>
      </c>
      <c r="HN41" s="329">
        <v>1098821</v>
      </c>
      <c r="HO41" s="333">
        <v>0</v>
      </c>
      <c r="HP41" s="327">
        <v>0</v>
      </c>
      <c r="HQ41" s="328">
        <v>0</v>
      </c>
      <c r="HR41" s="326">
        <v>0</v>
      </c>
      <c r="HS41" s="327">
        <v>0</v>
      </c>
      <c r="HT41" s="327">
        <v>0</v>
      </c>
      <c r="HU41" s="327">
        <v>0</v>
      </c>
      <c r="HV41" s="327">
        <v>0</v>
      </c>
      <c r="HW41" s="327">
        <v>0</v>
      </c>
      <c r="HX41" s="331">
        <v>0</v>
      </c>
      <c r="HY41" s="330">
        <v>0</v>
      </c>
      <c r="HZ41" s="335">
        <v>0</v>
      </c>
      <c r="IA41" s="336">
        <v>0</v>
      </c>
      <c r="IB41" s="337">
        <v>0</v>
      </c>
      <c r="IC41" s="338">
        <v>0</v>
      </c>
      <c r="ID41" s="336">
        <v>43860</v>
      </c>
      <c r="IE41" s="339">
        <v>220444</v>
      </c>
      <c r="IF41" s="337">
        <v>226691</v>
      </c>
      <c r="IG41" s="336">
        <v>0</v>
      </c>
      <c r="IH41" s="337">
        <v>0</v>
      </c>
      <c r="II41" s="340">
        <v>490995</v>
      </c>
      <c r="IJ41" s="341">
        <v>490995</v>
      </c>
      <c r="IK41" s="342">
        <v>0</v>
      </c>
      <c r="IL41" s="343">
        <v>0</v>
      </c>
      <c r="IM41" s="344">
        <v>0</v>
      </c>
      <c r="IN41" s="404">
        <v>0</v>
      </c>
      <c r="IO41" s="345">
        <v>0</v>
      </c>
      <c r="IP41" s="345">
        <v>0</v>
      </c>
      <c r="IQ41" s="345">
        <v>0</v>
      </c>
      <c r="IR41" s="345">
        <v>0</v>
      </c>
      <c r="IS41" s="345">
        <v>0</v>
      </c>
      <c r="IT41" s="346">
        <v>0</v>
      </c>
      <c r="IU41" s="347">
        <v>0</v>
      </c>
      <c r="IV41" s="348">
        <v>0</v>
      </c>
      <c r="IW41" s="345">
        <v>0</v>
      </c>
      <c r="IX41" s="349">
        <v>0</v>
      </c>
      <c r="IY41" s="404">
        <v>0</v>
      </c>
      <c r="IZ41" s="345">
        <v>0</v>
      </c>
      <c r="JA41" s="345">
        <v>0</v>
      </c>
      <c r="JB41" s="345">
        <v>0</v>
      </c>
      <c r="JC41" s="345">
        <v>0</v>
      </c>
      <c r="JD41" s="345">
        <v>0</v>
      </c>
      <c r="JE41" s="349">
        <v>0</v>
      </c>
      <c r="JF41" s="350">
        <v>0</v>
      </c>
      <c r="JG41" s="348">
        <v>0</v>
      </c>
      <c r="JH41" s="345">
        <v>0</v>
      </c>
      <c r="JI41" s="346">
        <v>0</v>
      </c>
      <c r="JJ41" s="351">
        <v>0</v>
      </c>
      <c r="JK41" s="345">
        <v>43860</v>
      </c>
      <c r="JL41" s="345">
        <v>0</v>
      </c>
      <c r="JM41" s="345">
        <v>0</v>
      </c>
      <c r="JN41" s="345">
        <v>0</v>
      </c>
      <c r="JO41" s="345">
        <v>0</v>
      </c>
      <c r="JP41" s="349">
        <v>43860</v>
      </c>
      <c r="JQ41" s="347">
        <v>43860</v>
      </c>
      <c r="JR41" s="348">
        <v>0</v>
      </c>
      <c r="JS41" s="345">
        <v>0</v>
      </c>
      <c r="JT41" s="346">
        <v>0</v>
      </c>
      <c r="JU41" s="351">
        <v>0</v>
      </c>
      <c r="JV41" s="345">
        <v>0</v>
      </c>
      <c r="JW41" s="345">
        <v>0</v>
      </c>
      <c r="JX41" s="345">
        <v>0</v>
      </c>
      <c r="JY41" s="345">
        <v>0</v>
      </c>
      <c r="JZ41" s="345">
        <v>0</v>
      </c>
      <c r="KA41" s="349">
        <v>0</v>
      </c>
      <c r="KB41" s="347">
        <v>0</v>
      </c>
      <c r="KC41" s="352">
        <v>0</v>
      </c>
      <c r="KD41" s="353">
        <v>0</v>
      </c>
      <c r="KE41" s="349">
        <v>0</v>
      </c>
      <c r="KF41" s="351">
        <v>0</v>
      </c>
      <c r="KG41" s="345">
        <v>0</v>
      </c>
      <c r="KH41" s="345">
        <v>0</v>
      </c>
      <c r="KI41" s="345">
        <v>0</v>
      </c>
      <c r="KJ41" s="345">
        <v>0</v>
      </c>
      <c r="KK41" s="345">
        <v>0</v>
      </c>
      <c r="KL41" s="349">
        <v>0</v>
      </c>
      <c r="KM41" s="354">
        <v>0</v>
      </c>
      <c r="KN41" s="342">
        <v>0</v>
      </c>
      <c r="KO41" s="343">
        <v>0</v>
      </c>
      <c r="KP41" s="344">
        <v>0</v>
      </c>
      <c r="KQ41" s="404">
        <v>0</v>
      </c>
      <c r="KR41" s="345">
        <v>0</v>
      </c>
      <c r="KS41" s="345">
        <v>220444</v>
      </c>
      <c r="KT41" s="345">
        <v>226691</v>
      </c>
      <c r="KU41" s="345">
        <v>0</v>
      </c>
      <c r="KV41" s="345">
        <v>0</v>
      </c>
      <c r="KW41" s="349">
        <v>447135</v>
      </c>
      <c r="KX41" s="347">
        <v>447135</v>
      </c>
      <c r="KY41" s="348">
        <v>0</v>
      </c>
      <c r="KZ41" s="345">
        <v>0</v>
      </c>
      <c r="LA41" s="349">
        <v>0</v>
      </c>
      <c r="LB41" s="404">
        <v>0</v>
      </c>
      <c r="LC41" s="345">
        <v>0</v>
      </c>
      <c r="LD41" s="345">
        <v>0</v>
      </c>
      <c r="LE41" s="345">
        <v>0</v>
      </c>
      <c r="LF41" s="345">
        <v>0</v>
      </c>
      <c r="LG41" s="345">
        <v>0</v>
      </c>
      <c r="LH41" s="349">
        <v>0</v>
      </c>
      <c r="LI41" s="350">
        <v>0</v>
      </c>
      <c r="LJ41" s="348">
        <v>0</v>
      </c>
      <c r="LK41" s="345">
        <v>0</v>
      </c>
      <c r="LL41" s="349">
        <v>0</v>
      </c>
      <c r="LM41" s="404">
        <v>0</v>
      </c>
      <c r="LN41" s="345">
        <v>0</v>
      </c>
      <c r="LO41" s="345">
        <v>0</v>
      </c>
      <c r="LP41" s="345">
        <v>0</v>
      </c>
      <c r="LQ41" s="345">
        <v>0</v>
      </c>
      <c r="LR41" s="345">
        <v>0</v>
      </c>
      <c r="LS41" s="349">
        <v>0</v>
      </c>
      <c r="LT41" s="347">
        <v>0</v>
      </c>
      <c r="LU41" s="348">
        <v>0</v>
      </c>
      <c r="LV41" s="345">
        <v>0</v>
      </c>
      <c r="LW41" s="349">
        <v>0</v>
      </c>
      <c r="LX41" s="404">
        <v>0</v>
      </c>
      <c r="LY41" s="345">
        <v>0</v>
      </c>
      <c r="LZ41" s="345">
        <v>0</v>
      </c>
      <c r="MA41" s="345">
        <v>0</v>
      </c>
      <c r="MB41" s="345">
        <v>0</v>
      </c>
      <c r="MC41" s="345">
        <v>0</v>
      </c>
      <c r="MD41" s="349">
        <v>0</v>
      </c>
      <c r="ME41" s="350">
        <v>0</v>
      </c>
      <c r="MF41" s="348">
        <v>0</v>
      </c>
      <c r="MG41" s="345">
        <v>0</v>
      </c>
      <c r="MH41" s="349">
        <v>0</v>
      </c>
      <c r="MI41" s="404">
        <v>0</v>
      </c>
      <c r="MJ41" s="345">
        <v>0</v>
      </c>
      <c r="MK41" s="345">
        <v>0</v>
      </c>
      <c r="ML41" s="345">
        <v>204059</v>
      </c>
      <c r="MM41" s="345">
        <v>0</v>
      </c>
      <c r="MN41" s="345">
        <v>240560</v>
      </c>
      <c r="MO41" s="349">
        <v>444619</v>
      </c>
      <c r="MP41" s="354">
        <v>444619</v>
      </c>
      <c r="MQ41" s="348">
        <v>0</v>
      </c>
      <c r="MR41" s="345">
        <v>0</v>
      </c>
      <c r="MS41" s="349">
        <v>0</v>
      </c>
      <c r="MT41" s="404">
        <v>0</v>
      </c>
      <c r="MU41" s="345">
        <v>0</v>
      </c>
      <c r="MV41" s="345">
        <v>0</v>
      </c>
      <c r="MW41" s="345">
        <v>204059</v>
      </c>
      <c r="MX41" s="345">
        <v>0</v>
      </c>
      <c r="MY41" s="345">
        <v>240560</v>
      </c>
      <c r="MZ41" s="349">
        <v>444619</v>
      </c>
      <c r="NA41" s="354">
        <v>444619</v>
      </c>
      <c r="NB41" s="348">
        <v>0</v>
      </c>
      <c r="NC41" s="345">
        <v>0</v>
      </c>
      <c r="ND41" s="349">
        <v>0</v>
      </c>
      <c r="NE41" s="404">
        <v>0</v>
      </c>
      <c r="NF41" s="345">
        <v>0</v>
      </c>
      <c r="NG41" s="345">
        <v>0</v>
      </c>
      <c r="NH41" s="345">
        <v>0</v>
      </c>
      <c r="NI41" s="345">
        <v>0</v>
      </c>
      <c r="NJ41" s="345">
        <v>0</v>
      </c>
      <c r="NK41" s="349">
        <v>0</v>
      </c>
      <c r="NL41" s="347">
        <v>0</v>
      </c>
      <c r="NM41" s="348">
        <v>0</v>
      </c>
      <c r="NN41" s="345">
        <v>0</v>
      </c>
      <c r="NO41" s="349">
        <v>0</v>
      </c>
      <c r="NP41" s="404">
        <v>0</v>
      </c>
      <c r="NQ41" s="345">
        <v>0</v>
      </c>
      <c r="NR41" s="345">
        <v>0</v>
      </c>
      <c r="NS41" s="345">
        <v>0</v>
      </c>
      <c r="NT41" s="345">
        <v>0</v>
      </c>
      <c r="NU41" s="345">
        <v>0</v>
      </c>
      <c r="NV41" s="349">
        <v>0</v>
      </c>
      <c r="NW41" s="350">
        <v>0</v>
      </c>
      <c r="NX41" s="348">
        <v>0</v>
      </c>
      <c r="NY41" s="345">
        <v>0</v>
      </c>
      <c r="NZ41" s="349">
        <v>0</v>
      </c>
      <c r="OA41" s="404">
        <v>0</v>
      </c>
      <c r="OB41" s="345">
        <v>0</v>
      </c>
      <c r="OC41" s="345">
        <v>0</v>
      </c>
      <c r="OD41" s="345">
        <v>0</v>
      </c>
      <c r="OE41" s="345">
        <v>0</v>
      </c>
      <c r="OF41" s="345">
        <v>0</v>
      </c>
      <c r="OG41" s="349">
        <v>0</v>
      </c>
      <c r="OH41" s="350">
        <v>0</v>
      </c>
      <c r="OI41" s="348">
        <v>12789</v>
      </c>
      <c r="OJ41" s="345">
        <v>47303</v>
      </c>
      <c r="OK41" s="346">
        <v>60092</v>
      </c>
      <c r="OL41" s="351">
        <v>0</v>
      </c>
      <c r="OM41" s="345">
        <v>506749</v>
      </c>
      <c r="ON41" s="345">
        <v>1861456</v>
      </c>
      <c r="OO41" s="345">
        <v>709522</v>
      </c>
      <c r="OP41" s="345">
        <v>800127</v>
      </c>
      <c r="OQ41" s="345">
        <v>240560</v>
      </c>
      <c r="OR41" s="349">
        <v>4118414</v>
      </c>
      <c r="OS41" s="354">
        <v>4178506</v>
      </c>
    </row>
    <row r="42" spans="2:409" s="70" customFormat="1" ht="21" customHeight="1" thickBot="1" x14ac:dyDescent="0.25">
      <c r="B42" s="108" t="s">
        <v>37</v>
      </c>
      <c r="C42" s="371">
        <v>0</v>
      </c>
      <c r="D42" s="372">
        <v>0</v>
      </c>
      <c r="E42" s="373">
        <v>0</v>
      </c>
      <c r="F42" s="374">
        <v>0</v>
      </c>
      <c r="G42" s="372">
        <v>0</v>
      </c>
      <c r="H42" s="372">
        <v>83935</v>
      </c>
      <c r="I42" s="372">
        <v>0</v>
      </c>
      <c r="J42" s="372">
        <v>0</v>
      </c>
      <c r="K42" s="372">
        <v>220735</v>
      </c>
      <c r="L42" s="374">
        <v>304670</v>
      </c>
      <c r="M42" s="375">
        <v>304670</v>
      </c>
      <c r="N42" s="371">
        <v>0</v>
      </c>
      <c r="O42" s="372">
        <v>0</v>
      </c>
      <c r="P42" s="373">
        <v>0</v>
      </c>
      <c r="Q42" s="371">
        <v>0</v>
      </c>
      <c r="R42" s="372">
        <v>0</v>
      </c>
      <c r="S42" s="372">
        <v>54012</v>
      </c>
      <c r="T42" s="372">
        <v>0</v>
      </c>
      <c r="U42" s="372">
        <v>0</v>
      </c>
      <c r="V42" s="372">
        <v>81987</v>
      </c>
      <c r="W42" s="373">
        <v>135999</v>
      </c>
      <c r="X42" s="375">
        <v>135999</v>
      </c>
      <c r="Y42" s="371">
        <v>0</v>
      </c>
      <c r="Z42" s="372">
        <v>0</v>
      </c>
      <c r="AA42" s="373">
        <v>0</v>
      </c>
      <c r="AB42" s="371">
        <v>0</v>
      </c>
      <c r="AC42" s="372">
        <v>0</v>
      </c>
      <c r="AD42" s="372">
        <v>0</v>
      </c>
      <c r="AE42" s="372">
        <v>0</v>
      </c>
      <c r="AF42" s="372">
        <v>0</v>
      </c>
      <c r="AG42" s="372">
        <v>40352</v>
      </c>
      <c r="AH42" s="373">
        <v>40352</v>
      </c>
      <c r="AI42" s="375">
        <v>40352</v>
      </c>
      <c r="AJ42" s="371">
        <v>0</v>
      </c>
      <c r="AK42" s="372">
        <v>0</v>
      </c>
      <c r="AL42" s="373">
        <v>0</v>
      </c>
      <c r="AM42" s="371">
        <v>0</v>
      </c>
      <c r="AN42" s="372">
        <v>0</v>
      </c>
      <c r="AO42" s="372">
        <v>0</v>
      </c>
      <c r="AP42" s="372">
        <v>0</v>
      </c>
      <c r="AQ42" s="372">
        <v>0</v>
      </c>
      <c r="AR42" s="372">
        <v>0</v>
      </c>
      <c r="AS42" s="373">
        <v>0</v>
      </c>
      <c r="AT42" s="375">
        <v>0</v>
      </c>
      <c r="AU42" s="371">
        <v>0</v>
      </c>
      <c r="AV42" s="372">
        <v>0</v>
      </c>
      <c r="AW42" s="373">
        <v>0</v>
      </c>
      <c r="AX42" s="371">
        <v>0</v>
      </c>
      <c r="AY42" s="372">
        <v>0</v>
      </c>
      <c r="AZ42" s="372">
        <v>54012</v>
      </c>
      <c r="BA42" s="372">
        <v>0</v>
      </c>
      <c r="BB42" s="372">
        <v>0</v>
      </c>
      <c r="BC42" s="372">
        <v>30197</v>
      </c>
      <c r="BD42" s="373">
        <v>84209</v>
      </c>
      <c r="BE42" s="375">
        <v>84209</v>
      </c>
      <c r="BF42" s="371">
        <v>0</v>
      </c>
      <c r="BG42" s="372">
        <v>0</v>
      </c>
      <c r="BH42" s="376">
        <v>0</v>
      </c>
      <c r="BI42" s="377">
        <v>0</v>
      </c>
      <c r="BJ42" s="372">
        <v>0</v>
      </c>
      <c r="BK42" s="372">
        <v>0</v>
      </c>
      <c r="BL42" s="372">
        <v>0</v>
      </c>
      <c r="BM42" s="372">
        <v>0</v>
      </c>
      <c r="BN42" s="372">
        <v>0</v>
      </c>
      <c r="BO42" s="373">
        <v>0</v>
      </c>
      <c r="BP42" s="375">
        <v>0</v>
      </c>
      <c r="BQ42" s="371">
        <v>0</v>
      </c>
      <c r="BR42" s="372">
        <v>0</v>
      </c>
      <c r="BS42" s="373">
        <v>0</v>
      </c>
      <c r="BT42" s="371">
        <v>0</v>
      </c>
      <c r="BU42" s="372">
        <v>0</v>
      </c>
      <c r="BV42" s="372">
        <v>0</v>
      </c>
      <c r="BW42" s="372">
        <v>0</v>
      </c>
      <c r="BX42" s="372">
        <v>0</v>
      </c>
      <c r="BY42" s="372">
        <v>11438</v>
      </c>
      <c r="BZ42" s="373">
        <v>11438</v>
      </c>
      <c r="CA42" s="375">
        <v>11438</v>
      </c>
      <c r="CB42" s="371">
        <v>0</v>
      </c>
      <c r="CC42" s="372">
        <v>0</v>
      </c>
      <c r="CD42" s="373">
        <v>0</v>
      </c>
      <c r="CE42" s="371">
        <v>0</v>
      </c>
      <c r="CF42" s="372">
        <v>0</v>
      </c>
      <c r="CG42" s="372">
        <v>18331</v>
      </c>
      <c r="CH42" s="372">
        <v>0</v>
      </c>
      <c r="CI42" s="372">
        <v>0</v>
      </c>
      <c r="CJ42" s="372">
        <v>0</v>
      </c>
      <c r="CK42" s="373">
        <v>18331</v>
      </c>
      <c r="CL42" s="375">
        <v>18331</v>
      </c>
      <c r="CM42" s="371">
        <v>0</v>
      </c>
      <c r="CN42" s="372">
        <v>0</v>
      </c>
      <c r="CO42" s="373">
        <v>0</v>
      </c>
      <c r="CP42" s="377">
        <v>0</v>
      </c>
      <c r="CQ42" s="372">
        <v>0</v>
      </c>
      <c r="CR42" s="372">
        <v>18331</v>
      </c>
      <c r="CS42" s="372">
        <v>0</v>
      </c>
      <c r="CT42" s="372">
        <v>0</v>
      </c>
      <c r="CU42" s="372">
        <v>0</v>
      </c>
      <c r="CV42" s="373">
        <v>18331</v>
      </c>
      <c r="CW42" s="375">
        <v>18331</v>
      </c>
      <c r="CX42" s="371">
        <v>0</v>
      </c>
      <c r="CY42" s="372">
        <v>0</v>
      </c>
      <c r="CZ42" s="373">
        <v>0</v>
      </c>
      <c r="DA42" s="371">
        <v>0</v>
      </c>
      <c r="DB42" s="372">
        <v>0</v>
      </c>
      <c r="DC42" s="372">
        <v>0</v>
      </c>
      <c r="DD42" s="372">
        <v>0</v>
      </c>
      <c r="DE42" s="372">
        <v>0</v>
      </c>
      <c r="DF42" s="372">
        <v>0</v>
      </c>
      <c r="DG42" s="373">
        <v>0</v>
      </c>
      <c r="DH42" s="375">
        <v>0</v>
      </c>
      <c r="DI42" s="371">
        <v>0</v>
      </c>
      <c r="DJ42" s="372">
        <v>0</v>
      </c>
      <c r="DK42" s="376">
        <v>0</v>
      </c>
      <c r="DL42" s="377">
        <v>0</v>
      </c>
      <c r="DM42" s="372">
        <v>0</v>
      </c>
      <c r="DN42" s="372">
        <v>0</v>
      </c>
      <c r="DO42" s="372">
        <v>0</v>
      </c>
      <c r="DP42" s="372">
        <v>0</v>
      </c>
      <c r="DQ42" s="372">
        <v>102488</v>
      </c>
      <c r="DR42" s="373">
        <v>102488</v>
      </c>
      <c r="DS42" s="375">
        <v>102488</v>
      </c>
      <c r="DT42" s="371">
        <v>0</v>
      </c>
      <c r="DU42" s="372">
        <v>0</v>
      </c>
      <c r="DV42" s="373">
        <v>0</v>
      </c>
      <c r="DW42" s="371">
        <v>0</v>
      </c>
      <c r="DX42" s="372">
        <v>0</v>
      </c>
      <c r="DY42" s="372">
        <v>0</v>
      </c>
      <c r="DZ42" s="372">
        <v>0</v>
      </c>
      <c r="EA42" s="372">
        <v>0</v>
      </c>
      <c r="EB42" s="372">
        <v>0</v>
      </c>
      <c r="EC42" s="373">
        <v>0</v>
      </c>
      <c r="ED42" s="375">
        <v>0</v>
      </c>
      <c r="EE42" s="371">
        <v>0</v>
      </c>
      <c r="EF42" s="376">
        <v>0</v>
      </c>
      <c r="EG42" s="373">
        <v>0</v>
      </c>
      <c r="EH42" s="371">
        <v>0</v>
      </c>
      <c r="EI42" s="372">
        <v>0</v>
      </c>
      <c r="EJ42" s="372">
        <v>0</v>
      </c>
      <c r="EK42" s="372">
        <v>0</v>
      </c>
      <c r="EL42" s="372">
        <v>0</v>
      </c>
      <c r="EM42" s="372">
        <v>102488</v>
      </c>
      <c r="EN42" s="376">
        <v>102488</v>
      </c>
      <c r="EO42" s="375">
        <v>102488</v>
      </c>
      <c r="EP42" s="371">
        <v>0</v>
      </c>
      <c r="EQ42" s="372">
        <v>0</v>
      </c>
      <c r="ER42" s="376">
        <v>0</v>
      </c>
      <c r="ES42" s="377">
        <v>0</v>
      </c>
      <c r="ET42" s="372">
        <v>0</v>
      </c>
      <c r="EU42" s="372">
        <v>0</v>
      </c>
      <c r="EV42" s="372">
        <v>0</v>
      </c>
      <c r="EW42" s="372">
        <v>0</v>
      </c>
      <c r="EX42" s="372">
        <v>0</v>
      </c>
      <c r="EY42" s="373">
        <v>0</v>
      </c>
      <c r="EZ42" s="375">
        <v>0</v>
      </c>
      <c r="FA42" s="371">
        <v>0</v>
      </c>
      <c r="FB42" s="372">
        <v>0</v>
      </c>
      <c r="FC42" s="376">
        <v>0</v>
      </c>
      <c r="FD42" s="405">
        <v>0</v>
      </c>
      <c r="FE42" s="372">
        <v>0</v>
      </c>
      <c r="FF42" s="372">
        <v>0</v>
      </c>
      <c r="FG42" s="372">
        <v>0</v>
      </c>
      <c r="FH42" s="372">
        <v>0</v>
      </c>
      <c r="FI42" s="372">
        <v>0</v>
      </c>
      <c r="FJ42" s="373">
        <v>0</v>
      </c>
      <c r="FK42" s="375">
        <v>0</v>
      </c>
      <c r="FL42" s="371">
        <v>0</v>
      </c>
      <c r="FM42" s="372">
        <v>0</v>
      </c>
      <c r="FN42" s="373">
        <v>0</v>
      </c>
      <c r="FO42" s="371">
        <v>0</v>
      </c>
      <c r="FP42" s="372">
        <v>0</v>
      </c>
      <c r="FQ42" s="372">
        <v>11592</v>
      </c>
      <c r="FR42" s="372">
        <v>0</v>
      </c>
      <c r="FS42" s="372">
        <v>0</v>
      </c>
      <c r="FT42" s="372">
        <v>36260</v>
      </c>
      <c r="FU42" s="373">
        <v>47852</v>
      </c>
      <c r="FV42" s="375">
        <v>47852</v>
      </c>
      <c r="FW42" s="378">
        <v>0</v>
      </c>
      <c r="FX42" s="372">
        <v>0</v>
      </c>
      <c r="FY42" s="376">
        <v>0</v>
      </c>
      <c r="FZ42" s="377">
        <v>0</v>
      </c>
      <c r="GA42" s="372">
        <v>0</v>
      </c>
      <c r="GB42" s="372">
        <v>11592</v>
      </c>
      <c r="GC42" s="372">
        <v>0</v>
      </c>
      <c r="GD42" s="372">
        <v>0</v>
      </c>
      <c r="GE42" s="372">
        <v>36260</v>
      </c>
      <c r="GF42" s="373">
        <v>47852</v>
      </c>
      <c r="GG42" s="379">
        <v>47852</v>
      </c>
      <c r="GH42" s="378">
        <v>0</v>
      </c>
      <c r="GI42" s="372">
        <v>0</v>
      </c>
      <c r="GJ42" s="376">
        <v>0</v>
      </c>
      <c r="GK42" s="377">
        <v>0</v>
      </c>
      <c r="GL42" s="372">
        <v>0</v>
      </c>
      <c r="GM42" s="372">
        <v>0</v>
      </c>
      <c r="GN42" s="372">
        <v>0</v>
      </c>
      <c r="GO42" s="372">
        <v>0</v>
      </c>
      <c r="GP42" s="372">
        <v>0</v>
      </c>
      <c r="GQ42" s="373">
        <v>0</v>
      </c>
      <c r="GR42" s="375">
        <v>0</v>
      </c>
      <c r="GS42" s="371">
        <v>0</v>
      </c>
      <c r="GT42" s="372">
        <v>0</v>
      </c>
      <c r="GU42" s="373">
        <v>0</v>
      </c>
      <c r="GV42" s="371">
        <v>0</v>
      </c>
      <c r="GW42" s="372">
        <v>0</v>
      </c>
      <c r="GX42" s="372">
        <v>0</v>
      </c>
      <c r="GY42" s="372">
        <v>0</v>
      </c>
      <c r="GZ42" s="372">
        <v>0</v>
      </c>
      <c r="HA42" s="372">
        <v>0</v>
      </c>
      <c r="HB42" s="376">
        <v>0</v>
      </c>
      <c r="HC42" s="375">
        <v>0</v>
      </c>
      <c r="HD42" s="371">
        <v>0</v>
      </c>
      <c r="HE42" s="372">
        <v>0</v>
      </c>
      <c r="HF42" s="376">
        <v>0</v>
      </c>
      <c r="HG42" s="377">
        <v>0</v>
      </c>
      <c r="HH42" s="372">
        <v>0</v>
      </c>
      <c r="HI42" s="372">
        <v>0</v>
      </c>
      <c r="HJ42" s="372">
        <v>0</v>
      </c>
      <c r="HK42" s="372">
        <v>0</v>
      </c>
      <c r="HL42" s="372">
        <v>0</v>
      </c>
      <c r="HM42" s="373">
        <v>0</v>
      </c>
      <c r="HN42" s="374">
        <v>0</v>
      </c>
      <c r="HO42" s="378">
        <v>0</v>
      </c>
      <c r="HP42" s="372">
        <v>0</v>
      </c>
      <c r="HQ42" s="373">
        <v>0</v>
      </c>
      <c r="HR42" s="371">
        <v>0</v>
      </c>
      <c r="HS42" s="372">
        <v>0</v>
      </c>
      <c r="HT42" s="372">
        <v>0</v>
      </c>
      <c r="HU42" s="372">
        <v>0</v>
      </c>
      <c r="HV42" s="372">
        <v>0</v>
      </c>
      <c r="HW42" s="372">
        <v>0</v>
      </c>
      <c r="HX42" s="376">
        <v>0</v>
      </c>
      <c r="HY42" s="375">
        <v>0</v>
      </c>
      <c r="HZ42" s="380">
        <v>0</v>
      </c>
      <c r="IA42" s="381">
        <v>0</v>
      </c>
      <c r="IB42" s="382">
        <v>0</v>
      </c>
      <c r="IC42" s="383">
        <v>0</v>
      </c>
      <c r="ID42" s="384">
        <v>0</v>
      </c>
      <c r="IE42" s="385">
        <v>0</v>
      </c>
      <c r="IF42" s="386">
        <v>0</v>
      </c>
      <c r="IG42" s="384">
        <v>0</v>
      </c>
      <c r="IH42" s="386">
        <v>82019</v>
      </c>
      <c r="II42" s="387">
        <v>82019</v>
      </c>
      <c r="IJ42" s="388">
        <v>82019</v>
      </c>
      <c r="IK42" s="389">
        <v>0</v>
      </c>
      <c r="IL42" s="390">
        <v>0</v>
      </c>
      <c r="IM42" s="391">
        <v>0</v>
      </c>
      <c r="IN42" s="405">
        <v>0</v>
      </c>
      <c r="IO42" s="392">
        <v>0</v>
      </c>
      <c r="IP42" s="392">
        <v>0</v>
      </c>
      <c r="IQ42" s="392">
        <v>0</v>
      </c>
      <c r="IR42" s="392">
        <v>0</v>
      </c>
      <c r="IS42" s="392">
        <v>0</v>
      </c>
      <c r="IT42" s="393">
        <v>0</v>
      </c>
      <c r="IU42" s="394">
        <v>0</v>
      </c>
      <c r="IV42" s="395">
        <v>0</v>
      </c>
      <c r="IW42" s="392">
        <v>0</v>
      </c>
      <c r="IX42" s="396">
        <v>0</v>
      </c>
      <c r="IY42" s="405">
        <v>0</v>
      </c>
      <c r="IZ42" s="392">
        <v>0</v>
      </c>
      <c r="JA42" s="392">
        <v>0</v>
      </c>
      <c r="JB42" s="392">
        <v>0</v>
      </c>
      <c r="JC42" s="392">
        <v>0</v>
      </c>
      <c r="JD42" s="392">
        <v>0</v>
      </c>
      <c r="JE42" s="396">
        <v>0</v>
      </c>
      <c r="JF42" s="397">
        <v>0</v>
      </c>
      <c r="JG42" s="395">
        <v>0</v>
      </c>
      <c r="JH42" s="392">
        <v>0</v>
      </c>
      <c r="JI42" s="393">
        <v>0</v>
      </c>
      <c r="JJ42" s="398">
        <v>0</v>
      </c>
      <c r="JK42" s="392">
        <v>0</v>
      </c>
      <c r="JL42" s="392">
        <v>0</v>
      </c>
      <c r="JM42" s="392">
        <v>0</v>
      </c>
      <c r="JN42" s="392">
        <v>0</v>
      </c>
      <c r="JO42" s="392">
        <v>82019</v>
      </c>
      <c r="JP42" s="396">
        <v>82019</v>
      </c>
      <c r="JQ42" s="394">
        <v>82019</v>
      </c>
      <c r="JR42" s="395">
        <v>0</v>
      </c>
      <c r="JS42" s="392">
        <v>0</v>
      </c>
      <c r="JT42" s="393">
        <v>0</v>
      </c>
      <c r="JU42" s="398">
        <v>0</v>
      </c>
      <c r="JV42" s="392">
        <v>0</v>
      </c>
      <c r="JW42" s="392">
        <v>0</v>
      </c>
      <c r="JX42" s="392">
        <v>0</v>
      </c>
      <c r="JY42" s="392">
        <v>0</v>
      </c>
      <c r="JZ42" s="392">
        <v>0</v>
      </c>
      <c r="KA42" s="396">
        <v>0</v>
      </c>
      <c r="KB42" s="394">
        <v>0</v>
      </c>
      <c r="KC42" s="399">
        <v>0</v>
      </c>
      <c r="KD42" s="400">
        <v>0</v>
      </c>
      <c r="KE42" s="396">
        <v>0</v>
      </c>
      <c r="KF42" s="398">
        <v>0</v>
      </c>
      <c r="KG42" s="392">
        <v>0</v>
      </c>
      <c r="KH42" s="392">
        <v>0</v>
      </c>
      <c r="KI42" s="392">
        <v>0</v>
      </c>
      <c r="KJ42" s="392">
        <v>0</v>
      </c>
      <c r="KK42" s="392">
        <v>0</v>
      </c>
      <c r="KL42" s="396">
        <v>0</v>
      </c>
      <c r="KM42" s="401">
        <v>0</v>
      </c>
      <c r="KN42" s="389">
        <v>0</v>
      </c>
      <c r="KO42" s="390">
        <v>0</v>
      </c>
      <c r="KP42" s="391">
        <v>0</v>
      </c>
      <c r="KQ42" s="405">
        <v>0</v>
      </c>
      <c r="KR42" s="392">
        <v>0</v>
      </c>
      <c r="KS42" s="392">
        <v>0</v>
      </c>
      <c r="KT42" s="392">
        <v>0</v>
      </c>
      <c r="KU42" s="392">
        <v>0</v>
      </c>
      <c r="KV42" s="392">
        <v>0</v>
      </c>
      <c r="KW42" s="396">
        <v>0</v>
      </c>
      <c r="KX42" s="394">
        <v>0</v>
      </c>
      <c r="KY42" s="395">
        <v>0</v>
      </c>
      <c r="KZ42" s="392">
        <v>0</v>
      </c>
      <c r="LA42" s="396">
        <v>0</v>
      </c>
      <c r="LB42" s="405">
        <v>0</v>
      </c>
      <c r="LC42" s="392">
        <v>0</v>
      </c>
      <c r="LD42" s="392">
        <v>0</v>
      </c>
      <c r="LE42" s="392">
        <v>0</v>
      </c>
      <c r="LF42" s="392">
        <v>0</v>
      </c>
      <c r="LG42" s="392">
        <v>0</v>
      </c>
      <c r="LH42" s="396">
        <v>0</v>
      </c>
      <c r="LI42" s="397">
        <v>0</v>
      </c>
      <c r="LJ42" s="395">
        <v>0</v>
      </c>
      <c r="LK42" s="392">
        <v>0</v>
      </c>
      <c r="LL42" s="396">
        <v>0</v>
      </c>
      <c r="LM42" s="405">
        <v>0</v>
      </c>
      <c r="LN42" s="392">
        <v>0</v>
      </c>
      <c r="LO42" s="392">
        <v>0</v>
      </c>
      <c r="LP42" s="392">
        <v>0</v>
      </c>
      <c r="LQ42" s="392">
        <v>0</v>
      </c>
      <c r="LR42" s="392">
        <v>0</v>
      </c>
      <c r="LS42" s="396">
        <v>0</v>
      </c>
      <c r="LT42" s="394">
        <v>0</v>
      </c>
      <c r="LU42" s="395">
        <v>0</v>
      </c>
      <c r="LV42" s="392">
        <v>0</v>
      </c>
      <c r="LW42" s="396">
        <v>0</v>
      </c>
      <c r="LX42" s="405">
        <v>0</v>
      </c>
      <c r="LY42" s="392">
        <v>0</v>
      </c>
      <c r="LZ42" s="392">
        <v>0</v>
      </c>
      <c r="MA42" s="392">
        <v>0</v>
      </c>
      <c r="MB42" s="392">
        <v>0</v>
      </c>
      <c r="MC42" s="392">
        <v>0</v>
      </c>
      <c r="MD42" s="396">
        <v>0</v>
      </c>
      <c r="ME42" s="397">
        <v>0</v>
      </c>
      <c r="MF42" s="395">
        <v>0</v>
      </c>
      <c r="MG42" s="392">
        <v>0</v>
      </c>
      <c r="MH42" s="396">
        <v>0</v>
      </c>
      <c r="MI42" s="405">
        <v>0</v>
      </c>
      <c r="MJ42" s="392">
        <v>0</v>
      </c>
      <c r="MK42" s="392">
        <v>0</v>
      </c>
      <c r="ML42" s="392">
        <v>0</v>
      </c>
      <c r="MM42" s="392">
        <v>0</v>
      </c>
      <c r="MN42" s="392">
        <v>0</v>
      </c>
      <c r="MO42" s="396">
        <v>0</v>
      </c>
      <c r="MP42" s="401">
        <v>0</v>
      </c>
      <c r="MQ42" s="395">
        <v>0</v>
      </c>
      <c r="MR42" s="392">
        <v>0</v>
      </c>
      <c r="MS42" s="396">
        <v>0</v>
      </c>
      <c r="MT42" s="405">
        <v>0</v>
      </c>
      <c r="MU42" s="392">
        <v>0</v>
      </c>
      <c r="MV42" s="392">
        <v>0</v>
      </c>
      <c r="MW42" s="392">
        <v>0</v>
      </c>
      <c r="MX42" s="392">
        <v>0</v>
      </c>
      <c r="MY42" s="392">
        <v>0</v>
      </c>
      <c r="MZ42" s="396">
        <v>0</v>
      </c>
      <c r="NA42" s="401">
        <v>0</v>
      </c>
      <c r="NB42" s="395">
        <v>0</v>
      </c>
      <c r="NC42" s="392">
        <v>0</v>
      </c>
      <c r="ND42" s="396">
        <v>0</v>
      </c>
      <c r="NE42" s="405">
        <v>0</v>
      </c>
      <c r="NF42" s="392">
        <v>0</v>
      </c>
      <c r="NG42" s="392">
        <v>0</v>
      </c>
      <c r="NH42" s="392">
        <v>0</v>
      </c>
      <c r="NI42" s="392">
        <v>0</v>
      </c>
      <c r="NJ42" s="392">
        <v>0</v>
      </c>
      <c r="NK42" s="396">
        <v>0</v>
      </c>
      <c r="NL42" s="394">
        <v>0</v>
      </c>
      <c r="NM42" s="395">
        <v>0</v>
      </c>
      <c r="NN42" s="392">
        <v>0</v>
      </c>
      <c r="NO42" s="396">
        <v>0</v>
      </c>
      <c r="NP42" s="405">
        <v>0</v>
      </c>
      <c r="NQ42" s="392">
        <v>0</v>
      </c>
      <c r="NR42" s="392">
        <v>0</v>
      </c>
      <c r="NS42" s="392">
        <v>0</v>
      </c>
      <c r="NT42" s="392">
        <v>0</v>
      </c>
      <c r="NU42" s="392">
        <v>0</v>
      </c>
      <c r="NV42" s="396">
        <v>0</v>
      </c>
      <c r="NW42" s="397">
        <v>0</v>
      </c>
      <c r="NX42" s="395">
        <v>0</v>
      </c>
      <c r="NY42" s="392">
        <v>0</v>
      </c>
      <c r="NZ42" s="396">
        <v>0</v>
      </c>
      <c r="OA42" s="405">
        <v>0</v>
      </c>
      <c r="OB42" s="392">
        <v>0</v>
      </c>
      <c r="OC42" s="392">
        <v>0</v>
      </c>
      <c r="OD42" s="392">
        <v>0</v>
      </c>
      <c r="OE42" s="392">
        <v>0</v>
      </c>
      <c r="OF42" s="392">
        <v>0</v>
      </c>
      <c r="OG42" s="396">
        <v>0</v>
      </c>
      <c r="OH42" s="397">
        <v>0</v>
      </c>
      <c r="OI42" s="395">
        <v>0</v>
      </c>
      <c r="OJ42" s="392">
        <v>0</v>
      </c>
      <c r="OK42" s="393">
        <v>0</v>
      </c>
      <c r="OL42" s="398">
        <v>0</v>
      </c>
      <c r="OM42" s="392">
        <v>0</v>
      </c>
      <c r="ON42" s="392">
        <v>83935</v>
      </c>
      <c r="OO42" s="392">
        <v>0</v>
      </c>
      <c r="OP42" s="392">
        <v>0</v>
      </c>
      <c r="OQ42" s="392">
        <v>302754</v>
      </c>
      <c r="OR42" s="396">
        <v>386689</v>
      </c>
      <c r="OS42" s="401">
        <v>386689</v>
      </c>
    </row>
    <row r="43" spans="2:409" x14ac:dyDescent="0.2">
      <c r="B43" s="71"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71" customWidth="1"/>
    <col min="2" max="2" width="9.77734375" style="71" customWidth="1"/>
    <col min="3" max="4" width="9.21875" style="71" bestFit="1" customWidth="1"/>
    <col min="5" max="5" width="10.77734375" style="71" bestFit="1" customWidth="1"/>
    <col min="6" max="6" width="7.88671875" style="71" customWidth="1"/>
    <col min="7" max="11" width="10.44140625" style="71" bestFit="1" customWidth="1"/>
    <col min="12" max="13" width="11.6640625" style="71" bestFit="1" customWidth="1"/>
    <col min="14" max="16" width="9.21875" style="71" bestFit="1" customWidth="1"/>
    <col min="17" max="17" width="7.44140625" style="71" customWidth="1"/>
    <col min="18" max="18" width="9.21875" style="71" bestFit="1" customWidth="1"/>
    <col min="19" max="22" width="10.44140625" style="71" bestFit="1" customWidth="1"/>
    <col min="23" max="24" width="11.6640625" style="71" bestFit="1" customWidth="1"/>
    <col min="25" max="27" width="9.109375" style="71" bestFit="1" customWidth="1"/>
    <col min="28" max="28" width="7" style="71" customWidth="1"/>
    <col min="29" max="30" width="9.109375" style="71" bestFit="1" customWidth="1"/>
    <col min="31" max="32" width="9.6640625" style="71" bestFit="1" customWidth="1"/>
    <col min="33" max="33" width="9.109375" style="71" bestFit="1" customWidth="1"/>
    <col min="34" max="35" width="9.6640625" style="71" bestFit="1" customWidth="1"/>
    <col min="36" max="38" width="9.109375" style="71" bestFit="1" customWidth="1"/>
    <col min="39" max="39" width="7.33203125" style="71" customWidth="1"/>
    <col min="40" max="49" width="9.109375" style="71" bestFit="1" customWidth="1"/>
    <col min="50" max="50" width="7.33203125" style="71" customWidth="1"/>
    <col min="51" max="60" width="9.109375" style="71" bestFit="1" customWidth="1"/>
    <col min="61" max="61" width="7.77734375" style="71" customWidth="1"/>
    <col min="62" max="71" width="9.109375" style="71" bestFit="1" customWidth="1"/>
    <col min="72" max="72" width="7.77734375" style="71" customWidth="1"/>
    <col min="73" max="77" width="9.109375" style="71" bestFit="1" customWidth="1"/>
    <col min="78" max="79" width="9.6640625" style="71" bestFit="1" customWidth="1"/>
    <col min="80" max="82" width="9.109375" style="71" bestFit="1" customWidth="1"/>
    <col min="83" max="83" width="7.88671875" style="71" customWidth="1"/>
    <col min="84" max="93" width="9.109375" style="71" bestFit="1" customWidth="1"/>
    <col min="94" max="94" width="8" style="71" customWidth="1"/>
    <col min="95" max="104" width="9.109375" style="71" bestFit="1" customWidth="1"/>
    <col min="105" max="105" width="8" style="71" customWidth="1"/>
    <col min="106" max="115" width="9.109375" style="71" bestFit="1" customWidth="1"/>
    <col min="116" max="116" width="7.6640625" style="71" customWidth="1"/>
    <col min="117" max="117" width="9.109375" style="71" bestFit="1" customWidth="1"/>
    <col min="118" max="121" width="9.6640625" style="71" bestFit="1" customWidth="1"/>
    <col min="122" max="123" width="10.6640625" style="71" bestFit="1" customWidth="1"/>
    <col min="124" max="126" width="9.109375" style="71" bestFit="1" customWidth="1"/>
    <col min="127" max="127" width="7.44140625" style="71" customWidth="1"/>
    <col min="128" max="129" width="9.109375" style="71" bestFit="1" customWidth="1"/>
    <col min="130" max="134" width="9.6640625" style="71" bestFit="1" customWidth="1"/>
    <col min="135" max="137" width="9.109375" style="71" bestFit="1" customWidth="1"/>
    <col min="138" max="138" width="7.6640625" style="71" customWidth="1"/>
    <col min="139" max="148" width="9.109375" style="71" bestFit="1" customWidth="1"/>
    <col min="149" max="149" width="7.77734375" style="71" customWidth="1"/>
    <col min="150" max="159" width="9.109375" style="71" bestFit="1" customWidth="1"/>
    <col min="160" max="160" width="7.77734375" style="71" customWidth="1"/>
    <col min="161" max="170" width="9.109375" style="71" bestFit="1" customWidth="1"/>
    <col min="171" max="171" width="7.33203125" style="71" customWidth="1"/>
    <col min="172" max="181" width="9.109375" style="71" bestFit="1" customWidth="1"/>
    <col min="182" max="182" width="8" style="71" customWidth="1"/>
    <col min="183" max="188" width="9.109375" style="71" bestFit="1" customWidth="1"/>
    <col min="189" max="189" width="9.6640625" style="71" bestFit="1" customWidth="1"/>
    <col min="190" max="192" width="9.109375" style="71" bestFit="1" customWidth="1"/>
    <col min="193" max="193" width="7.44140625" style="71" customWidth="1"/>
    <col min="194" max="203" width="9.109375" style="71" bestFit="1" customWidth="1"/>
    <col min="204" max="204" width="7.88671875" style="71" customWidth="1"/>
    <col min="205" max="214" width="9.109375" style="71" bestFit="1" customWidth="1"/>
    <col min="215" max="215" width="7.88671875" style="71" customWidth="1"/>
    <col min="216" max="225" width="9.109375" style="71" bestFit="1" customWidth="1"/>
    <col min="226" max="226" width="7.6640625" style="71" customWidth="1"/>
    <col min="227" max="229" width="9.6640625" style="71" bestFit="1" customWidth="1"/>
    <col min="230" max="230" width="10.6640625" style="71" bestFit="1" customWidth="1"/>
    <col min="231" max="231" width="9.6640625" style="71" bestFit="1" customWidth="1"/>
    <col min="232" max="233" width="10.6640625" style="71" bestFit="1" customWidth="1"/>
    <col min="234" max="16384" width="9" style="71"/>
  </cols>
  <sheetData>
    <row r="1" spans="2:233" ht="24" customHeight="1" x14ac:dyDescent="0.2">
      <c r="B1" s="10" t="s">
        <v>160</v>
      </c>
      <c r="C1" s="247"/>
      <c r="D1" s="247"/>
      <c r="E1" s="63">
        <f>第１表!F2</f>
        <v>6</v>
      </c>
      <c r="F1" s="64">
        <f>第１表!G2</f>
        <v>11</v>
      </c>
      <c r="G1" s="531">
        <f>IF(F1&lt;3,F1-2+12,F1-2)</f>
        <v>9</v>
      </c>
      <c r="H1" s="531"/>
      <c r="L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c r="DV1" s="247"/>
      <c r="DW1" s="247"/>
      <c r="DX1" s="247"/>
      <c r="DY1" s="247"/>
      <c r="DZ1" s="247"/>
      <c r="EA1" s="247"/>
      <c r="EB1" s="247"/>
      <c r="EC1" s="247"/>
    </row>
    <row r="2" spans="2:233" ht="24" customHeight="1" thickBot="1" x14ac:dyDescent="0.25">
      <c r="B2" s="10" t="s">
        <v>161</v>
      </c>
    </row>
    <row r="3" spans="2:233" ht="21" customHeight="1" thickBot="1" x14ac:dyDescent="0.25">
      <c r="B3" s="579"/>
      <c r="C3" s="439" t="s">
        <v>115</v>
      </c>
      <c r="D3" s="440"/>
      <c r="E3" s="440"/>
      <c r="F3" s="440"/>
      <c r="G3" s="440"/>
      <c r="H3" s="440"/>
      <c r="I3" s="440"/>
      <c r="J3" s="440"/>
      <c r="K3" s="440"/>
      <c r="L3" s="440"/>
      <c r="M3" s="440"/>
      <c r="N3" s="437"/>
      <c r="O3" s="437"/>
      <c r="P3" s="437"/>
      <c r="Q3" s="437"/>
      <c r="R3" s="437"/>
      <c r="S3" s="437"/>
      <c r="T3" s="437"/>
      <c r="U3" s="437"/>
      <c r="V3" s="437"/>
      <c r="W3" s="437"/>
      <c r="X3" s="437"/>
      <c r="Y3" s="437"/>
      <c r="Z3" s="437"/>
      <c r="AA3" s="437"/>
      <c r="AB3" s="437"/>
      <c r="AC3" s="437"/>
      <c r="AD3" s="437"/>
      <c r="AE3" s="437"/>
      <c r="AF3" s="437"/>
      <c r="AG3" s="437"/>
      <c r="AH3" s="437"/>
      <c r="AI3" s="437"/>
      <c r="AJ3" s="437"/>
      <c r="AK3" s="437"/>
      <c r="AL3" s="437"/>
      <c r="AM3" s="437"/>
      <c r="AN3" s="437"/>
      <c r="AO3" s="437"/>
      <c r="AP3" s="437"/>
      <c r="AQ3" s="437"/>
      <c r="AR3" s="437"/>
      <c r="AS3" s="437"/>
      <c r="AT3" s="437"/>
      <c r="AU3" s="437"/>
      <c r="AV3" s="437"/>
      <c r="AW3" s="437"/>
      <c r="AX3" s="437"/>
      <c r="AY3" s="437"/>
      <c r="AZ3" s="437"/>
      <c r="BA3" s="437"/>
      <c r="BB3" s="437"/>
      <c r="BC3" s="437"/>
      <c r="BD3" s="437"/>
      <c r="BE3" s="437"/>
      <c r="BF3" s="437"/>
      <c r="BG3" s="437"/>
      <c r="BH3" s="437"/>
      <c r="BI3" s="437"/>
      <c r="BJ3" s="437"/>
      <c r="BK3" s="437"/>
      <c r="BL3" s="437"/>
      <c r="BM3" s="437"/>
      <c r="BN3" s="437"/>
      <c r="BO3" s="437"/>
      <c r="BP3" s="437"/>
      <c r="BQ3" s="437"/>
      <c r="BR3" s="437"/>
      <c r="BS3" s="437"/>
      <c r="BT3" s="437"/>
      <c r="BU3" s="437"/>
      <c r="BV3" s="437"/>
      <c r="BW3" s="437"/>
      <c r="BX3" s="437"/>
      <c r="BY3" s="437"/>
      <c r="BZ3" s="437"/>
      <c r="CA3" s="437"/>
      <c r="CB3" s="437"/>
      <c r="CC3" s="437"/>
      <c r="CD3" s="437"/>
      <c r="CE3" s="437"/>
      <c r="CF3" s="437"/>
      <c r="CG3" s="437"/>
      <c r="CH3" s="437"/>
      <c r="CI3" s="437"/>
      <c r="CJ3" s="437"/>
      <c r="CK3" s="437"/>
      <c r="CL3" s="437"/>
      <c r="CM3" s="437"/>
      <c r="CN3" s="437"/>
      <c r="CO3" s="437"/>
      <c r="CP3" s="437"/>
      <c r="CQ3" s="437"/>
      <c r="CR3" s="437"/>
      <c r="CS3" s="437"/>
      <c r="CT3" s="437"/>
      <c r="CU3" s="437"/>
      <c r="CV3" s="437"/>
      <c r="CW3" s="437"/>
      <c r="CX3" s="437"/>
      <c r="CY3" s="437"/>
      <c r="CZ3" s="437"/>
      <c r="DA3" s="437"/>
      <c r="DB3" s="437"/>
      <c r="DC3" s="437"/>
      <c r="DD3" s="437"/>
      <c r="DE3" s="437"/>
      <c r="DF3" s="437"/>
      <c r="DG3" s="437"/>
      <c r="DH3" s="438"/>
      <c r="DI3" s="439" t="s">
        <v>117</v>
      </c>
      <c r="DJ3" s="440"/>
      <c r="DK3" s="440"/>
      <c r="DL3" s="440"/>
      <c r="DM3" s="440"/>
      <c r="DN3" s="440"/>
      <c r="DO3" s="440"/>
      <c r="DP3" s="440"/>
      <c r="DQ3" s="440"/>
      <c r="DR3" s="440"/>
      <c r="DS3" s="440"/>
      <c r="DT3" s="440"/>
      <c r="DU3" s="440"/>
      <c r="DV3" s="440"/>
      <c r="DW3" s="440"/>
      <c r="DX3" s="440"/>
      <c r="DY3" s="440"/>
      <c r="DZ3" s="440"/>
      <c r="EA3" s="440"/>
      <c r="EB3" s="440"/>
      <c r="EC3" s="440"/>
      <c r="ED3" s="440"/>
      <c r="EE3" s="440"/>
      <c r="EF3" s="440"/>
      <c r="EG3" s="440"/>
      <c r="EH3" s="440"/>
      <c r="EI3" s="440"/>
      <c r="EJ3" s="440"/>
      <c r="EK3" s="440"/>
      <c r="EL3" s="440"/>
      <c r="EM3" s="440"/>
      <c r="EN3" s="440"/>
      <c r="EO3" s="440"/>
      <c r="EP3" s="440"/>
      <c r="EQ3" s="440"/>
      <c r="ER3" s="440"/>
      <c r="ES3" s="440"/>
      <c r="ET3" s="440"/>
      <c r="EU3" s="440"/>
      <c r="EV3" s="440"/>
      <c r="EW3" s="440"/>
      <c r="EX3" s="440"/>
      <c r="EY3" s="440"/>
      <c r="EZ3" s="440"/>
      <c r="FA3" s="440"/>
      <c r="FB3" s="440"/>
      <c r="FC3" s="440"/>
      <c r="FD3" s="440"/>
      <c r="FE3" s="440"/>
      <c r="FF3" s="440"/>
      <c r="FG3" s="440"/>
      <c r="FH3" s="440"/>
      <c r="FI3" s="440"/>
      <c r="FJ3" s="440"/>
      <c r="FK3" s="440"/>
      <c r="FL3" s="440"/>
      <c r="FM3" s="440"/>
      <c r="FN3" s="440"/>
      <c r="FO3" s="440"/>
      <c r="FP3" s="440"/>
      <c r="FQ3" s="440"/>
      <c r="FR3" s="440"/>
      <c r="FS3" s="440"/>
      <c r="FT3" s="440"/>
      <c r="FU3" s="440"/>
      <c r="FV3" s="440"/>
      <c r="FW3" s="440"/>
      <c r="FX3" s="440"/>
      <c r="FY3" s="440"/>
      <c r="FZ3" s="440"/>
      <c r="GA3" s="440"/>
      <c r="GB3" s="440"/>
      <c r="GC3" s="440"/>
      <c r="GD3" s="440"/>
      <c r="GE3" s="440"/>
      <c r="GF3" s="440"/>
      <c r="GG3" s="440"/>
      <c r="GH3" s="440"/>
      <c r="GI3" s="440"/>
      <c r="GJ3" s="440"/>
      <c r="GK3" s="440"/>
      <c r="GL3" s="440"/>
      <c r="GM3" s="440"/>
      <c r="GN3" s="440"/>
      <c r="GO3" s="440"/>
      <c r="GP3" s="440"/>
      <c r="GQ3" s="440"/>
      <c r="GR3" s="440"/>
      <c r="GS3" s="440"/>
      <c r="GT3" s="440"/>
      <c r="GU3" s="440"/>
      <c r="GV3" s="440"/>
      <c r="GW3" s="440"/>
      <c r="GX3" s="440"/>
      <c r="GY3" s="440"/>
      <c r="GZ3" s="440"/>
      <c r="HA3" s="440"/>
      <c r="HB3" s="440"/>
      <c r="HC3" s="440"/>
      <c r="HD3" s="440"/>
      <c r="HE3" s="440"/>
      <c r="HF3" s="440"/>
      <c r="HG3" s="440"/>
      <c r="HH3" s="440"/>
      <c r="HI3" s="440"/>
      <c r="HJ3" s="440"/>
      <c r="HK3" s="440"/>
      <c r="HL3" s="440"/>
      <c r="HM3" s="440"/>
      <c r="HN3" s="441"/>
      <c r="HO3" s="539" t="s">
        <v>60</v>
      </c>
      <c r="HP3" s="540"/>
      <c r="HQ3" s="540"/>
      <c r="HR3" s="540"/>
      <c r="HS3" s="540"/>
      <c r="HT3" s="540"/>
      <c r="HU3" s="540"/>
      <c r="HV3" s="540"/>
      <c r="HW3" s="540"/>
      <c r="HX3" s="540"/>
      <c r="HY3" s="541"/>
    </row>
    <row r="4" spans="2:233" ht="21" customHeight="1" thickBot="1" x14ac:dyDescent="0.25">
      <c r="B4" s="560"/>
      <c r="C4" s="520"/>
      <c r="D4" s="521"/>
      <c r="E4" s="521"/>
      <c r="F4" s="521"/>
      <c r="G4" s="521"/>
      <c r="H4" s="521"/>
      <c r="I4" s="521"/>
      <c r="J4" s="521"/>
      <c r="K4" s="521"/>
      <c r="L4" s="521"/>
      <c r="M4" s="578"/>
      <c r="N4" s="536" t="s">
        <v>57</v>
      </c>
      <c r="O4" s="537"/>
      <c r="P4" s="537"/>
      <c r="Q4" s="537"/>
      <c r="R4" s="537"/>
      <c r="S4" s="537"/>
      <c r="T4" s="537"/>
      <c r="U4" s="537"/>
      <c r="V4" s="537"/>
      <c r="W4" s="537"/>
      <c r="X4" s="538"/>
      <c r="Y4" s="536" t="s">
        <v>58</v>
      </c>
      <c r="Z4" s="537"/>
      <c r="AA4" s="537"/>
      <c r="AB4" s="537"/>
      <c r="AC4" s="537"/>
      <c r="AD4" s="537"/>
      <c r="AE4" s="537"/>
      <c r="AF4" s="537"/>
      <c r="AG4" s="537"/>
      <c r="AH4" s="537"/>
      <c r="AI4" s="538"/>
      <c r="AJ4" s="536" t="s">
        <v>59</v>
      </c>
      <c r="AK4" s="537"/>
      <c r="AL4" s="537"/>
      <c r="AM4" s="537"/>
      <c r="AN4" s="537"/>
      <c r="AO4" s="537"/>
      <c r="AP4" s="537"/>
      <c r="AQ4" s="537"/>
      <c r="AR4" s="537"/>
      <c r="AS4" s="537"/>
      <c r="AT4" s="538"/>
      <c r="AU4" s="536" t="s">
        <v>148</v>
      </c>
      <c r="AV4" s="537"/>
      <c r="AW4" s="537"/>
      <c r="AX4" s="537"/>
      <c r="AY4" s="537"/>
      <c r="AZ4" s="537"/>
      <c r="BA4" s="537"/>
      <c r="BB4" s="537"/>
      <c r="BC4" s="537"/>
      <c r="BD4" s="537"/>
      <c r="BE4" s="538"/>
      <c r="BF4" s="536" t="s">
        <v>116</v>
      </c>
      <c r="BG4" s="537"/>
      <c r="BH4" s="537"/>
      <c r="BI4" s="537"/>
      <c r="BJ4" s="537"/>
      <c r="BK4" s="537"/>
      <c r="BL4" s="537"/>
      <c r="BM4" s="537"/>
      <c r="BN4" s="537"/>
      <c r="BO4" s="537"/>
      <c r="BP4" s="538"/>
      <c r="BQ4" s="536" t="s">
        <v>77</v>
      </c>
      <c r="BR4" s="537"/>
      <c r="BS4" s="537"/>
      <c r="BT4" s="537"/>
      <c r="BU4" s="537"/>
      <c r="BV4" s="537"/>
      <c r="BW4" s="537"/>
      <c r="BX4" s="537"/>
      <c r="BY4" s="537"/>
      <c r="BZ4" s="537"/>
      <c r="CA4" s="538"/>
      <c r="CB4" s="536" t="s">
        <v>78</v>
      </c>
      <c r="CC4" s="537"/>
      <c r="CD4" s="537"/>
      <c r="CE4" s="537"/>
      <c r="CF4" s="537"/>
      <c r="CG4" s="537"/>
      <c r="CH4" s="537"/>
      <c r="CI4" s="537"/>
      <c r="CJ4" s="537"/>
      <c r="CK4" s="537"/>
      <c r="CL4" s="538"/>
      <c r="CM4" s="536" t="s">
        <v>79</v>
      </c>
      <c r="CN4" s="537"/>
      <c r="CO4" s="537"/>
      <c r="CP4" s="537"/>
      <c r="CQ4" s="537"/>
      <c r="CR4" s="537"/>
      <c r="CS4" s="537"/>
      <c r="CT4" s="537"/>
      <c r="CU4" s="537"/>
      <c r="CV4" s="537"/>
      <c r="CW4" s="538"/>
      <c r="CX4" s="536" t="s">
        <v>149</v>
      </c>
      <c r="CY4" s="537"/>
      <c r="CZ4" s="537"/>
      <c r="DA4" s="537"/>
      <c r="DB4" s="537"/>
      <c r="DC4" s="537"/>
      <c r="DD4" s="537"/>
      <c r="DE4" s="537"/>
      <c r="DF4" s="537"/>
      <c r="DG4" s="537"/>
      <c r="DH4" s="538"/>
      <c r="DI4" s="520"/>
      <c r="DJ4" s="521"/>
      <c r="DK4" s="521"/>
      <c r="DL4" s="521"/>
      <c r="DM4" s="521"/>
      <c r="DN4" s="521"/>
      <c r="DO4" s="521"/>
      <c r="DP4" s="521"/>
      <c r="DQ4" s="521"/>
      <c r="DR4" s="521"/>
      <c r="DS4" s="522"/>
      <c r="DT4" s="536" t="s">
        <v>57</v>
      </c>
      <c r="DU4" s="537"/>
      <c r="DV4" s="537"/>
      <c r="DW4" s="537"/>
      <c r="DX4" s="537"/>
      <c r="DY4" s="537"/>
      <c r="DZ4" s="537"/>
      <c r="EA4" s="537"/>
      <c r="EB4" s="537"/>
      <c r="EC4" s="537"/>
      <c r="ED4" s="538"/>
      <c r="EE4" s="536" t="s">
        <v>58</v>
      </c>
      <c r="EF4" s="537"/>
      <c r="EG4" s="537"/>
      <c r="EH4" s="537"/>
      <c r="EI4" s="537"/>
      <c r="EJ4" s="537"/>
      <c r="EK4" s="537"/>
      <c r="EL4" s="537"/>
      <c r="EM4" s="537"/>
      <c r="EN4" s="537"/>
      <c r="EO4" s="538"/>
      <c r="EP4" s="536" t="s">
        <v>59</v>
      </c>
      <c r="EQ4" s="537"/>
      <c r="ER4" s="537"/>
      <c r="ES4" s="537"/>
      <c r="ET4" s="537"/>
      <c r="EU4" s="537"/>
      <c r="EV4" s="537"/>
      <c r="EW4" s="537"/>
      <c r="EX4" s="537"/>
      <c r="EY4" s="537"/>
      <c r="EZ4" s="538"/>
      <c r="FA4" s="536" t="s">
        <v>148</v>
      </c>
      <c r="FB4" s="537"/>
      <c r="FC4" s="537"/>
      <c r="FD4" s="537"/>
      <c r="FE4" s="537"/>
      <c r="FF4" s="537"/>
      <c r="FG4" s="537"/>
      <c r="FH4" s="537"/>
      <c r="FI4" s="537"/>
      <c r="FJ4" s="537"/>
      <c r="FK4" s="538"/>
      <c r="FL4" s="536" t="s">
        <v>116</v>
      </c>
      <c r="FM4" s="537"/>
      <c r="FN4" s="537"/>
      <c r="FO4" s="537"/>
      <c r="FP4" s="537"/>
      <c r="FQ4" s="537"/>
      <c r="FR4" s="537"/>
      <c r="FS4" s="537"/>
      <c r="FT4" s="537"/>
      <c r="FU4" s="537"/>
      <c r="FV4" s="538"/>
      <c r="FW4" s="536" t="s">
        <v>77</v>
      </c>
      <c r="FX4" s="537"/>
      <c r="FY4" s="537"/>
      <c r="FZ4" s="537"/>
      <c r="GA4" s="537"/>
      <c r="GB4" s="537"/>
      <c r="GC4" s="537"/>
      <c r="GD4" s="537"/>
      <c r="GE4" s="537"/>
      <c r="GF4" s="537"/>
      <c r="GG4" s="538"/>
      <c r="GH4" s="536" t="s">
        <v>78</v>
      </c>
      <c r="GI4" s="537"/>
      <c r="GJ4" s="537"/>
      <c r="GK4" s="537"/>
      <c r="GL4" s="537"/>
      <c r="GM4" s="537"/>
      <c r="GN4" s="537"/>
      <c r="GO4" s="537"/>
      <c r="GP4" s="537"/>
      <c r="GQ4" s="537"/>
      <c r="GR4" s="538"/>
      <c r="GS4" s="536" t="s">
        <v>79</v>
      </c>
      <c r="GT4" s="537"/>
      <c r="GU4" s="537"/>
      <c r="GV4" s="537"/>
      <c r="GW4" s="537"/>
      <c r="GX4" s="537"/>
      <c r="GY4" s="537"/>
      <c r="GZ4" s="537"/>
      <c r="HA4" s="537"/>
      <c r="HB4" s="537"/>
      <c r="HC4" s="538"/>
      <c r="HD4" s="536" t="s">
        <v>149</v>
      </c>
      <c r="HE4" s="537"/>
      <c r="HF4" s="537"/>
      <c r="HG4" s="537"/>
      <c r="HH4" s="537"/>
      <c r="HI4" s="537"/>
      <c r="HJ4" s="537"/>
      <c r="HK4" s="537"/>
      <c r="HL4" s="537"/>
      <c r="HM4" s="537"/>
      <c r="HN4" s="538"/>
      <c r="HO4" s="556"/>
      <c r="HP4" s="557"/>
      <c r="HQ4" s="557"/>
      <c r="HR4" s="557"/>
      <c r="HS4" s="557"/>
      <c r="HT4" s="557"/>
      <c r="HU4" s="557"/>
      <c r="HV4" s="557"/>
      <c r="HW4" s="557"/>
      <c r="HX4" s="557"/>
      <c r="HY4" s="558"/>
    </row>
    <row r="5" spans="2:233" ht="21" customHeight="1" x14ac:dyDescent="0.2">
      <c r="B5" s="560"/>
      <c r="C5" s="512" t="s">
        <v>61</v>
      </c>
      <c r="D5" s="513"/>
      <c r="E5" s="514"/>
      <c r="F5" s="561" t="s">
        <v>62</v>
      </c>
      <c r="G5" s="513"/>
      <c r="H5" s="513"/>
      <c r="I5" s="513"/>
      <c r="J5" s="513"/>
      <c r="K5" s="513"/>
      <c r="L5" s="562"/>
      <c r="M5" s="563" t="s">
        <v>52</v>
      </c>
      <c r="N5" s="520" t="s">
        <v>61</v>
      </c>
      <c r="O5" s="521"/>
      <c r="P5" s="522"/>
      <c r="Q5" s="543" t="s">
        <v>62</v>
      </c>
      <c r="R5" s="521"/>
      <c r="S5" s="521"/>
      <c r="T5" s="521"/>
      <c r="U5" s="521"/>
      <c r="V5" s="521"/>
      <c r="W5" s="544"/>
      <c r="X5" s="433" t="s">
        <v>52</v>
      </c>
      <c r="Y5" s="520" t="s">
        <v>61</v>
      </c>
      <c r="Z5" s="521"/>
      <c r="AA5" s="522"/>
      <c r="AB5" s="543" t="s">
        <v>62</v>
      </c>
      <c r="AC5" s="521"/>
      <c r="AD5" s="521"/>
      <c r="AE5" s="521"/>
      <c r="AF5" s="521"/>
      <c r="AG5" s="521"/>
      <c r="AH5" s="544"/>
      <c r="AI5" s="433" t="s">
        <v>52</v>
      </c>
      <c r="AJ5" s="520" t="s">
        <v>61</v>
      </c>
      <c r="AK5" s="521"/>
      <c r="AL5" s="522"/>
      <c r="AM5" s="543" t="s">
        <v>62</v>
      </c>
      <c r="AN5" s="521"/>
      <c r="AO5" s="521"/>
      <c r="AP5" s="521"/>
      <c r="AQ5" s="521"/>
      <c r="AR5" s="521"/>
      <c r="AS5" s="544"/>
      <c r="AT5" s="433" t="s">
        <v>52</v>
      </c>
      <c r="AU5" s="520" t="s">
        <v>61</v>
      </c>
      <c r="AV5" s="521"/>
      <c r="AW5" s="522"/>
      <c r="AX5" s="543" t="s">
        <v>62</v>
      </c>
      <c r="AY5" s="521"/>
      <c r="AZ5" s="521"/>
      <c r="BA5" s="521"/>
      <c r="BB5" s="521"/>
      <c r="BC5" s="521"/>
      <c r="BD5" s="544"/>
      <c r="BE5" s="433" t="s">
        <v>52</v>
      </c>
      <c r="BF5" s="520" t="s">
        <v>61</v>
      </c>
      <c r="BG5" s="521"/>
      <c r="BH5" s="522"/>
      <c r="BI5" s="543" t="s">
        <v>62</v>
      </c>
      <c r="BJ5" s="521"/>
      <c r="BK5" s="521"/>
      <c r="BL5" s="521"/>
      <c r="BM5" s="521"/>
      <c r="BN5" s="521"/>
      <c r="BO5" s="544"/>
      <c r="BP5" s="433" t="s">
        <v>52</v>
      </c>
      <c r="BQ5" s="520" t="s">
        <v>61</v>
      </c>
      <c r="BR5" s="521"/>
      <c r="BS5" s="522"/>
      <c r="BT5" s="543" t="s">
        <v>62</v>
      </c>
      <c r="BU5" s="521"/>
      <c r="BV5" s="521"/>
      <c r="BW5" s="521"/>
      <c r="BX5" s="521"/>
      <c r="BY5" s="521"/>
      <c r="BZ5" s="544"/>
      <c r="CA5" s="433" t="s">
        <v>52</v>
      </c>
      <c r="CB5" s="520" t="s">
        <v>61</v>
      </c>
      <c r="CC5" s="521"/>
      <c r="CD5" s="522"/>
      <c r="CE5" s="543" t="s">
        <v>62</v>
      </c>
      <c r="CF5" s="521"/>
      <c r="CG5" s="521"/>
      <c r="CH5" s="521"/>
      <c r="CI5" s="521"/>
      <c r="CJ5" s="521"/>
      <c r="CK5" s="544"/>
      <c r="CL5" s="433" t="s">
        <v>52</v>
      </c>
      <c r="CM5" s="520" t="s">
        <v>61</v>
      </c>
      <c r="CN5" s="521"/>
      <c r="CO5" s="522"/>
      <c r="CP5" s="543" t="s">
        <v>62</v>
      </c>
      <c r="CQ5" s="521"/>
      <c r="CR5" s="521"/>
      <c r="CS5" s="521"/>
      <c r="CT5" s="521"/>
      <c r="CU5" s="521"/>
      <c r="CV5" s="544"/>
      <c r="CW5" s="433" t="s">
        <v>52</v>
      </c>
      <c r="CX5" s="520" t="s">
        <v>61</v>
      </c>
      <c r="CY5" s="521"/>
      <c r="CZ5" s="522"/>
      <c r="DA5" s="543" t="s">
        <v>62</v>
      </c>
      <c r="DB5" s="521"/>
      <c r="DC5" s="521"/>
      <c r="DD5" s="521"/>
      <c r="DE5" s="521"/>
      <c r="DF5" s="521"/>
      <c r="DG5" s="544"/>
      <c r="DH5" s="433" t="s">
        <v>52</v>
      </c>
      <c r="DI5" s="512" t="s">
        <v>61</v>
      </c>
      <c r="DJ5" s="513"/>
      <c r="DK5" s="514"/>
      <c r="DL5" s="561" t="s">
        <v>62</v>
      </c>
      <c r="DM5" s="513"/>
      <c r="DN5" s="513"/>
      <c r="DO5" s="513"/>
      <c r="DP5" s="513"/>
      <c r="DQ5" s="513"/>
      <c r="DR5" s="562"/>
      <c r="DS5" s="516" t="s">
        <v>52</v>
      </c>
      <c r="DT5" s="520" t="s">
        <v>61</v>
      </c>
      <c r="DU5" s="521"/>
      <c r="DV5" s="522"/>
      <c r="DW5" s="543" t="s">
        <v>62</v>
      </c>
      <c r="DX5" s="521"/>
      <c r="DY5" s="521"/>
      <c r="DZ5" s="521"/>
      <c r="EA5" s="521"/>
      <c r="EB5" s="521"/>
      <c r="EC5" s="544"/>
      <c r="ED5" s="433" t="s">
        <v>52</v>
      </c>
      <c r="EE5" s="520" t="s">
        <v>61</v>
      </c>
      <c r="EF5" s="521"/>
      <c r="EG5" s="522"/>
      <c r="EH5" s="543" t="s">
        <v>62</v>
      </c>
      <c r="EI5" s="521"/>
      <c r="EJ5" s="521"/>
      <c r="EK5" s="521"/>
      <c r="EL5" s="521"/>
      <c r="EM5" s="521"/>
      <c r="EN5" s="544"/>
      <c r="EO5" s="433" t="s">
        <v>52</v>
      </c>
      <c r="EP5" s="520" t="s">
        <v>61</v>
      </c>
      <c r="EQ5" s="521"/>
      <c r="ER5" s="522"/>
      <c r="ES5" s="543" t="s">
        <v>62</v>
      </c>
      <c r="ET5" s="521"/>
      <c r="EU5" s="521"/>
      <c r="EV5" s="521"/>
      <c r="EW5" s="521"/>
      <c r="EX5" s="521"/>
      <c r="EY5" s="544"/>
      <c r="EZ5" s="433" t="s">
        <v>52</v>
      </c>
      <c r="FA5" s="520" t="s">
        <v>61</v>
      </c>
      <c r="FB5" s="521"/>
      <c r="FC5" s="522"/>
      <c r="FD5" s="543" t="s">
        <v>62</v>
      </c>
      <c r="FE5" s="521"/>
      <c r="FF5" s="521"/>
      <c r="FG5" s="521"/>
      <c r="FH5" s="521"/>
      <c r="FI5" s="521"/>
      <c r="FJ5" s="544"/>
      <c r="FK5" s="433" t="s">
        <v>52</v>
      </c>
      <c r="FL5" s="520" t="s">
        <v>61</v>
      </c>
      <c r="FM5" s="521"/>
      <c r="FN5" s="522"/>
      <c r="FO5" s="543" t="s">
        <v>62</v>
      </c>
      <c r="FP5" s="521"/>
      <c r="FQ5" s="521"/>
      <c r="FR5" s="521"/>
      <c r="FS5" s="521"/>
      <c r="FT5" s="521"/>
      <c r="FU5" s="544"/>
      <c r="FV5" s="433" t="s">
        <v>52</v>
      </c>
      <c r="FW5" s="520" t="s">
        <v>61</v>
      </c>
      <c r="FX5" s="521"/>
      <c r="FY5" s="522"/>
      <c r="FZ5" s="543" t="s">
        <v>62</v>
      </c>
      <c r="GA5" s="521"/>
      <c r="GB5" s="521"/>
      <c r="GC5" s="521"/>
      <c r="GD5" s="521"/>
      <c r="GE5" s="521"/>
      <c r="GF5" s="544"/>
      <c r="GG5" s="433" t="s">
        <v>52</v>
      </c>
      <c r="GH5" s="520" t="s">
        <v>61</v>
      </c>
      <c r="GI5" s="521"/>
      <c r="GJ5" s="522"/>
      <c r="GK5" s="543" t="s">
        <v>62</v>
      </c>
      <c r="GL5" s="521"/>
      <c r="GM5" s="521"/>
      <c r="GN5" s="521"/>
      <c r="GO5" s="521"/>
      <c r="GP5" s="521"/>
      <c r="GQ5" s="544"/>
      <c r="GR5" s="433" t="s">
        <v>52</v>
      </c>
      <c r="GS5" s="520" t="s">
        <v>61</v>
      </c>
      <c r="GT5" s="521"/>
      <c r="GU5" s="522"/>
      <c r="GV5" s="543" t="s">
        <v>62</v>
      </c>
      <c r="GW5" s="521"/>
      <c r="GX5" s="521"/>
      <c r="GY5" s="521"/>
      <c r="GZ5" s="521"/>
      <c r="HA5" s="521"/>
      <c r="HB5" s="544"/>
      <c r="HC5" s="433" t="s">
        <v>52</v>
      </c>
      <c r="HD5" s="520" t="s">
        <v>61</v>
      </c>
      <c r="HE5" s="521"/>
      <c r="HF5" s="522"/>
      <c r="HG5" s="543" t="s">
        <v>62</v>
      </c>
      <c r="HH5" s="521"/>
      <c r="HI5" s="521"/>
      <c r="HJ5" s="521"/>
      <c r="HK5" s="521"/>
      <c r="HL5" s="521"/>
      <c r="HM5" s="544"/>
      <c r="HN5" s="433" t="s">
        <v>52</v>
      </c>
      <c r="HO5" s="520" t="s">
        <v>61</v>
      </c>
      <c r="HP5" s="521"/>
      <c r="HQ5" s="522"/>
      <c r="HR5" s="543" t="s">
        <v>62</v>
      </c>
      <c r="HS5" s="521"/>
      <c r="HT5" s="521"/>
      <c r="HU5" s="521"/>
      <c r="HV5" s="521"/>
      <c r="HW5" s="521"/>
      <c r="HX5" s="544"/>
      <c r="HY5" s="433" t="s">
        <v>52</v>
      </c>
    </row>
    <row r="6" spans="2:233" ht="30" customHeight="1" thickBot="1" x14ac:dyDescent="0.25">
      <c r="B6" s="580"/>
      <c r="C6" s="73" t="s">
        <v>118</v>
      </c>
      <c r="D6" s="74" t="s">
        <v>44</v>
      </c>
      <c r="E6" s="250" t="s">
        <v>45</v>
      </c>
      <c r="F6" s="76" t="s">
        <v>83</v>
      </c>
      <c r="G6" s="74" t="s">
        <v>47</v>
      </c>
      <c r="H6" s="74" t="s">
        <v>48</v>
      </c>
      <c r="I6" s="74" t="s">
        <v>49</v>
      </c>
      <c r="J6" s="74" t="s">
        <v>50</v>
      </c>
      <c r="K6" s="74" t="s">
        <v>51</v>
      </c>
      <c r="L6" s="75" t="s">
        <v>45</v>
      </c>
      <c r="M6" s="532"/>
      <c r="N6" s="73" t="s">
        <v>118</v>
      </c>
      <c r="O6" s="74" t="s">
        <v>44</v>
      </c>
      <c r="P6" s="250" t="s">
        <v>45</v>
      </c>
      <c r="Q6" s="76" t="s">
        <v>83</v>
      </c>
      <c r="R6" s="74" t="s">
        <v>47</v>
      </c>
      <c r="S6" s="74" t="s">
        <v>48</v>
      </c>
      <c r="T6" s="74" t="s">
        <v>49</v>
      </c>
      <c r="U6" s="74" t="s">
        <v>50</v>
      </c>
      <c r="V6" s="74" t="s">
        <v>51</v>
      </c>
      <c r="W6" s="75" t="s">
        <v>45</v>
      </c>
      <c r="X6" s="532"/>
      <c r="Y6" s="73" t="s">
        <v>118</v>
      </c>
      <c r="Z6" s="74" t="s">
        <v>44</v>
      </c>
      <c r="AA6" s="250" t="s">
        <v>45</v>
      </c>
      <c r="AB6" s="76" t="s">
        <v>83</v>
      </c>
      <c r="AC6" s="74" t="s">
        <v>47</v>
      </c>
      <c r="AD6" s="74" t="s">
        <v>48</v>
      </c>
      <c r="AE6" s="74" t="s">
        <v>49</v>
      </c>
      <c r="AF6" s="74" t="s">
        <v>50</v>
      </c>
      <c r="AG6" s="74" t="s">
        <v>51</v>
      </c>
      <c r="AH6" s="75" t="s">
        <v>45</v>
      </c>
      <c r="AI6" s="532"/>
      <c r="AJ6" s="73" t="s">
        <v>118</v>
      </c>
      <c r="AK6" s="74" t="s">
        <v>44</v>
      </c>
      <c r="AL6" s="250" t="s">
        <v>45</v>
      </c>
      <c r="AM6" s="76" t="s">
        <v>83</v>
      </c>
      <c r="AN6" s="74" t="s">
        <v>47</v>
      </c>
      <c r="AO6" s="74" t="s">
        <v>48</v>
      </c>
      <c r="AP6" s="74" t="s">
        <v>49</v>
      </c>
      <c r="AQ6" s="74" t="s">
        <v>50</v>
      </c>
      <c r="AR6" s="74" t="s">
        <v>51</v>
      </c>
      <c r="AS6" s="75" t="s">
        <v>45</v>
      </c>
      <c r="AT6" s="532"/>
      <c r="AU6" s="73" t="s">
        <v>118</v>
      </c>
      <c r="AV6" s="74" t="s">
        <v>44</v>
      </c>
      <c r="AW6" s="250" t="s">
        <v>45</v>
      </c>
      <c r="AX6" s="76" t="s">
        <v>83</v>
      </c>
      <c r="AY6" s="74" t="s">
        <v>47</v>
      </c>
      <c r="AZ6" s="74" t="s">
        <v>48</v>
      </c>
      <c r="BA6" s="74" t="s">
        <v>49</v>
      </c>
      <c r="BB6" s="74" t="s">
        <v>50</v>
      </c>
      <c r="BC6" s="74" t="s">
        <v>51</v>
      </c>
      <c r="BD6" s="75" t="s">
        <v>45</v>
      </c>
      <c r="BE6" s="532"/>
      <c r="BF6" s="73" t="s">
        <v>118</v>
      </c>
      <c r="BG6" s="74" t="s">
        <v>44</v>
      </c>
      <c r="BH6" s="250" t="s">
        <v>45</v>
      </c>
      <c r="BI6" s="76" t="s">
        <v>83</v>
      </c>
      <c r="BJ6" s="74" t="s">
        <v>47</v>
      </c>
      <c r="BK6" s="74" t="s">
        <v>48</v>
      </c>
      <c r="BL6" s="74" t="s">
        <v>49</v>
      </c>
      <c r="BM6" s="74" t="s">
        <v>50</v>
      </c>
      <c r="BN6" s="74" t="s">
        <v>51</v>
      </c>
      <c r="BO6" s="75" t="s">
        <v>45</v>
      </c>
      <c r="BP6" s="532"/>
      <c r="BQ6" s="73" t="s">
        <v>118</v>
      </c>
      <c r="BR6" s="74" t="s">
        <v>44</v>
      </c>
      <c r="BS6" s="250" t="s">
        <v>45</v>
      </c>
      <c r="BT6" s="76" t="s">
        <v>83</v>
      </c>
      <c r="BU6" s="74" t="s">
        <v>47</v>
      </c>
      <c r="BV6" s="74" t="s">
        <v>48</v>
      </c>
      <c r="BW6" s="74" t="s">
        <v>49</v>
      </c>
      <c r="BX6" s="74" t="s">
        <v>50</v>
      </c>
      <c r="BY6" s="74" t="s">
        <v>51</v>
      </c>
      <c r="BZ6" s="75" t="s">
        <v>45</v>
      </c>
      <c r="CA6" s="532"/>
      <c r="CB6" s="73" t="s">
        <v>118</v>
      </c>
      <c r="CC6" s="74" t="s">
        <v>44</v>
      </c>
      <c r="CD6" s="250" t="s">
        <v>45</v>
      </c>
      <c r="CE6" s="76" t="s">
        <v>83</v>
      </c>
      <c r="CF6" s="74" t="s">
        <v>47</v>
      </c>
      <c r="CG6" s="74" t="s">
        <v>48</v>
      </c>
      <c r="CH6" s="74" t="s">
        <v>49</v>
      </c>
      <c r="CI6" s="74" t="s">
        <v>50</v>
      </c>
      <c r="CJ6" s="74" t="s">
        <v>51</v>
      </c>
      <c r="CK6" s="75" t="s">
        <v>45</v>
      </c>
      <c r="CL6" s="532"/>
      <c r="CM6" s="73" t="s">
        <v>118</v>
      </c>
      <c r="CN6" s="74" t="s">
        <v>44</v>
      </c>
      <c r="CO6" s="250" t="s">
        <v>45</v>
      </c>
      <c r="CP6" s="76" t="s">
        <v>83</v>
      </c>
      <c r="CQ6" s="74" t="s">
        <v>47</v>
      </c>
      <c r="CR6" s="74" t="s">
        <v>48</v>
      </c>
      <c r="CS6" s="74" t="s">
        <v>49</v>
      </c>
      <c r="CT6" s="74" t="s">
        <v>50</v>
      </c>
      <c r="CU6" s="74" t="s">
        <v>51</v>
      </c>
      <c r="CV6" s="75" t="s">
        <v>45</v>
      </c>
      <c r="CW6" s="532"/>
      <c r="CX6" s="73" t="s">
        <v>118</v>
      </c>
      <c r="CY6" s="74" t="s">
        <v>44</v>
      </c>
      <c r="CZ6" s="250" t="s">
        <v>45</v>
      </c>
      <c r="DA6" s="76" t="s">
        <v>83</v>
      </c>
      <c r="DB6" s="74" t="s">
        <v>47</v>
      </c>
      <c r="DC6" s="74" t="s">
        <v>48</v>
      </c>
      <c r="DD6" s="74" t="s">
        <v>49</v>
      </c>
      <c r="DE6" s="74" t="s">
        <v>50</v>
      </c>
      <c r="DF6" s="74" t="s">
        <v>51</v>
      </c>
      <c r="DG6" s="75" t="s">
        <v>45</v>
      </c>
      <c r="DH6" s="532"/>
      <c r="DI6" s="73" t="s">
        <v>118</v>
      </c>
      <c r="DJ6" s="74" t="s">
        <v>44</v>
      </c>
      <c r="DK6" s="250" t="s">
        <v>45</v>
      </c>
      <c r="DL6" s="76" t="s">
        <v>83</v>
      </c>
      <c r="DM6" s="74" t="s">
        <v>47</v>
      </c>
      <c r="DN6" s="74" t="s">
        <v>48</v>
      </c>
      <c r="DO6" s="74" t="s">
        <v>49</v>
      </c>
      <c r="DP6" s="74" t="s">
        <v>50</v>
      </c>
      <c r="DQ6" s="74" t="s">
        <v>51</v>
      </c>
      <c r="DR6" s="75" t="s">
        <v>45</v>
      </c>
      <c r="DS6" s="566"/>
      <c r="DT6" s="73" t="s">
        <v>118</v>
      </c>
      <c r="DU6" s="74" t="s">
        <v>44</v>
      </c>
      <c r="DV6" s="250" t="s">
        <v>45</v>
      </c>
      <c r="DW6" s="76" t="s">
        <v>83</v>
      </c>
      <c r="DX6" s="74" t="s">
        <v>47</v>
      </c>
      <c r="DY6" s="74" t="s">
        <v>48</v>
      </c>
      <c r="DZ6" s="74" t="s">
        <v>49</v>
      </c>
      <c r="EA6" s="74" t="s">
        <v>50</v>
      </c>
      <c r="EB6" s="74" t="s">
        <v>51</v>
      </c>
      <c r="EC6" s="75" t="s">
        <v>45</v>
      </c>
      <c r="ED6" s="532"/>
      <c r="EE6" s="73" t="s">
        <v>118</v>
      </c>
      <c r="EF6" s="74" t="s">
        <v>44</v>
      </c>
      <c r="EG6" s="250" t="s">
        <v>45</v>
      </c>
      <c r="EH6" s="76" t="s">
        <v>83</v>
      </c>
      <c r="EI6" s="74" t="s">
        <v>47</v>
      </c>
      <c r="EJ6" s="74" t="s">
        <v>48</v>
      </c>
      <c r="EK6" s="74" t="s">
        <v>49</v>
      </c>
      <c r="EL6" s="74" t="s">
        <v>50</v>
      </c>
      <c r="EM6" s="74" t="s">
        <v>51</v>
      </c>
      <c r="EN6" s="75" t="s">
        <v>45</v>
      </c>
      <c r="EO6" s="532"/>
      <c r="EP6" s="73" t="s">
        <v>118</v>
      </c>
      <c r="EQ6" s="74" t="s">
        <v>44</v>
      </c>
      <c r="ER6" s="250" t="s">
        <v>45</v>
      </c>
      <c r="ES6" s="76" t="s">
        <v>83</v>
      </c>
      <c r="ET6" s="74" t="s">
        <v>47</v>
      </c>
      <c r="EU6" s="74" t="s">
        <v>48</v>
      </c>
      <c r="EV6" s="74" t="s">
        <v>49</v>
      </c>
      <c r="EW6" s="74" t="s">
        <v>50</v>
      </c>
      <c r="EX6" s="74" t="s">
        <v>51</v>
      </c>
      <c r="EY6" s="75" t="s">
        <v>45</v>
      </c>
      <c r="EZ6" s="532"/>
      <c r="FA6" s="73" t="s">
        <v>118</v>
      </c>
      <c r="FB6" s="74" t="s">
        <v>44</v>
      </c>
      <c r="FC6" s="250" t="s">
        <v>45</v>
      </c>
      <c r="FD6" s="76" t="s">
        <v>83</v>
      </c>
      <c r="FE6" s="74" t="s">
        <v>47</v>
      </c>
      <c r="FF6" s="74" t="s">
        <v>48</v>
      </c>
      <c r="FG6" s="74" t="s">
        <v>49</v>
      </c>
      <c r="FH6" s="74" t="s">
        <v>50</v>
      </c>
      <c r="FI6" s="74" t="s">
        <v>51</v>
      </c>
      <c r="FJ6" s="75" t="s">
        <v>45</v>
      </c>
      <c r="FK6" s="532"/>
      <c r="FL6" s="73" t="s">
        <v>118</v>
      </c>
      <c r="FM6" s="74" t="s">
        <v>44</v>
      </c>
      <c r="FN6" s="250" t="s">
        <v>45</v>
      </c>
      <c r="FO6" s="76" t="s">
        <v>83</v>
      </c>
      <c r="FP6" s="74" t="s">
        <v>47</v>
      </c>
      <c r="FQ6" s="74" t="s">
        <v>48</v>
      </c>
      <c r="FR6" s="74" t="s">
        <v>49</v>
      </c>
      <c r="FS6" s="74" t="s">
        <v>50</v>
      </c>
      <c r="FT6" s="74" t="s">
        <v>51</v>
      </c>
      <c r="FU6" s="75" t="s">
        <v>45</v>
      </c>
      <c r="FV6" s="532"/>
      <c r="FW6" s="73" t="s">
        <v>118</v>
      </c>
      <c r="FX6" s="74" t="s">
        <v>44</v>
      </c>
      <c r="FY6" s="250" t="s">
        <v>45</v>
      </c>
      <c r="FZ6" s="76" t="s">
        <v>83</v>
      </c>
      <c r="GA6" s="74" t="s">
        <v>47</v>
      </c>
      <c r="GB6" s="74" t="s">
        <v>48</v>
      </c>
      <c r="GC6" s="74" t="s">
        <v>49</v>
      </c>
      <c r="GD6" s="74" t="s">
        <v>50</v>
      </c>
      <c r="GE6" s="74" t="s">
        <v>51</v>
      </c>
      <c r="GF6" s="75" t="s">
        <v>45</v>
      </c>
      <c r="GG6" s="532"/>
      <c r="GH6" s="73" t="s">
        <v>118</v>
      </c>
      <c r="GI6" s="74" t="s">
        <v>44</v>
      </c>
      <c r="GJ6" s="250" t="s">
        <v>45</v>
      </c>
      <c r="GK6" s="76" t="s">
        <v>83</v>
      </c>
      <c r="GL6" s="74" t="s">
        <v>47</v>
      </c>
      <c r="GM6" s="74" t="s">
        <v>48</v>
      </c>
      <c r="GN6" s="74" t="s">
        <v>49</v>
      </c>
      <c r="GO6" s="74" t="s">
        <v>50</v>
      </c>
      <c r="GP6" s="74" t="s">
        <v>51</v>
      </c>
      <c r="GQ6" s="75" t="s">
        <v>45</v>
      </c>
      <c r="GR6" s="532"/>
      <c r="GS6" s="73" t="s">
        <v>118</v>
      </c>
      <c r="GT6" s="74" t="s">
        <v>44</v>
      </c>
      <c r="GU6" s="250" t="s">
        <v>45</v>
      </c>
      <c r="GV6" s="76" t="s">
        <v>83</v>
      </c>
      <c r="GW6" s="74" t="s">
        <v>47</v>
      </c>
      <c r="GX6" s="74" t="s">
        <v>48</v>
      </c>
      <c r="GY6" s="74" t="s">
        <v>49</v>
      </c>
      <c r="GZ6" s="74" t="s">
        <v>50</v>
      </c>
      <c r="HA6" s="74" t="s">
        <v>51</v>
      </c>
      <c r="HB6" s="75" t="s">
        <v>45</v>
      </c>
      <c r="HC6" s="532"/>
      <c r="HD6" s="73" t="s">
        <v>118</v>
      </c>
      <c r="HE6" s="74" t="s">
        <v>44</v>
      </c>
      <c r="HF6" s="250" t="s">
        <v>45</v>
      </c>
      <c r="HG6" s="76" t="s">
        <v>83</v>
      </c>
      <c r="HH6" s="74" t="s">
        <v>47</v>
      </c>
      <c r="HI6" s="74" t="s">
        <v>48</v>
      </c>
      <c r="HJ6" s="74" t="s">
        <v>49</v>
      </c>
      <c r="HK6" s="74" t="s">
        <v>50</v>
      </c>
      <c r="HL6" s="74" t="s">
        <v>51</v>
      </c>
      <c r="HM6" s="75" t="s">
        <v>45</v>
      </c>
      <c r="HN6" s="532"/>
      <c r="HO6" s="73" t="s">
        <v>118</v>
      </c>
      <c r="HP6" s="74" t="s">
        <v>44</v>
      </c>
      <c r="HQ6" s="250" t="s">
        <v>45</v>
      </c>
      <c r="HR6" s="76" t="s">
        <v>83</v>
      </c>
      <c r="HS6" s="74" t="s">
        <v>47</v>
      </c>
      <c r="HT6" s="74" t="s">
        <v>48</v>
      </c>
      <c r="HU6" s="74" t="s">
        <v>49</v>
      </c>
      <c r="HV6" s="74" t="s">
        <v>50</v>
      </c>
      <c r="HW6" s="74" t="s">
        <v>51</v>
      </c>
      <c r="HX6" s="75" t="s">
        <v>45</v>
      </c>
      <c r="HY6" s="532"/>
    </row>
    <row r="7" spans="2:233" s="294" customFormat="1" ht="21" customHeight="1" x14ac:dyDescent="0.2">
      <c r="B7" s="84" t="s">
        <v>4</v>
      </c>
      <c r="C7" s="49">
        <v>16900</v>
      </c>
      <c r="D7" s="50">
        <v>93034</v>
      </c>
      <c r="E7" s="51">
        <v>109934</v>
      </c>
      <c r="F7" s="52">
        <v>0</v>
      </c>
      <c r="G7" s="50">
        <v>16852954</v>
      </c>
      <c r="H7" s="50">
        <v>38449876</v>
      </c>
      <c r="I7" s="50">
        <v>115702819</v>
      </c>
      <c r="J7" s="50">
        <v>156139135</v>
      </c>
      <c r="K7" s="50">
        <v>92597826</v>
      </c>
      <c r="L7" s="53">
        <v>419742610</v>
      </c>
      <c r="M7" s="54">
        <v>419852544</v>
      </c>
      <c r="N7" s="49">
        <v>0</v>
      </c>
      <c r="O7" s="50">
        <v>0</v>
      </c>
      <c r="P7" s="51">
        <v>0</v>
      </c>
      <c r="Q7" s="402">
        <v>0</v>
      </c>
      <c r="R7" s="50">
        <v>4277375</v>
      </c>
      <c r="S7" s="50">
        <v>14721285</v>
      </c>
      <c r="T7" s="50">
        <v>79119677</v>
      </c>
      <c r="U7" s="50">
        <v>115426316</v>
      </c>
      <c r="V7" s="50">
        <v>70587540</v>
      </c>
      <c r="W7" s="53">
        <v>284132193</v>
      </c>
      <c r="X7" s="54">
        <v>284132193</v>
      </c>
      <c r="Y7" s="49">
        <v>0</v>
      </c>
      <c r="Z7" s="50">
        <v>0</v>
      </c>
      <c r="AA7" s="51">
        <v>0</v>
      </c>
      <c r="AB7" s="402">
        <v>0</v>
      </c>
      <c r="AC7" s="50">
        <v>10351454</v>
      </c>
      <c r="AD7" s="50">
        <v>19325073</v>
      </c>
      <c r="AE7" s="50">
        <v>26638353</v>
      </c>
      <c r="AF7" s="50">
        <v>30766166</v>
      </c>
      <c r="AG7" s="50">
        <v>14343361</v>
      </c>
      <c r="AH7" s="53">
        <v>101424407</v>
      </c>
      <c r="AI7" s="54">
        <v>101424407</v>
      </c>
      <c r="AJ7" s="49">
        <v>0</v>
      </c>
      <c r="AK7" s="50">
        <v>0</v>
      </c>
      <c r="AL7" s="51">
        <v>0</v>
      </c>
      <c r="AM7" s="402">
        <v>0</v>
      </c>
      <c r="AN7" s="50">
        <v>0</v>
      </c>
      <c r="AO7" s="50">
        <v>0</v>
      </c>
      <c r="AP7" s="50">
        <v>0</v>
      </c>
      <c r="AQ7" s="50">
        <v>0</v>
      </c>
      <c r="AR7" s="50">
        <v>0</v>
      </c>
      <c r="AS7" s="53">
        <v>0</v>
      </c>
      <c r="AT7" s="54">
        <v>0</v>
      </c>
      <c r="AU7" s="49">
        <v>0</v>
      </c>
      <c r="AV7" s="50">
        <v>0</v>
      </c>
      <c r="AW7" s="51">
        <v>0</v>
      </c>
      <c r="AX7" s="402">
        <v>0</v>
      </c>
      <c r="AY7" s="50">
        <v>223335</v>
      </c>
      <c r="AZ7" s="50">
        <v>192600</v>
      </c>
      <c r="BA7" s="50">
        <v>300615</v>
      </c>
      <c r="BB7" s="50">
        <v>2304630</v>
      </c>
      <c r="BC7" s="50">
        <v>3052305</v>
      </c>
      <c r="BD7" s="53">
        <v>6073485</v>
      </c>
      <c r="BE7" s="54">
        <v>6073485</v>
      </c>
      <c r="BF7" s="49">
        <v>0</v>
      </c>
      <c r="BG7" s="50">
        <v>0</v>
      </c>
      <c r="BH7" s="51">
        <v>0</v>
      </c>
      <c r="BI7" s="402">
        <v>0</v>
      </c>
      <c r="BJ7" s="50">
        <v>68400</v>
      </c>
      <c r="BK7" s="50">
        <v>232200</v>
      </c>
      <c r="BL7" s="50">
        <v>1450390</v>
      </c>
      <c r="BM7" s="50">
        <v>1565290</v>
      </c>
      <c r="BN7" s="50">
        <v>1117730</v>
      </c>
      <c r="BO7" s="53">
        <v>4434010</v>
      </c>
      <c r="BP7" s="54">
        <v>4434010</v>
      </c>
      <c r="BQ7" s="49">
        <v>16305</v>
      </c>
      <c r="BR7" s="50">
        <v>91629</v>
      </c>
      <c r="BS7" s="51">
        <v>107934</v>
      </c>
      <c r="BT7" s="52">
        <v>0</v>
      </c>
      <c r="BU7" s="50">
        <v>1824227</v>
      </c>
      <c r="BV7" s="50">
        <v>3778674</v>
      </c>
      <c r="BW7" s="50">
        <v>7887964</v>
      </c>
      <c r="BX7" s="50">
        <v>5789892</v>
      </c>
      <c r="BY7" s="50">
        <v>3284372</v>
      </c>
      <c r="BZ7" s="53">
        <v>22565129</v>
      </c>
      <c r="CA7" s="54">
        <v>22673063</v>
      </c>
      <c r="CB7" s="49">
        <v>595</v>
      </c>
      <c r="CC7" s="50">
        <v>1405</v>
      </c>
      <c r="CD7" s="51">
        <v>2000</v>
      </c>
      <c r="CE7" s="52">
        <v>0</v>
      </c>
      <c r="CF7" s="50">
        <v>108163</v>
      </c>
      <c r="CG7" s="50">
        <v>200044</v>
      </c>
      <c r="CH7" s="50">
        <v>305820</v>
      </c>
      <c r="CI7" s="50">
        <v>286841</v>
      </c>
      <c r="CJ7" s="50">
        <v>212518</v>
      </c>
      <c r="CK7" s="53">
        <v>1113386</v>
      </c>
      <c r="CL7" s="54">
        <v>1115386</v>
      </c>
      <c r="CM7" s="49">
        <v>0</v>
      </c>
      <c r="CN7" s="50">
        <v>0</v>
      </c>
      <c r="CO7" s="51">
        <v>0</v>
      </c>
      <c r="CP7" s="52">
        <v>0</v>
      </c>
      <c r="CQ7" s="50">
        <v>0</v>
      </c>
      <c r="CR7" s="50">
        <v>0</v>
      </c>
      <c r="CS7" s="50">
        <v>0</v>
      </c>
      <c r="CT7" s="50">
        <v>0</v>
      </c>
      <c r="CU7" s="50">
        <v>0</v>
      </c>
      <c r="CV7" s="53">
        <v>0</v>
      </c>
      <c r="CW7" s="54">
        <v>0</v>
      </c>
      <c r="CX7" s="49">
        <v>0</v>
      </c>
      <c r="CY7" s="50">
        <v>0</v>
      </c>
      <c r="CZ7" s="51">
        <v>0</v>
      </c>
      <c r="DA7" s="402">
        <v>0</v>
      </c>
      <c r="DB7" s="50">
        <v>0</v>
      </c>
      <c r="DC7" s="50">
        <v>0</v>
      </c>
      <c r="DD7" s="50">
        <v>0</v>
      </c>
      <c r="DE7" s="50">
        <v>0</v>
      </c>
      <c r="DF7" s="50">
        <v>0</v>
      </c>
      <c r="DG7" s="53">
        <v>0</v>
      </c>
      <c r="DH7" s="54">
        <v>0</v>
      </c>
      <c r="DI7" s="49">
        <v>31861</v>
      </c>
      <c r="DJ7" s="50">
        <v>155760</v>
      </c>
      <c r="DK7" s="51">
        <v>187621</v>
      </c>
      <c r="DL7" s="52">
        <v>0</v>
      </c>
      <c r="DM7" s="50">
        <v>11219385</v>
      </c>
      <c r="DN7" s="50">
        <v>32603186</v>
      </c>
      <c r="DO7" s="50">
        <v>133694008</v>
      </c>
      <c r="DP7" s="50">
        <v>174153752</v>
      </c>
      <c r="DQ7" s="50">
        <v>102602084</v>
      </c>
      <c r="DR7" s="53">
        <v>454272415</v>
      </c>
      <c r="DS7" s="55">
        <v>454460036</v>
      </c>
      <c r="DT7" s="49">
        <v>0</v>
      </c>
      <c r="DU7" s="50">
        <v>0</v>
      </c>
      <c r="DV7" s="51">
        <v>0</v>
      </c>
      <c r="DW7" s="402">
        <v>0</v>
      </c>
      <c r="DX7" s="50">
        <v>5729469</v>
      </c>
      <c r="DY7" s="50">
        <v>20756639</v>
      </c>
      <c r="DZ7" s="50">
        <v>111731022</v>
      </c>
      <c r="EA7" s="50">
        <v>153130410</v>
      </c>
      <c r="EB7" s="50">
        <v>91242676</v>
      </c>
      <c r="EC7" s="53">
        <v>382590216</v>
      </c>
      <c r="ED7" s="54">
        <v>382590216</v>
      </c>
      <c r="EE7" s="49">
        <v>0</v>
      </c>
      <c r="EF7" s="50">
        <v>0</v>
      </c>
      <c r="EG7" s="51">
        <v>0</v>
      </c>
      <c r="EH7" s="402">
        <v>0</v>
      </c>
      <c r="EI7" s="50">
        <v>2433213</v>
      </c>
      <c r="EJ7" s="50">
        <v>5245188</v>
      </c>
      <c r="EK7" s="50">
        <v>6782300</v>
      </c>
      <c r="EL7" s="50">
        <v>7090581</v>
      </c>
      <c r="EM7" s="50">
        <v>3441226</v>
      </c>
      <c r="EN7" s="53">
        <v>24992508</v>
      </c>
      <c r="EO7" s="54">
        <v>24992508</v>
      </c>
      <c r="EP7" s="49">
        <v>0</v>
      </c>
      <c r="EQ7" s="50">
        <v>0</v>
      </c>
      <c r="ER7" s="51">
        <v>0</v>
      </c>
      <c r="ES7" s="402">
        <v>0</v>
      </c>
      <c r="ET7" s="50">
        <v>0</v>
      </c>
      <c r="EU7" s="50">
        <v>0</v>
      </c>
      <c r="EV7" s="50">
        <v>0</v>
      </c>
      <c r="EW7" s="50">
        <v>0</v>
      </c>
      <c r="EX7" s="50">
        <v>0</v>
      </c>
      <c r="EY7" s="53">
        <v>0</v>
      </c>
      <c r="EZ7" s="54">
        <v>0</v>
      </c>
      <c r="FA7" s="49">
        <v>0</v>
      </c>
      <c r="FB7" s="50">
        <v>0</v>
      </c>
      <c r="FC7" s="51">
        <v>0</v>
      </c>
      <c r="FD7" s="402">
        <v>0</v>
      </c>
      <c r="FE7" s="50">
        <v>46662</v>
      </c>
      <c r="FF7" s="50">
        <v>27480</v>
      </c>
      <c r="FG7" s="50">
        <v>53738</v>
      </c>
      <c r="FH7" s="50">
        <v>430781</v>
      </c>
      <c r="FI7" s="50">
        <v>619273</v>
      </c>
      <c r="FJ7" s="53">
        <v>1177934</v>
      </c>
      <c r="FK7" s="54">
        <v>1177934</v>
      </c>
      <c r="FL7" s="49">
        <v>0</v>
      </c>
      <c r="FM7" s="50">
        <v>0</v>
      </c>
      <c r="FN7" s="51">
        <v>0</v>
      </c>
      <c r="FO7" s="402">
        <v>0</v>
      </c>
      <c r="FP7" s="50">
        <v>112920</v>
      </c>
      <c r="FQ7" s="50">
        <v>328290</v>
      </c>
      <c r="FR7" s="50">
        <v>2406635</v>
      </c>
      <c r="FS7" s="50">
        <v>2960478</v>
      </c>
      <c r="FT7" s="50">
        <v>1871668</v>
      </c>
      <c r="FU7" s="53">
        <v>7679991</v>
      </c>
      <c r="FV7" s="54">
        <v>7679991</v>
      </c>
      <c r="FW7" s="49">
        <v>30759</v>
      </c>
      <c r="FX7" s="50">
        <v>155760</v>
      </c>
      <c r="FY7" s="51">
        <v>186519</v>
      </c>
      <c r="FZ7" s="52">
        <v>0</v>
      </c>
      <c r="GA7" s="50">
        <v>2832568</v>
      </c>
      <c r="GB7" s="50">
        <v>6109318</v>
      </c>
      <c r="GC7" s="50">
        <v>12571769</v>
      </c>
      <c r="GD7" s="50">
        <v>10378172</v>
      </c>
      <c r="GE7" s="50">
        <v>5265235</v>
      </c>
      <c r="GF7" s="53">
        <v>37157062</v>
      </c>
      <c r="GG7" s="54">
        <v>37343581</v>
      </c>
      <c r="GH7" s="49">
        <v>1102</v>
      </c>
      <c r="GI7" s="50">
        <v>0</v>
      </c>
      <c r="GJ7" s="51">
        <v>1102</v>
      </c>
      <c r="GK7" s="52">
        <v>0</v>
      </c>
      <c r="GL7" s="50">
        <v>64553</v>
      </c>
      <c r="GM7" s="50">
        <v>136271</v>
      </c>
      <c r="GN7" s="50">
        <v>148544</v>
      </c>
      <c r="GO7" s="50">
        <v>163330</v>
      </c>
      <c r="GP7" s="50">
        <v>162006</v>
      </c>
      <c r="GQ7" s="53">
        <v>674704</v>
      </c>
      <c r="GR7" s="54">
        <v>675806</v>
      </c>
      <c r="GS7" s="49">
        <v>0</v>
      </c>
      <c r="GT7" s="50">
        <v>0</v>
      </c>
      <c r="GU7" s="51">
        <v>0</v>
      </c>
      <c r="GV7" s="52">
        <v>0</v>
      </c>
      <c r="GW7" s="50">
        <v>0</v>
      </c>
      <c r="GX7" s="50">
        <v>0</v>
      </c>
      <c r="GY7" s="50">
        <v>0</v>
      </c>
      <c r="GZ7" s="50">
        <v>0</v>
      </c>
      <c r="HA7" s="50">
        <v>0</v>
      </c>
      <c r="HB7" s="53">
        <v>0</v>
      </c>
      <c r="HC7" s="54">
        <v>0</v>
      </c>
      <c r="HD7" s="49">
        <v>0</v>
      </c>
      <c r="HE7" s="50">
        <v>0</v>
      </c>
      <c r="HF7" s="51">
        <v>0</v>
      </c>
      <c r="HG7" s="402">
        <v>0</v>
      </c>
      <c r="HH7" s="50">
        <v>0</v>
      </c>
      <c r="HI7" s="50">
        <v>0</v>
      </c>
      <c r="HJ7" s="50">
        <v>0</v>
      </c>
      <c r="HK7" s="50">
        <v>0</v>
      </c>
      <c r="HL7" s="50">
        <v>0</v>
      </c>
      <c r="HM7" s="53">
        <v>0</v>
      </c>
      <c r="HN7" s="54">
        <v>0</v>
      </c>
      <c r="HO7" s="49">
        <v>48761</v>
      </c>
      <c r="HP7" s="50">
        <v>248794</v>
      </c>
      <c r="HQ7" s="51">
        <v>297555</v>
      </c>
      <c r="HR7" s="52">
        <v>0</v>
      </c>
      <c r="HS7" s="50">
        <v>28072339</v>
      </c>
      <c r="HT7" s="50">
        <v>71053062</v>
      </c>
      <c r="HU7" s="50">
        <v>249396827</v>
      </c>
      <c r="HV7" s="50">
        <v>330292887</v>
      </c>
      <c r="HW7" s="50">
        <v>195199910</v>
      </c>
      <c r="HX7" s="53">
        <v>874015025</v>
      </c>
      <c r="HY7" s="54">
        <v>874312580</v>
      </c>
    </row>
    <row r="8" spans="2:233" s="294" customFormat="1" ht="21" customHeight="1" x14ac:dyDescent="0.2">
      <c r="B8" s="95" t="s">
        <v>5</v>
      </c>
      <c r="C8" s="56">
        <v>6160</v>
      </c>
      <c r="D8" s="57">
        <v>40608</v>
      </c>
      <c r="E8" s="58">
        <v>46768</v>
      </c>
      <c r="F8" s="59">
        <v>0</v>
      </c>
      <c r="G8" s="57">
        <v>6075646</v>
      </c>
      <c r="H8" s="57">
        <v>19560065</v>
      </c>
      <c r="I8" s="57">
        <v>49992774</v>
      </c>
      <c r="J8" s="57">
        <v>65036367</v>
      </c>
      <c r="K8" s="57">
        <v>40128227</v>
      </c>
      <c r="L8" s="60">
        <v>180793079</v>
      </c>
      <c r="M8" s="61">
        <v>180839847</v>
      </c>
      <c r="N8" s="56">
        <v>0</v>
      </c>
      <c r="O8" s="57">
        <v>0</v>
      </c>
      <c r="P8" s="58">
        <v>0</v>
      </c>
      <c r="Q8" s="403">
        <v>0</v>
      </c>
      <c r="R8" s="57">
        <v>2287860</v>
      </c>
      <c r="S8" s="57">
        <v>9689443</v>
      </c>
      <c r="T8" s="57">
        <v>34715216</v>
      </c>
      <c r="U8" s="57">
        <v>48969097</v>
      </c>
      <c r="V8" s="57">
        <v>30681264</v>
      </c>
      <c r="W8" s="60">
        <v>126342880</v>
      </c>
      <c r="X8" s="61">
        <v>126342880</v>
      </c>
      <c r="Y8" s="56">
        <v>0</v>
      </c>
      <c r="Z8" s="57">
        <v>0</v>
      </c>
      <c r="AA8" s="58">
        <v>0</v>
      </c>
      <c r="AB8" s="403">
        <v>0</v>
      </c>
      <c r="AC8" s="57">
        <v>3215253</v>
      </c>
      <c r="AD8" s="57">
        <v>8131490</v>
      </c>
      <c r="AE8" s="57">
        <v>11880811</v>
      </c>
      <c r="AF8" s="57">
        <v>13247611</v>
      </c>
      <c r="AG8" s="57">
        <v>6982462</v>
      </c>
      <c r="AH8" s="60">
        <v>43457627</v>
      </c>
      <c r="AI8" s="61">
        <v>43457627</v>
      </c>
      <c r="AJ8" s="56">
        <v>0</v>
      </c>
      <c r="AK8" s="57">
        <v>0</v>
      </c>
      <c r="AL8" s="58">
        <v>0</v>
      </c>
      <c r="AM8" s="403">
        <v>0</v>
      </c>
      <c r="AN8" s="57">
        <v>0</v>
      </c>
      <c r="AO8" s="57">
        <v>0</v>
      </c>
      <c r="AP8" s="57">
        <v>0</v>
      </c>
      <c r="AQ8" s="57">
        <v>0</v>
      </c>
      <c r="AR8" s="57">
        <v>0</v>
      </c>
      <c r="AS8" s="60">
        <v>0</v>
      </c>
      <c r="AT8" s="61">
        <v>0</v>
      </c>
      <c r="AU8" s="56">
        <v>0</v>
      </c>
      <c r="AV8" s="57">
        <v>0</v>
      </c>
      <c r="AW8" s="58">
        <v>0</v>
      </c>
      <c r="AX8" s="403">
        <v>0</v>
      </c>
      <c r="AY8" s="57">
        <v>23850</v>
      </c>
      <c r="AZ8" s="57">
        <v>0</v>
      </c>
      <c r="BA8" s="57">
        <v>34050</v>
      </c>
      <c r="BB8" s="57">
        <v>562005</v>
      </c>
      <c r="BC8" s="57">
        <v>704665</v>
      </c>
      <c r="BD8" s="60">
        <v>1324570</v>
      </c>
      <c r="BE8" s="61">
        <v>1324570</v>
      </c>
      <c r="BF8" s="56">
        <v>0</v>
      </c>
      <c r="BG8" s="57">
        <v>0</v>
      </c>
      <c r="BH8" s="58">
        <v>0</v>
      </c>
      <c r="BI8" s="403">
        <v>0</v>
      </c>
      <c r="BJ8" s="57">
        <v>34200</v>
      </c>
      <c r="BK8" s="57">
        <v>134850</v>
      </c>
      <c r="BL8" s="57">
        <v>213575</v>
      </c>
      <c r="BM8" s="57">
        <v>153005</v>
      </c>
      <c r="BN8" s="57">
        <v>230645</v>
      </c>
      <c r="BO8" s="60">
        <v>766275</v>
      </c>
      <c r="BP8" s="61">
        <v>766275</v>
      </c>
      <c r="BQ8" s="56">
        <v>5565</v>
      </c>
      <c r="BR8" s="57">
        <v>39203</v>
      </c>
      <c r="BS8" s="58">
        <v>44768</v>
      </c>
      <c r="BT8" s="59">
        <v>0</v>
      </c>
      <c r="BU8" s="57">
        <v>481847</v>
      </c>
      <c r="BV8" s="57">
        <v>1491276</v>
      </c>
      <c r="BW8" s="57">
        <v>2979149</v>
      </c>
      <c r="BX8" s="57">
        <v>1951986</v>
      </c>
      <c r="BY8" s="57">
        <v>1445145</v>
      </c>
      <c r="BZ8" s="60">
        <v>8349403</v>
      </c>
      <c r="CA8" s="61">
        <v>8394171</v>
      </c>
      <c r="CB8" s="56">
        <v>595</v>
      </c>
      <c r="CC8" s="57">
        <v>1405</v>
      </c>
      <c r="CD8" s="58">
        <v>2000</v>
      </c>
      <c r="CE8" s="59">
        <v>0</v>
      </c>
      <c r="CF8" s="57">
        <v>32636</v>
      </c>
      <c r="CG8" s="57">
        <v>113006</v>
      </c>
      <c r="CH8" s="57">
        <v>169973</v>
      </c>
      <c r="CI8" s="57">
        <v>152663</v>
      </c>
      <c r="CJ8" s="57">
        <v>84046</v>
      </c>
      <c r="CK8" s="60">
        <v>552324</v>
      </c>
      <c r="CL8" s="61">
        <v>554324</v>
      </c>
      <c r="CM8" s="56">
        <v>0</v>
      </c>
      <c r="CN8" s="57">
        <v>0</v>
      </c>
      <c r="CO8" s="58">
        <v>0</v>
      </c>
      <c r="CP8" s="59">
        <v>0</v>
      </c>
      <c r="CQ8" s="57">
        <v>0</v>
      </c>
      <c r="CR8" s="57">
        <v>0</v>
      </c>
      <c r="CS8" s="57">
        <v>0</v>
      </c>
      <c r="CT8" s="57">
        <v>0</v>
      </c>
      <c r="CU8" s="57">
        <v>0</v>
      </c>
      <c r="CV8" s="60">
        <v>0</v>
      </c>
      <c r="CW8" s="61">
        <v>0</v>
      </c>
      <c r="CX8" s="56">
        <v>0</v>
      </c>
      <c r="CY8" s="57">
        <v>0</v>
      </c>
      <c r="CZ8" s="58">
        <v>0</v>
      </c>
      <c r="DA8" s="403">
        <v>0</v>
      </c>
      <c r="DB8" s="57">
        <v>0</v>
      </c>
      <c r="DC8" s="57">
        <v>0</v>
      </c>
      <c r="DD8" s="57">
        <v>0</v>
      </c>
      <c r="DE8" s="57">
        <v>0</v>
      </c>
      <c r="DF8" s="57">
        <v>0</v>
      </c>
      <c r="DG8" s="60">
        <v>0</v>
      </c>
      <c r="DH8" s="61">
        <v>0</v>
      </c>
      <c r="DI8" s="56">
        <v>17176</v>
      </c>
      <c r="DJ8" s="57">
        <v>58343</v>
      </c>
      <c r="DK8" s="58">
        <v>75519</v>
      </c>
      <c r="DL8" s="59">
        <v>0</v>
      </c>
      <c r="DM8" s="57">
        <v>5465628</v>
      </c>
      <c r="DN8" s="57">
        <v>19995914</v>
      </c>
      <c r="DO8" s="57">
        <v>58563678</v>
      </c>
      <c r="DP8" s="57">
        <v>71227054</v>
      </c>
      <c r="DQ8" s="57">
        <v>43911669</v>
      </c>
      <c r="DR8" s="60">
        <v>199163943</v>
      </c>
      <c r="DS8" s="62">
        <v>199239462</v>
      </c>
      <c r="DT8" s="56">
        <v>0</v>
      </c>
      <c r="DU8" s="57">
        <v>0</v>
      </c>
      <c r="DV8" s="58">
        <v>0</v>
      </c>
      <c r="DW8" s="403">
        <v>0</v>
      </c>
      <c r="DX8" s="57">
        <v>3367280</v>
      </c>
      <c r="DY8" s="57">
        <v>14200557</v>
      </c>
      <c r="DZ8" s="57">
        <v>49402716</v>
      </c>
      <c r="EA8" s="57">
        <v>63346958</v>
      </c>
      <c r="EB8" s="57">
        <v>38783694</v>
      </c>
      <c r="EC8" s="60">
        <v>169101205</v>
      </c>
      <c r="ED8" s="61">
        <v>169101205</v>
      </c>
      <c r="EE8" s="56">
        <v>0</v>
      </c>
      <c r="EF8" s="57">
        <v>0</v>
      </c>
      <c r="EG8" s="58">
        <v>0</v>
      </c>
      <c r="EH8" s="403">
        <v>0</v>
      </c>
      <c r="EI8" s="57">
        <v>1126810</v>
      </c>
      <c r="EJ8" s="57">
        <v>3054253</v>
      </c>
      <c r="EK8" s="57">
        <v>3825283</v>
      </c>
      <c r="EL8" s="57">
        <v>3845852</v>
      </c>
      <c r="EM8" s="57">
        <v>2181660</v>
      </c>
      <c r="EN8" s="60">
        <v>14033858</v>
      </c>
      <c r="EO8" s="61">
        <v>14033858</v>
      </c>
      <c r="EP8" s="56">
        <v>0</v>
      </c>
      <c r="EQ8" s="57">
        <v>0</v>
      </c>
      <c r="ER8" s="58">
        <v>0</v>
      </c>
      <c r="ES8" s="403">
        <v>0</v>
      </c>
      <c r="ET8" s="57">
        <v>0</v>
      </c>
      <c r="EU8" s="57">
        <v>0</v>
      </c>
      <c r="EV8" s="57">
        <v>0</v>
      </c>
      <c r="EW8" s="57">
        <v>0</v>
      </c>
      <c r="EX8" s="57">
        <v>0</v>
      </c>
      <c r="EY8" s="60">
        <v>0</v>
      </c>
      <c r="EZ8" s="61">
        <v>0</v>
      </c>
      <c r="FA8" s="56">
        <v>0</v>
      </c>
      <c r="FB8" s="57">
        <v>0</v>
      </c>
      <c r="FC8" s="58">
        <v>0</v>
      </c>
      <c r="FD8" s="403">
        <v>0</v>
      </c>
      <c r="FE8" s="57">
        <v>210</v>
      </c>
      <c r="FF8" s="57">
        <v>0</v>
      </c>
      <c r="FG8" s="57">
        <v>11580</v>
      </c>
      <c r="FH8" s="57">
        <v>122213</v>
      </c>
      <c r="FI8" s="57">
        <v>220026</v>
      </c>
      <c r="FJ8" s="60">
        <v>354029</v>
      </c>
      <c r="FK8" s="61">
        <v>354029</v>
      </c>
      <c r="FL8" s="56">
        <v>0</v>
      </c>
      <c r="FM8" s="57">
        <v>0</v>
      </c>
      <c r="FN8" s="58">
        <v>0</v>
      </c>
      <c r="FO8" s="403">
        <v>0</v>
      </c>
      <c r="FP8" s="57">
        <v>56460</v>
      </c>
      <c r="FQ8" s="57">
        <v>133800</v>
      </c>
      <c r="FR8" s="57">
        <v>297250</v>
      </c>
      <c r="FS8" s="57">
        <v>379266</v>
      </c>
      <c r="FT8" s="57">
        <v>377652</v>
      </c>
      <c r="FU8" s="60">
        <v>1244428</v>
      </c>
      <c r="FV8" s="61">
        <v>1244428</v>
      </c>
      <c r="FW8" s="56">
        <v>16074</v>
      </c>
      <c r="FX8" s="57">
        <v>58343</v>
      </c>
      <c r="FY8" s="58">
        <v>74417</v>
      </c>
      <c r="FZ8" s="59">
        <v>0</v>
      </c>
      <c r="GA8" s="57">
        <v>883675</v>
      </c>
      <c r="GB8" s="57">
        <v>2545846</v>
      </c>
      <c r="GC8" s="57">
        <v>4951914</v>
      </c>
      <c r="GD8" s="57">
        <v>3452584</v>
      </c>
      <c r="GE8" s="57">
        <v>2299953</v>
      </c>
      <c r="GF8" s="60">
        <v>14133972</v>
      </c>
      <c r="GG8" s="61">
        <v>14208389</v>
      </c>
      <c r="GH8" s="56">
        <v>1102</v>
      </c>
      <c r="GI8" s="57">
        <v>0</v>
      </c>
      <c r="GJ8" s="58">
        <v>1102</v>
      </c>
      <c r="GK8" s="59">
        <v>0</v>
      </c>
      <c r="GL8" s="57">
        <v>31193</v>
      </c>
      <c r="GM8" s="57">
        <v>61458</v>
      </c>
      <c r="GN8" s="57">
        <v>74935</v>
      </c>
      <c r="GO8" s="57">
        <v>80181</v>
      </c>
      <c r="GP8" s="57">
        <v>48684</v>
      </c>
      <c r="GQ8" s="60">
        <v>296451</v>
      </c>
      <c r="GR8" s="61">
        <v>297553</v>
      </c>
      <c r="GS8" s="56">
        <v>0</v>
      </c>
      <c r="GT8" s="57">
        <v>0</v>
      </c>
      <c r="GU8" s="58">
        <v>0</v>
      </c>
      <c r="GV8" s="59">
        <v>0</v>
      </c>
      <c r="GW8" s="57">
        <v>0</v>
      </c>
      <c r="GX8" s="57">
        <v>0</v>
      </c>
      <c r="GY8" s="57">
        <v>0</v>
      </c>
      <c r="GZ8" s="57">
        <v>0</v>
      </c>
      <c r="HA8" s="57">
        <v>0</v>
      </c>
      <c r="HB8" s="60">
        <v>0</v>
      </c>
      <c r="HC8" s="61">
        <v>0</v>
      </c>
      <c r="HD8" s="56">
        <v>0</v>
      </c>
      <c r="HE8" s="57">
        <v>0</v>
      </c>
      <c r="HF8" s="58">
        <v>0</v>
      </c>
      <c r="HG8" s="403">
        <v>0</v>
      </c>
      <c r="HH8" s="57">
        <v>0</v>
      </c>
      <c r="HI8" s="57">
        <v>0</v>
      </c>
      <c r="HJ8" s="57">
        <v>0</v>
      </c>
      <c r="HK8" s="57">
        <v>0</v>
      </c>
      <c r="HL8" s="57">
        <v>0</v>
      </c>
      <c r="HM8" s="60">
        <v>0</v>
      </c>
      <c r="HN8" s="61">
        <v>0</v>
      </c>
      <c r="HO8" s="56">
        <v>23336</v>
      </c>
      <c r="HP8" s="57">
        <v>98951</v>
      </c>
      <c r="HQ8" s="58">
        <v>122287</v>
      </c>
      <c r="HR8" s="59">
        <v>0</v>
      </c>
      <c r="HS8" s="57">
        <v>11541274</v>
      </c>
      <c r="HT8" s="57">
        <v>39555979</v>
      </c>
      <c r="HU8" s="57">
        <v>108556452</v>
      </c>
      <c r="HV8" s="57">
        <v>136263421</v>
      </c>
      <c r="HW8" s="57">
        <v>84039896</v>
      </c>
      <c r="HX8" s="60">
        <v>379957022</v>
      </c>
      <c r="HY8" s="61">
        <v>380079309</v>
      </c>
    </row>
    <row r="9" spans="2:233" ht="21" customHeight="1" x14ac:dyDescent="0.2">
      <c r="B9" s="106" t="s">
        <v>6</v>
      </c>
      <c r="C9" s="24">
        <v>0</v>
      </c>
      <c r="D9" s="25">
        <v>1015</v>
      </c>
      <c r="E9" s="26">
        <v>1015</v>
      </c>
      <c r="F9" s="27">
        <v>0</v>
      </c>
      <c r="G9" s="25">
        <v>2810076</v>
      </c>
      <c r="H9" s="25">
        <v>4793060</v>
      </c>
      <c r="I9" s="25">
        <v>15525299</v>
      </c>
      <c r="J9" s="25">
        <v>21018099</v>
      </c>
      <c r="K9" s="25">
        <v>13178006</v>
      </c>
      <c r="L9" s="28">
        <v>57324540</v>
      </c>
      <c r="M9" s="29">
        <v>57325555</v>
      </c>
      <c r="N9" s="24">
        <v>0</v>
      </c>
      <c r="O9" s="25">
        <v>0</v>
      </c>
      <c r="P9" s="26">
        <v>0</v>
      </c>
      <c r="Q9" s="404">
        <v>0</v>
      </c>
      <c r="R9" s="25">
        <v>874170</v>
      </c>
      <c r="S9" s="25">
        <v>2138605</v>
      </c>
      <c r="T9" s="25">
        <v>10464895</v>
      </c>
      <c r="U9" s="25">
        <v>15639035</v>
      </c>
      <c r="V9" s="25">
        <v>10055765</v>
      </c>
      <c r="W9" s="28">
        <v>39172470</v>
      </c>
      <c r="X9" s="29">
        <v>39172470</v>
      </c>
      <c r="Y9" s="24">
        <v>0</v>
      </c>
      <c r="Z9" s="25">
        <v>0</v>
      </c>
      <c r="AA9" s="26">
        <v>0</v>
      </c>
      <c r="AB9" s="404">
        <v>0</v>
      </c>
      <c r="AC9" s="25">
        <v>1743770</v>
      </c>
      <c r="AD9" s="25">
        <v>2101275</v>
      </c>
      <c r="AE9" s="25">
        <v>3533165</v>
      </c>
      <c r="AF9" s="25">
        <v>3951280</v>
      </c>
      <c r="AG9" s="25">
        <v>2080675</v>
      </c>
      <c r="AH9" s="28">
        <v>13410165</v>
      </c>
      <c r="AI9" s="29">
        <v>13410165</v>
      </c>
      <c r="AJ9" s="24">
        <v>0</v>
      </c>
      <c r="AK9" s="25">
        <v>0</v>
      </c>
      <c r="AL9" s="26">
        <v>0</v>
      </c>
      <c r="AM9" s="404">
        <v>0</v>
      </c>
      <c r="AN9" s="25">
        <v>0</v>
      </c>
      <c r="AO9" s="25">
        <v>0</v>
      </c>
      <c r="AP9" s="25">
        <v>0</v>
      </c>
      <c r="AQ9" s="25">
        <v>0</v>
      </c>
      <c r="AR9" s="25">
        <v>0</v>
      </c>
      <c r="AS9" s="28">
        <v>0</v>
      </c>
      <c r="AT9" s="29">
        <v>0</v>
      </c>
      <c r="AU9" s="24">
        <v>0</v>
      </c>
      <c r="AV9" s="25">
        <v>0</v>
      </c>
      <c r="AW9" s="26">
        <v>0</v>
      </c>
      <c r="AX9" s="404">
        <v>0</v>
      </c>
      <c r="AY9" s="25">
        <v>0</v>
      </c>
      <c r="AZ9" s="25">
        <v>0</v>
      </c>
      <c r="BA9" s="25">
        <v>0</v>
      </c>
      <c r="BB9" s="25">
        <v>185530</v>
      </c>
      <c r="BC9" s="25">
        <v>307640</v>
      </c>
      <c r="BD9" s="28">
        <v>493170</v>
      </c>
      <c r="BE9" s="29">
        <v>493170</v>
      </c>
      <c r="BF9" s="24">
        <v>0</v>
      </c>
      <c r="BG9" s="25">
        <v>0</v>
      </c>
      <c r="BH9" s="26">
        <v>0</v>
      </c>
      <c r="BI9" s="404">
        <v>0</v>
      </c>
      <c r="BJ9" s="25">
        <v>34200</v>
      </c>
      <c r="BK9" s="25">
        <v>68400</v>
      </c>
      <c r="BL9" s="25">
        <v>501975</v>
      </c>
      <c r="BM9" s="25">
        <v>449465</v>
      </c>
      <c r="BN9" s="25">
        <v>301500</v>
      </c>
      <c r="BO9" s="28">
        <v>1355540</v>
      </c>
      <c r="BP9" s="29">
        <v>1355540</v>
      </c>
      <c r="BQ9" s="24">
        <v>0</v>
      </c>
      <c r="BR9" s="25">
        <v>1015</v>
      </c>
      <c r="BS9" s="26">
        <v>1015</v>
      </c>
      <c r="BT9" s="27">
        <v>0</v>
      </c>
      <c r="BU9" s="25">
        <v>152996</v>
      </c>
      <c r="BV9" s="25">
        <v>458358</v>
      </c>
      <c r="BW9" s="25">
        <v>991764</v>
      </c>
      <c r="BX9" s="25">
        <v>759080</v>
      </c>
      <c r="BY9" s="25">
        <v>377978</v>
      </c>
      <c r="BZ9" s="28">
        <v>2740176</v>
      </c>
      <c r="CA9" s="29">
        <v>2741191</v>
      </c>
      <c r="CB9" s="24">
        <v>0</v>
      </c>
      <c r="CC9" s="25">
        <v>0</v>
      </c>
      <c r="CD9" s="26">
        <v>0</v>
      </c>
      <c r="CE9" s="27">
        <v>0</v>
      </c>
      <c r="CF9" s="25">
        <v>4940</v>
      </c>
      <c r="CG9" s="25">
        <v>26422</v>
      </c>
      <c r="CH9" s="25">
        <v>33500</v>
      </c>
      <c r="CI9" s="25">
        <v>33709</v>
      </c>
      <c r="CJ9" s="25">
        <v>54448</v>
      </c>
      <c r="CK9" s="28">
        <v>153019</v>
      </c>
      <c r="CL9" s="29">
        <v>153019</v>
      </c>
      <c r="CM9" s="24">
        <v>0</v>
      </c>
      <c r="CN9" s="25">
        <v>0</v>
      </c>
      <c r="CO9" s="26">
        <v>0</v>
      </c>
      <c r="CP9" s="27">
        <v>0</v>
      </c>
      <c r="CQ9" s="25">
        <v>0</v>
      </c>
      <c r="CR9" s="25">
        <v>0</v>
      </c>
      <c r="CS9" s="25">
        <v>0</v>
      </c>
      <c r="CT9" s="25">
        <v>0</v>
      </c>
      <c r="CU9" s="25">
        <v>0</v>
      </c>
      <c r="CV9" s="28">
        <v>0</v>
      </c>
      <c r="CW9" s="29">
        <v>0</v>
      </c>
      <c r="CX9" s="24">
        <v>0</v>
      </c>
      <c r="CY9" s="25">
        <v>0</v>
      </c>
      <c r="CZ9" s="26">
        <v>0</v>
      </c>
      <c r="DA9" s="404">
        <v>0</v>
      </c>
      <c r="DB9" s="25">
        <v>0</v>
      </c>
      <c r="DC9" s="25">
        <v>0</v>
      </c>
      <c r="DD9" s="25">
        <v>0</v>
      </c>
      <c r="DE9" s="25">
        <v>0</v>
      </c>
      <c r="DF9" s="25">
        <v>0</v>
      </c>
      <c r="DG9" s="28">
        <v>0</v>
      </c>
      <c r="DH9" s="29">
        <v>0</v>
      </c>
      <c r="DI9" s="24">
        <v>0</v>
      </c>
      <c r="DJ9" s="25">
        <v>5955</v>
      </c>
      <c r="DK9" s="26">
        <v>5955</v>
      </c>
      <c r="DL9" s="27">
        <v>0</v>
      </c>
      <c r="DM9" s="25">
        <v>1502285</v>
      </c>
      <c r="DN9" s="25">
        <v>3726949</v>
      </c>
      <c r="DO9" s="25">
        <v>14353750</v>
      </c>
      <c r="DP9" s="25">
        <v>19966670</v>
      </c>
      <c r="DQ9" s="25">
        <v>12494692</v>
      </c>
      <c r="DR9" s="28">
        <v>52044346</v>
      </c>
      <c r="DS9" s="30">
        <v>52050301</v>
      </c>
      <c r="DT9" s="24">
        <v>0</v>
      </c>
      <c r="DU9" s="25">
        <v>0</v>
      </c>
      <c r="DV9" s="26">
        <v>0</v>
      </c>
      <c r="DW9" s="404">
        <v>0</v>
      </c>
      <c r="DX9" s="25">
        <v>880186</v>
      </c>
      <c r="DY9" s="25">
        <v>2230831</v>
      </c>
      <c r="DZ9" s="25">
        <v>11488323</v>
      </c>
      <c r="EA9" s="25">
        <v>16862979</v>
      </c>
      <c r="EB9" s="25">
        <v>10773512</v>
      </c>
      <c r="EC9" s="28">
        <v>42235831</v>
      </c>
      <c r="ED9" s="29">
        <v>42235831</v>
      </c>
      <c r="EE9" s="24">
        <v>0</v>
      </c>
      <c r="EF9" s="25">
        <v>0</v>
      </c>
      <c r="EG9" s="26">
        <v>0</v>
      </c>
      <c r="EH9" s="404">
        <v>0</v>
      </c>
      <c r="EI9" s="25">
        <v>342775</v>
      </c>
      <c r="EJ9" s="25">
        <v>705521</v>
      </c>
      <c r="EK9" s="25">
        <v>820463</v>
      </c>
      <c r="EL9" s="25">
        <v>1146056</v>
      </c>
      <c r="EM9" s="25">
        <v>534140</v>
      </c>
      <c r="EN9" s="28">
        <v>3548955</v>
      </c>
      <c r="EO9" s="29">
        <v>3548955</v>
      </c>
      <c r="EP9" s="24">
        <v>0</v>
      </c>
      <c r="EQ9" s="25">
        <v>0</v>
      </c>
      <c r="ER9" s="26">
        <v>0</v>
      </c>
      <c r="ES9" s="404">
        <v>0</v>
      </c>
      <c r="ET9" s="25">
        <v>0</v>
      </c>
      <c r="EU9" s="25">
        <v>0</v>
      </c>
      <c r="EV9" s="25">
        <v>0</v>
      </c>
      <c r="EW9" s="25">
        <v>0</v>
      </c>
      <c r="EX9" s="25">
        <v>0</v>
      </c>
      <c r="EY9" s="28">
        <v>0</v>
      </c>
      <c r="EZ9" s="29">
        <v>0</v>
      </c>
      <c r="FA9" s="24">
        <v>0</v>
      </c>
      <c r="FB9" s="25">
        <v>0</v>
      </c>
      <c r="FC9" s="26">
        <v>0</v>
      </c>
      <c r="FD9" s="404">
        <v>0</v>
      </c>
      <c r="FE9" s="25">
        <v>0</v>
      </c>
      <c r="FF9" s="25">
        <v>0</v>
      </c>
      <c r="FG9" s="25">
        <v>21</v>
      </c>
      <c r="FH9" s="25">
        <v>43458</v>
      </c>
      <c r="FI9" s="25">
        <v>43274</v>
      </c>
      <c r="FJ9" s="28">
        <v>86753</v>
      </c>
      <c r="FK9" s="29">
        <v>86753</v>
      </c>
      <c r="FL9" s="24">
        <v>0</v>
      </c>
      <c r="FM9" s="25">
        <v>0</v>
      </c>
      <c r="FN9" s="26">
        <v>0</v>
      </c>
      <c r="FO9" s="404">
        <v>0</v>
      </c>
      <c r="FP9" s="25">
        <v>56460</v>
      </c>
      <c r="FQ9" s="25">
        <v>131850</v>
      </c>
      <c r="FR9" s="25">
        <v>711444</v>
      </c>
      <c r="FS9" s="25">
        <v>783066</v>
      </c>
      <c r="FT9" s="25">
        <v>519964</v>
      </c>
      <c r="FU9" s="28">
        <v>2202784</v>
      </c>
      <c r="FV9" s="29">
        <v>2202784</v>
      </c>
      <c r="FW9" s="24">
        <v>0</v>
      </c>
      <c r="FX9" s="25">
        <v>5955</v>
      </c>
      <c r="FY9" s="26">
        <v>5955</v>
      </c>
      <c r="FZ9" s="27">
        <v>0</v>
      </c>
      <c r="GA9" s="25">
        <v>214384</v>
      </c>
      <c r="GB9" s="25">
        <v>627959</v>
      </c>
      <c r="GC9" s="25">
        <v>1305101</v>
      </c>
      <c r="GD9" s="25">
        <v>1091089</v>
      </c>
      <c r="GE9" s="25">
        <v>546658</v>
      </c>
      <c r="GF9" s="28">
        <v>3785191</v>
      </c>
      <c r="GG9" s="29">
        <v>3791146</v>
      </c>
      <c r="GH9" s="24">
        <v>0</v>
      </c>
      <c r="GI9" s="25">
        <v>0</v>
      </c>
      <c r="GJ9" s="26">
        <v>0</v>
      </c>
      <c r="GK9" s="27">
        <v>0</v>
      </c>
      <c r="GL9" s="25">
        <v>8480</v>
      </c>
      <c r="GM9" s="25">
        <v>30788</v>
      </c>
      <c r="GN9" s="25">
        <v>28398</v>
      </c>
      <c r="GO9" s="25">
        <v>40022</v>
      </c>
      <c r="GP9" s="25">
        <v>77144</v>
      </c>
      <c r="GQ9" s="28">
        <v>184832</v>
      </c>
      <c r="GR9" s="29">
        <v>184832</v>
      </c>
      <c r="GS9" s="24">
        <v>0</v>
      </c>
      <c r="GT9" s="25">
        <v>0</v>
      </c>
      <c r="GU9" s="26">
        <v>0</v>
      </c>
      <c r="GV9" s="27">
        <v>0</v>
      </c>
      <c r="GW9" s="25">
        <v>0</v>
      </c>
      <c r="GX9" s="25">
        <v>0</v>
      </c>
      <c r="GY9" s="25">
        <v>0</v>
      </c>
      <c r="GZ9" s="25">
        <v>0</v>
      </c>
      <c r="HA9" s="25">
        <v>0</v>
      </c>
      <c r="HB9" s="28">
        <v>0</v>
      </c>
      <c r="HC9" s="29">
        <v>0</v>
      </c>
      <c r="HD9" s="24">
        <v>0</v>
      </c>
      <c r="HE9" s="25">
        <v>0</v>
      </c>
      <c r="HF9" s="26">
        <v>0</v>
      </c>
      <c r="HG9" s="404">
        <v>0</v>
      </c>
      <c r="HH9" s="25">
        <v>0</v>
      </c>
      <c r="HI9" s="25">
        <v>0</v>
      </c>
      <c r="HJ9" s="25">
        <v>0</v>
      </c>
      <c r="HK9" s="25">
        <v>0</v>
      </c>
      <c r="HL9" s="25">
        <v>0</v>
      </c>
      <c r="HM9" s="28">
        <v>0</v>
      </c>
      <c r="HN9" s="29">
        <v>0</v>
      </c>
      <c r="HO9" s="24">
        <v>0</v>
      </c>
      <c r="HP9" s="25">
        <v>6970</v>
      </c>
      <c r="HQ9" s="26">
        <v>6970</v>
      </c>
      <c r="HR9" s="27">
        <v>0</v>
      </c>
      <c r="HS9" s="25">
        <v>4312361</v>
      </c>
      <c r="HT9" s="25">
        <v>8520009</v>
      </c>
      <c r="HU9" s="25">
        <v>29879049</v>
      </c>
      <c r="HV9" s="25">
        <v>40984769</v>
      </c>
      <c r="HW9" s="25">
        <v>25672698</v>
      </c>
      <c r="HX9" s="28">
        <v>109368886</v>
      </c>
      <c r="HY9" s="29">
        <v>109375856</v>
      </c>
    </row>
    <row r="10" spans="2:233" ht="21" customHeight="1" x14ac:dyDescent="0.2">
      <c r="B10" s="106" t="s">
        <v>14</v>
      </c>
      <c r="C10" s="24">
        <v>0</v>
      </c>
      <c r="D10" s="25">
        <v>15766</v>
      </c>
      <c r="E10" s="26">
        <v>15766</v>
      </c>
      <c r="F10" s="27">
        <v>0</v>
      </c>
      <c r="G10" s="25">
        <v>628096</v>
      </c>
      <c r="H10" s="25">
        <v>1547486</v>
      </c>
      <c r="I10" s="25">
        <v>8164791</v>
      </c>
      <c r="J10" s="25">
        <v>12616182</v>
      </c>
      <c r="K10" s="25">
        <v>7305077</v>
      </c>
      <c r="L10" s="28">
        <v>30261632</v>
      </c>
      <c r="M10" s="29">
        <v>30277398</v>
      </c>
      <c r="N10" s="24">
        <v>0</v>
      </c>
      <c r="O10" s="25">
        <v>0</v>
      </c>
      <c r="P10" s="26">
        <v>0</v>
      </c>
      <c r="Q10" s="404">
        <v>0</v>
      </c>
      <c r="R10" s="25">
        <v>76650</v>
      </c>
      <c r="S10" s="25">
        <v>239015</v>
      </c>
      <c r="T10" s="25">
        <v>5843450</v>
      </c>
      <c r="U10" s="25">
        <v>9059596</v>
      </c>
      <c r="V10" s="25">
        <v>5669260</v>
      </c>
      <c r="W10" s="28">
        <v>20887971</v>
      </c>
      <c r="X10" s="29">
        <v>20887971</v>
      </c>
      <c r="Y10" s="24">
        <v>0</v>
      </c>
      <c r="Z10" s="25">
        <v>0</v>
      </c>
      <c r="AA10" s="26">
        <v>0</v>
      </c>
      <c r="AB10" s="404">
        <v>0</v>
      </c>
      <c r="AC10" s="25">
        <v>463970</v>
      </c>
      <c r="AD10" s="25">
        <v>1042240</v>
      </c>
      <c r="AE10" s="25">
        <v>1541015</v>
      </c>
      <c r="AF10" s="25">
        <v>2259068</v>
      </c>
      <c r="AG10" s="25">
        <v>716485</v>
      </c>
      <c r="AH10" s="28">
        <v>6022778</v>
      </c>
      <c r="AI10" s="29">
        <v>6022778</v>
      </c>
      <c r="AJ10" s="24">
        <v>0</v>
      </c>
      <c r="AK10" s="25">
        <v>0</v>
      </c>
      <c r="AL10" s="26">
        <v>0</v>
      </c>
      <c r="AM10" s="404">
        <v>0</v>
      </c>
      <c r="AN10" s="25">
        <v>0</v>
      </c>
      <c r="AO10" s="25">
        <v>0</v>
      </c>
      <c r="AP10" s="25">
        <v>0</v>
      </c>
      <c r="AQ10" s="25">
        <v>0</v>
      </c>
      <c r="AR10" s="25">
        <v>0</v>
      </c>
      <c r="AS10" s="28">
        <v>0</v>
      </c>
      <c r="AT10" s="29">
        <v>0</v>
      </c>
      <c r="AU10" s="24">
        <v>0</v>
      </c>
      <c r="AV10" s="25">
        <v>0</v>
      </c>
      <c r="AW10" s="26">
        <v>0</v>
      </c>
      <c r="AX10" s="404">
        <v>0</v>
      </c>
      <c r="AY10" s="25">
        <v>34350</v>
      </c>
      <c r="AZ10" s="25">
        <v>0</v>
      </c>
      <c r="BA10" s="25">
        <v>36750</v>
      </c>
      <c r="BB10" s="25">
        <v>789225</v>
      </c>
      <c r="BC10" s="25">
        <v>573385</v>
      </c>
      <c r="BD10" s="28">
        <v>1433710</v>
      </c>
      <c r="BE10" s="29">
        <v>1433710</v>
      </c>
      <c r="BF10" s="24">
        <v>0</v>
      </c>
      <c r="BG10" s="25">
        <v>0</v>
      </c>
      <c r="BH10" s="26">
        <v>0</v>
      </c>
      <c r="BI10" s="404">
        <v>0</v>
      </c>
      <c r="BJ10" s="25">
        <v>0</v>
      </c>
      <c r="BK10" s="25">
        <v>0</v>
      </c>
      <c r="BL10" s="25">
        <v>63065</v>
      </c>
      <c r="BM10" s="25">
        <v>70970</v>
      </c>
      <c r="BN10" s="25">
        <v>60600</v>
      </c>
      <c r="BO10" s="28">
        <v>194635</v>
      </c>
      <c r="BP10" s="29">
        <v>194635</v>
      </c>
      <c r="BQ10" s="24">
        <v>0</v>
      </c>
      <c r="BR10" s="25">
        <v>15766</v>
      </c>
      <c r="BS10" s="26">
        <v>15766</v>
      </c>
      <c r="BT10" s="27">
        <v>0</v>
      </c>
      <c r="BU10" s="25">
        <v>53126</v>
      </c>
      <c r="BV10" s="25">
        <v>266231</v>
      </c>
      <c r="BW10" s="25">
        <v>678481</v>
      </c>
      <c r="BX10" s="25">
        <v>437323</v>
      </c>
      <c r="BY10" s="25">
        <v>282557</v>
      </c>
      <c r="BZ10" s="28">
        <v>1717718</v>
      </c>
      <c r="CA10" s="29">
        <v>1733484</v>
      </c>
      <c r="CB10" s="24">
        <v>0</v>
      </c>
      <c r="CC10" s="25">
        <v>0</v>
      </c>
      <c r="CD10" s="26">
        <v>0</v>
      </c>
      <c r="CE10" s="27">
        <v>0</v>
      </c>
      <c r="CF10" s="25">
        <v>0</v>
      </c>
      <c r="CG10" s="25">
        <v>0</v>
      </c>
      <c r="CH10" s="25">
        <v>2030</v>
      </c>
      <c r="CI10" s="25">
        <v>0</v>
      </c>
      <c r="CJ10" s="25">
        <v>2790</v>
      </c>
      <c r="CK10" s="28">
        <v>4820</v>
      </c>
      <c r="CL10" s="29">
        <v>4820</v>
      </c>
      <c r="CM10" s="24">
        <v>0</v>
      </c>
      <c r="CN10" s="25">
        <v>0</v>
      </c>
      <c r="CO10" s="26">
        <v>0</v>
      </c>
      <c r="CP10" s="27">
        <v>0</v>
      </c>
      <c r="CQ10" s="25">
        <v>0</v>
      </c>
      <c r="CR10" s="25">
        <v>0</v>
      </c>
      <c r="CS10" s="25">
        <v>0</v>
      </c>
      <c r="CT10" s="25">
        <v>0</v>
      </c>
      <c r="CU10" s="25">
        <v>0</v>
      </c>
      <c r="CV10" s="28">
        <v>0</v>
      </c>
      <c r="CW10" s="29">
        <v>0</v>
      </c>
      <c r="CX10" s="24">
        <v>0</v>
      </c>
      <c r="CY10" s="25">
        <v>0</v>
      </c>
      <c r="CZ10" s="26">
        <v>0</v>
      </c>
      <c r="DA10" s="404">
        <v>0</v>
      </c>
      <c r="DB10" s="25">
        <v>0</v>
      </c>
      <c r="DC10" s="25">
        <v>0</v>
      </c>
      <c r="DD10" s="25">
        <v>0</v>
      </c>
      <c r="DE10" s="25">
        <v>0</v>
      </c>
      <c r="DF10" s="25">
        <v>0</v>
      </c>
      <c r="DG10" s="28">
        <v>0</v>
      </c>
      <c r="DH10" s="29">
        <v>0</v>
      </c>
      <c r="DI10" s="24">
        <v>0</v>
      </c>
      <c r="DJ10" s="25">
        <v>29546</v>
      </c>
      <c r="DK10" s="26">
        <v>29546</v>
      </c>
      <c r="DL10" s="27">
        <v>0</v>
      </c>
      <c r="DM10" s="25">
        <v>351293</v>
      </c>
      <c r="DN10" s="25">
        <v>1137583</v>
      </c>
      <c r="DO10" s="25">
        <v>10837159</v>
      </c>
      <c r="DP10" s="25">
        <v>16412686</v>
      </c>
      <c r="DQ10" s="25">
        <v>8627039</v>
      </c>
      <c r="DR10" s="28">
        <v>37365760</v>
      </c>
      <c r="DS10" s="30">
        <v>37395306</v>
      </c>
      <c r="DT10" s="24">
        <v>0</v>
      </c>
      <c r="DU10" s="25">
        <v>0</v>
      </c>
      <c r="DV10" s="26">
        <v>0</v>
      </c>
      <c r="DW10" s="404">
        <v>0</v>
      </c>
      <c r="DX10" s="25">
        <v>89760</v>
      </c>
      <c r="DY10" s="25">
        <v>421080</v>
      </c>
      <c r="DZ10" s="25">
        <v>9296184</v>
      </c>
      <c r="EA10" s="25">
        <v>14271738</v>
      </c>
      <c r="EB10" s="25">
        <v>7659308</v>
      </c>
      <c r="EC10" s="28">
        <v>31738070</v>
      </c>
      <c r="ED10" s="29">
        <v>31738070</v>
      </c>
      <c r="EE10" s="24">
        <v>0</v>
      </c>
      <c r="EF10" s="25">
        <v>0</v>
      </c>
      <c r="EG10" s="26">
        <v>0</v>
      </c>
      <c r="EH10" s="404">
        <v>0</v>
      </c>
      <c r="EI10" s="25">
        <v>137912</v>
      </c>
      <c r="EJ10" s="25">
        <v>253036</v>
      </c>
      <c r="EK10" s="25">
        <v>170484</v>
      </c>
      <c r="EL10" s="25">
        <v>461961</v>
      </c>
      <c r="EM10" s="25">
        <v>87311</v>
      </c>
      <c r="EN10" s="28">
        <v>1110704</v>
      </c>
      <c r="EO10" s="29">
        <v>1110704</v>
      </c>
      <c r="EP10" s="24">
        <v>0</v>
      </c>
      <c r="EQ10" s="25">
        <v>0</v>
      </c>
      <c r="ER10" s="26">
        <v>0</v>
      </c>
      <c r="ES10" s="404">
        <v>0</v>
      </c>
      <c r="ET10" s="25">
        <v>0</v>
      </c>
      <c r="EU10" s="25">
        <v>0</v>
      </c>
      <c r="EV10" s="25">
        <v>0</v>
      </c>
      <c r="EW10" s="25">
        <v>0</v>
      </c>
      <c r="EX10" s="25">
        <v>0</v>
      </c>
      <c r="EY10" s="28">
        <v>0</v>
      </c>
      <c r="EZ10" s="29">
        <v>0</v>
      </c>
      <c r="FA10" s="24">
        <v>0</v>
      </c>
      <c r="FB10" s="25">
        <v>0</v>
      </c>
      <c r="FC10" s="26">
        <v>0</v>
      </c>
      <c r="FD10" s="404">
        <v>0</v>
      </c>
      <c r="FE10" s="25">
        <v>13110</v>
      </c>
      <c r="FF10" s="25">
        <v>0</v>
      </c>
      <c r="FG10" s="25">
        <v>630</v>
      </c>
      <c r="FH10" s="25">
        <v>129894</v>
      </c>
      <c r="FI10" s="25">
        <v>170283</v>
      </c>
      <c r="FJ10" s="28">
        <v>313917</v>
      </c>
      <c r="FK10" s="29">
        <v>313917</v>
      </c>
      <c r="FL10" s="24">
        <v>0</v>
      </c>
      <c r="FM10" s="25">
        <v>0</v>
      </c>
      <c r="FN10" s="26">
        <v>0</v>
      </c>
      <c r="FO10" s="404">
        <v>0</v>
      </c>
      <c r="FP10" s="25">
        <v>0</v>
      </c>
      <c r="FQ10" s="25">
        <v>0</v>
      </c>
      <c r="FR10" s="25">
        <v>119100</v>
      </c>
      <c r="FS10" s="25">
        <v>155706</v>
      </c>
      <c r="FT10" s="25">
        <v>98220</v>
      </c>
      <c r="FU10" s="28">
        <v>373026</v>
      </c>
      <c r="FV10" s="29">
        <v>373026</v>
      </c>
      <c r="FW10" s="24">
        <v>0</v>
      </c>
      <c r="FX10" s="25">
        <v>29546</v>
      </c>
      <c r="FY10" s="26">
        <v>29546</v>
      </c>
      <c r="FZ10" s="27">
        <v>0</v>
      </c>
      <c r="GA10" s="25">
        <v>110511</v>
      </c>
      <c r="GB10" s="25">
        <v>463467</v>
      </c>
      <c r="GC10" s="25">
        <v>1245033</v>
      </c>
      <c r="GD10" s="25">
        <v>1393387</v>
      </c>
      <c r="GE10" s="25">
        <v>606133</v>
      </c>
      <c r="GF10" s="28">
        <v>3818531</v>
      </c>
      <c r="GG10" s="29">
        <v>3848077</v>
      </c>
      <c r="GH10" s="24">
        <v>0</v>
      </c>
      <c r="GI10" s="25">
        <v>0</v>
      </c>
      <c r="GJ10" s="26">
        <v>0</v>
      </c>
      <c r="GK10" s="27">
        <v>0</v>
      </c>
      <c r="GL10" s="25">
        <v>0</v>
      </c>
      <c r="GM10" s="25">
        <v>0</v>
      </c>
      <c r="GN10" s="25">
        <v>5728</v>
      </c>
      <c r="GO10" s="25">
        <v>0</v>
      </c>
      <c r="GP10" s="25">
        <v>5784</v>
      </c>
      <c r="GQ10" s="28">
        <v>11512</v>
      </c>
      <c r="GR10" s="29">
        <v>11512</v>
      </c>
      <c r="GS10" s="24">
        <v>0</v>
      </c>
      <c r="GT10" s="25">
        <v>0</v>
      </c>
      <c r="GU10" s="26">
        <v>0</v>
      </c>
      <c r="GV10" s="27">
        <v>0</v>
      </c>
      <c r="GW10" s="25">
        <v>0</v>
      </c>
      <c r="GX10" s="25">
        <v>0</v>
      </c>
      <c r="GY10" s="25">
        <v>0</v>
      </c>
      <c r="GZ10" s="25">
        <v>0</v>
      </c>
      <c r="HA10" s="25">
        <v>0</v>
      </c>
      <c r="HB10" s="28">
        <v>0</v>
      </c>
      <c r="HC10" s="29">
        <v>0</v>
      </c>
      <c r="HD10" s="24">
        <v>0</v>
      </c>
      <c r="HE10" s="25">
        <v>0</v>
      </c>
      <c r="HF10" s="26">
        <v>0</v>
      </c>
      <c r="HG10" s="404">
        <v>0</v>
      </c>
      <c r="HH10" s="25">
        <v>0</v>
      </c>
      <c r="HI10" s="25">
        <v>0</v>
      </c>
      <c r="HJ10" s="25">
        <v>0</v>
      </c>
      <c r="HK10" s="25">
        <v>0</v>
      </c>
      <c r="HL10" s="25">
        <v>0</v>
      </c>
      <c r="HM10" s="28">
        <v>0</v>
      </c>
      <c r="HN10" s="29">
        <v>0</v>
      </c>
      <c r="HO10" s="24">
        <v>0</v>
      </c>
      <c r="HP10" s="25">
        <v>45312</v>
      </c>
      <c r="HQ10" s="26">
        <v>45312</v>
      </c>
      <c r="HR10" s="27">
        <v>0</v>
      </c>
      <c r="HS10" s="25">
        <v>979389</v>
      </c>
      <c r="HT10" s="25">
        <v>2685069</v>
      </c>
      <c r="HU10" s="25">
        <v>19001950</v>
      </c>
      <c r="HV10" s="25">
        <v>29028868</v>
      </c>
      <c r="HW10" s="25">
        <v>15932116</v>
      </c>
      <c r="HX10" s="28">
        <v>67627392</v>
      </c>
      <c r="HY10" s="29">
        <v>67672704</v>
      </c>
    </row>
    <row r="11" spans="2:233" ht="21" customHeight="1" x14ac:dyDescent="0.2">
      <c r="B11" s="106" t="s">
        <v>7</v>
      </c>
      <c r="C11" s="24">
        <v>1305</v>
      </c>
      <c r="D11" s="25">
        <v>390</v>
      </c>
      <c r="E11" s="26">
        <v>1695</v>
      </c>
      <c r="F11" s="27">
        <v>0</v>
      </c>
      <c r="G11" s="25">
        <v>2035788</v>
      </c>
      <c r="H11" s="25">
        <v>2289389</v>
      </c>
      <c r="I11" s="25">
        <v>6690052</v>
      </c>
      <c r="J11" s="25">
        <v>8339184</v>
      </c>
      <c r="K11" s="25">
        <v>4092420</v>
      </c>
      <c r="L11" s="28">
        <v>23446833</v>
      </c>
      <c r="M11" s="29">
        <v>23448528</v>
      </c>
      <c r="N11" s="24">
        <v>0</v>
      </c>
      <c r="O11" s="25">
        <v>0</v>
      </c>
      <c r="P11" s="26">
        <v>0</v>
      </c>
      <c r="Q11" s="404">
        <v>0</v>
      </c>
      <c r="R11" s="25">
        <v>244885</v>
      </c>
      <c r="S11" s="25">
        <v>527122</v>
      </c>
      <c r="T11" s="25">
        <v>4940353</v>
      </c>
      <c r="U11" s="25">
        <v>6611292</v>
      </c>
      <c r="V11" s="25">
        <v>3249439</v>
      </c>
      <c r="W11" s="28">
        <v>15573091</v>
      </c>
      <c r="X11" s="29">
        <v>15573091</v>
      </c>
      <c r="Y11" s="24">
        <v>0</v>
      </c>
      <c r="Z11" s="25">
        <v>0</v>
      </c>
      <c r="AA11" s="26">
        <v>0</v>
      </c>
      <c r="AB11" s="404">
        <v>0</v>
      </c>
      <c r="AC11" s="25">
        <v>1542886</v>
      </c>
      <c r="AD11" s="25">
        <v>1425861</v>
      </c>
      <c r="AE11" s="25">
        <v>1332028</v>
      </c>
      <c r="AF11" s="25">
        <v>1381736</v>
      </c>
      <c r="AG11" s="25">
        <v>530120</v>
      </c>
      <c r="AH11" s="28">
        <v>6212631</v>
      </c>
      <c r="AI11" s="29">
        <v>6212631</v>
      </c>
      <c r="AJ11" s="24">
        <v>0</v>
      </c>
      <c r="AK11" s="25">
        <v>0</v>
      </c>
      <c r="AL11" s="26">
        <v>0</v>
      </c>
      <c r="AM11" s="404">
        <v>0</v>
      </c>
      <c r="AN11" s="25">
        <v>0</v>
      </c>
      <c r="AO11" s="25">
        <v>0</v>
      </c>
      <c r="AP11" s="25">
        <v>0</v>
      </c>
      <c r="AQ11" s="25">
        <v>0</v>
      </c>
      <c r="AR11" s="25">
        <v>0</v>
      </c>
      <c r="AS11" s="28">
        <v>0</v>
      </c>
      <c r="AT11" s="29">
        <v>0</v>
      </c>
      <c r="AU11" s="24">
        <v>0</v>
      </c>
      <c r="AV11" s="25">
        <v>0</v>
      </c>
      <c r="AW11" s="26">
        <v>0</v>
      </c>
      <c r="AX11" s="404">
        <v>0</v>
      </c>
      <c r="AY11" s="25">
        <v>0</v>
      </c>
      <c r="AZ11" s="25">
        <v>0</v>
      </c>
      <c r="BA11" s="25">
        <v>0</v>
      </c>
      <c r="BB11" s="25">
        <v>34200</v>
      </c>
      <c r="BC11" s="25">
        <v>39450</v>
      </c>
      <c r="BD11" s="28">
        <v>73650</v>
      </c>
      <c r="BE11" s="29">
        <v>73650</v>
      </c>
      <c r="BF11" s="24">
        <v>0</v>
      </c>
      <c r="BG11" s="25">
        <v>0</v>
      </c>
      <c r="BH11" s="26">
        <v>0</v>
      </c>
      <c r="BI11" s="404">
        <v>0</v>
      </c>
      <c r="BJ11" s="25">
        <v>0</v>
      </c>
      <c r="BK11" s="25">
        <v>0</v>
      </c>
      <c r="BL11" s="25">
        <v>0</v>
      </c>
      <c r="BM11" s="25">
        <v>0</v>
      </c>
      <c r="BN11" s="25">
        <v>0</v>
      </c>
      <c r="BO11" s="28">
        <v>0</v>
      </c>
      <c r="BP11" s="29">
        <v>0</v>
      </c>
      <c r="BQ11" s="24">
        <v>1305</v>
      </c>
      <c r="BR11" s="25">
        <v>390</v>
      </c>
      <c r="BS11" s="26">
        <v>1695</v>
      </c>
      <c r="BT11" s="27">
        <v>0</v>
      </c>
      <c r="BU11" s="25">
        <v>236847</v>
      </c>
      <c r="BV11" s="25">
        <v>321241</v>
      </c>
      <c r="BW11" s="25">
        <v>380896</v>
      </c>
      <c r="BX11" s="25">
        <v>304466</v>
      </c>
      <c r="BY11" s="25">
        <v>249191</v>
      </c>
      <c r="BZ11" s="28">
        <v>1492641</v>
      </c>
      <c r="CA11" s="29">
        <v>1494336</v>
      </c>
      <c r="CB11" s="24">
        <v>0</v>
      </c>
      <c r="CC11" s="25">
        <v>0</v>
      </c>
      <c r="CD11" s="26">
        <v>0</v>
      </c>
      <c r="CE11" s="27">
        <v>0</v>
      </c>
      <c r="CF11" s="25">
        <v>11170</v>
      </c>
      <c r="CG11" s="25">
        <v>15165</v>
      </c>
      <c r="CH11" s="25">
        <v>36775</v>
      </c>
      <c r="CI11" s="25">
        <v>7490</v>
      </c>
      <c r="CJ11" s="25">
        <v>24220</v>
      </c>
      <c r="CK11" s="28">
        <v>94820</v>
      </c>
      <c r="CL11" s="29">
        <v>94820</v>
      </c>
      <c r="CM11" s="24">
        <v>0</v>
      </c>
      <c r="CN11" s="25">
        <v>0</v>
      </c>
      <c r="CO11" s="26">
        <v>0</v>
      </c>
      <c r="CP11" s="27">
        <v>0</v>
      </c>
      <c r="CQ11" s="25">
        <v>0</v>
      </c>
      <c r="CR11" s="25">
        <v>0</v>
      </c>
      <c r="CS11" s="25">
        <v>0</v>
      </c>
      <c r="CT11" s="25">
        <v>0</v>
      </c>
      <c r="CU11" s="25">
        <v>0</v>
      </c>
      <c r="CV11" s="28">
        <v>0</v>
      </c>
      <c r="CW11" s="29">
        <v>0</v>
      </c>
      <c r="CX11" s="24">
        <v>0</v>
      </c>
      <c r="CY11" s="25">
        <v>0</v>
      </c>
      <c r="CZ11" s="26">
        <v>0</v>
      </c>
      <c r="DA11" s="404">
        <v>0</v>
      </c>
      <c r="DB11" s="25">
        <v>0</v>
      </c>
      <c r="DC11" s="25">
        <v>0</v>
      </c>
      <c r="DD11" s="25">
        <v>0</v>
      </c>
      <c r="DE11" s="25">
        <v>0</v>
      </c>
      <c r="DF11" s="25">
        <v>0</v>
      </c>
      <c r="DG11" s="28">
        <v>0</v>
      </c>
      <c r="DH11" s="29">
        <v>0</v>
      </c>
      <c r="DI11" s="24">
        <v>3201</v>
      </c>
      <c r="DJ11" s="25">
        <v>2784</v>
      </c>
      <c r="DK11" s="26">
        <v>5985</v>
      </c>
      <c r="DL11" s="27">
        <v>0</v>
      </c>
      <c r="DM11" s="25">
        <v>828289</v>
      </c>
      <c r="DN11" s="25">
        <v>1133653</v>
      </c>
      <c r="DO11" s="25">
        <v>6999865</v>
      </c>
      <c r="DP11" s="25">
        <v>8321539</v>
      </c>
      <c r="DQ11" s="25">
        <v>4845585</v>
      </c>
      <c r="DR11" s="28">
        <v>22128931</v>
      </c>
      <c r="DS11" s="30">
        <v>22134916</v>
      </c>
      <c r="DT11" s="24">
        <v>0</v>
      </c>
      <c r="DU11" s="25">
        <v>0</v>
      </c>
      <c r="DV11" s="26">
        <v>0</v>
      </c>
      <c r="DW11" s="404">
        <v>0</v>
      </c>
      <c r="DX11" s="25">
        <v>282668</v>
      </c>
      <c r="DY11" s="25">
        <v>537051</v>
      </c>
      <c r="DZ11" s="25">
        <v>6142952</v>
      </c>
      <c r="EA11" s="25">
        <v>7710152</v>
      </c>
      <c r="EB11" s="25">
        <v>4494379</v>
      </c>
      <c r="EC11" s="28">
        <v>19167202</v>
      </c>
      <c r="ED11" s="29">
        <v>19167202</v>
      </c>
      <c r="EE11" s="24">
        <v>0</v>
      </c>
      <c r="EF11" s="25">
        <v>0</v>
      </c>
      <c r="EG11" s="26">
        <v>0</v>
      </c>
      <c r="EH11" s="404">
        <v>0</v>
      </c>
      <c r="EI11" s="25">
        <v>217005</v>
      </c>
      <c r="EJ11" s="25">
        <v>187761</v>
      </c>
      <c r="EK11" s="25">
        <v>279626</v>
      </c>
      <c r="EL11" s="25">
        <v>179003</v>
      </c>
      <c r="EM11" s="25">
        <v>49080</v>
      </c>
      <c r="EN11" s="28">
        <v>912475</v>
      </c>
      <c r="EO11" s="29">
        <v>912475</v>
      </c>
      <c r="EP11" s="24">
        <v>0</v>
      </c>
      <c r="EQ11" s="25">
        <v>0</v>
      </c>
      <c r="ER11" s="26">
        <v>0</v>
      </c>
      <c r="ES11" s="404">
        <v>0</v>
      </c>
      <c r="ET11" s="25">
        <v>0</v>
      </c>
      <c r="EU11" s="25">
        <v>0</v>
      </c>
      <c r="EV11" s="25">
        <v>0</v>
      </c>
      <c r="EW11" s="25">
        <v>0</v>
      </c>
      <c r="EX11" s="25">
        <v>0</v>
      </c>
      <c r="EY11" s="28">
        <v>0</v>
      </c>
      <c r="EZ11" s="29">
        <v>0</v>
      </c>
      <c r="FA11" s="24">
        <v>0</v>
      </c>
      <c r="FB11" s="25">
        <v>0</v>
      </c>
      <c r="FC11" s="26">
        <v>0</v>
      </c>
      <c r="FD11" s="404">
        <v>0</v>
      </c>
      <c r="FE11" s="25">
        <v>0</v>
      </c>
      <c r="FF11" s="25">
        <v>0</v>
      </c>
      <c r="FG11" s="25">
        <v>0</v>
      </c>
      <c r="FH11" s="25">
        <v>420</v>
      </c>
      <c r="FI11" s="25">
        <v>13530</v>
      </c>
      <c r="FJ11" s="28">
        <v>13950</v>
      </c>
      <c r="FK11" s="29">
        <v>13950</v>
      </c>
      <c r="FL11" s="24">
        <v>0</v>
      </c>
      <c r="FM11" s="25">
        <v>0</v>
      </c>
      <c r="FN11" s="26">
        <v>0</v>
      </c>
      <c r="FO11" s="404">
        <v>0</v>
      </c>
      <c r="FP11" s="25">
        <v>0</v>
      </c>
      <c r="FQ11" s="25">
        <v>0</v>
      </c>
      <c r="FR11" s="25">
        <v>0</v>
      </c>
      <c r="FS11" s="25">
        <v>0</v>
      </c>
      <c r="FT11" s="25">
        <v>0</v>
      </c>
      <c r="FU11" s="28">
        <v>0</v>
      </c>
      <c r="FV11" s="29">
        <v>0</v>
      </c>
      <c r="FW11" s="24">
        <v>3201</v>
      </c>
      <c r="FX11" s="25">
        <v>2784</v>
      </c>
      <c r="FY11" s="26">
        <v>5985</v>
      </c>
      <c r="FZ11" s="27">
        <v>0</v>
      </c>
      <c r="GA11" s="25">
        <v>325802</v>
      </c>
      <c r="GB11" s="25">
        <v>408575</v>
      </c>
      <c r="GC11" s="25">
        <v>565067</v>
      </c>
      <c r="GD11" s="25">
        <v>430631</v>
      </c>
      <c r="GE11" s="25">
        <v>288393</v>
      </c>
      <c r="GF11" s="28">
        <v>2018468</v>
      </c>
      <c r="GG11" s="29">
        <v>2024453</v>
      </c>
      <c r="GH11" s="24">
        <v>0</v>
      </c>
      <c r="GI11" s="25">
        <v>0</v>
      </c>
      <c r="GJ11" s="26">
        <v>0</v>
      </c>
      <c r="GK11" s="27">
        <v>0</v>
      </c>
      <c r="GL11" s="25">
        <v>2814</v>
      </c>
      <c r="GM11" s="25">
        <v>266</v>
      </c>
      <c r="GN11" s="25">
        <v>12220</v>
      </c>
      <c r="GO11" s="25">
        <v>1333</v>
      </c>
      <c r="GP11" s="25">
        <v>203</v>
      </c>
      <c r="GQ11" s="28">
        <v>16836</v>
      </c>
      <c r="GR11" s="29">
        <v>16836</v>
      </c>
      <c r="GS11" s="24">
        <v>0</v>
      </c>
      <c r="GT11" s="25">
        <v>0</v>
      </c>
      <c r="GU11" s="26">
        <v>0</v>
      </c>
      <c r="GV11" s="27">
        <v>0</v>
      </c>
      <c r="GW11" s="25">
        <v>0</v>
      </c>
      <c r="GX11" s="25">
        <v>0</v>
      </c>
      <c r="GY11" s="25">
        <v>0</v>
      </c>
      <c r="GZ11" s="25">
        <v>0</v>
      </c>
      <c r="HA11" s="25">
        <v>0</v>
      </c>
      <c r="HB11" s="28">
        <v>0</v>
      </c>
      <c r="HC11" s="29">
        <v>0</v>
      </c>
      <c r="HD11" s="24">
        <v>0</v>
      </c>
      <c r="HE11" s="25">
        <v>0</v>
      </c>
      <c r="HF11" s="26">
        <v>0</v>
      </c>
      <c r="HG11" s="404">
        <v>0</v>
      </c>
      <c r="HH11" s="25">
        <v>0</v>
      </c>
      <c r="HI11" s="25">
        <v>0</v>
      </c>
      <c r="HJ11" s="25">
        <v>0</v>
      </c>
      <c r="HK11" s="25">
        <v>0</v>
      </c>
      <c r="HL11" s="25">
        <v>0</v>
      </c>
      <c r="HM11" s="28">
        <v>0</v>
      </c>
      <c r="HN11" s="29">
        <v>0</v>
      </c>
      <c r="HO11" s="24">
        <v>4506</v>
      </c>
      <c r="HP11" s="25">
        <v>3174</v>
      </c>
      <c r="HQ11" s="26">
        <v>7680</v>
      </c>
      <c r="HR11" s="27">
        <v>0</v>
      </c>
      <c r="HS11" s="25">
        <v>2864077</v>
      </c>
      <c r="HT11" s="25">
        <v>3423042</v>
      </c>
      <c r="HU11" s="25">
        <v>13689917</v>
      </c>
      <c r="HV11" s="25">
        <v>16660723</v>
      </c>
      <c r="HW11" s="25">
        <v>8938005</v>
      </c>
      <c r="HX11" s="28">
        <v>45575764</v>
      </c>
      <c r="HY11" s="29">
        <v>45583444</v>
      </c>
    </row>
    <row r="12" spans="2:233" ht="21" customHeight="1" x14ac:dyDescent="0.2">
      <c r="B12" s="106" t="s">
        <v>8</v>
      </c>
      <c r="C12" s="24">
        <v>0</v>
      </c>
      <c r="D12" s="25">
        <v>1595</v>
      </c>
      <c r="E12" s="26">
        <v>1595</v>
      </c>
      <c r="F12" s="27">
        <v>0</v>
      </c>
      <c r="G12" s="25">
        <v>448306</v>
      </c>
      <c r="H12" s="25">
        <v>1253627</v>
      </c>
      <c r="I12" s="25">
        <v>4337487</v>
      </c>
      <c r="J12" s="25">
        <v>4830083</v>
      </c>
      <c r="K12" s="25">
        <v>2474784</v>
      </c>
      <c r="L12" s="28">
        <v>13344287</v>
      </c>
      <c r="M12" s="29">
        <v>13345882</v>
      </c>
      <c r="N12" s="24">
        <v>0</v>
      </c>
      <c r="O12" s="25">
        <v>0</v>
      </c>
      <c r="P12" s="26">
        <v>0</v>
      </c>
      <c r="Q12" s="404">
        <v>0</v>
      </c>
      <c r="R12" s="25">
        <v>138000</v>
      </c>
      <c r="S12" s="25">
        <v>522710</v>
      </c>
      <c r="T12" s="25">
        <v>2934219</v>
      </c>
      <c r="U12" s="25">
        <v>3393513</v>
      </c>
      <c r="V12" s="25">
        <v>1888736</v>
      </c>
      <c r="W12" s="28">
        <v>8877178</v>
      </c>
      <c r="X12" s="29">
        <v>8877178</v>
      </c>
      <c r="Y12" s="24">
        <v>0</v>
      </c>
      <c r="Z12" s="25">
        <v>0</v>
      </c>
      <c r="AA12" s="26">
        <v>0</v>
      </c>
      <c r="AB12" s="404">
        <v>0</v>
      </c>
      <c r="AC12" s="25">
        <v>226080</v>
      </c>
      <c r="AD12" s="25">
        <v>578360</v>
      </c>
      <c r="AE12" s="25">
        <v>752790</v>
      </c>
      <c r="AF12" s="25">
        <v>1019340</v>
      </c>
      <c r="AG12" s="25">
        <v>384750</v>
      </c>
      <c r="AH12" s="28">
        <v>2961320</v>
      </c>
      <c r="AI12" s="29">
        <v>2961320</v>
      </c>
      <c r="AJ12" s="24">
        <v>0</v>
      </c>
      <c r="AK12" s="25">
        <v>0</v>
      </c>
      <c r="AL12" s="26">
        <v>0</v>
      </c>
      <c r="AM12" s="404">
        <v>0</v>
      </c>
      <c r="AN12" s="25">
        <v>0</v>
      </c>
      <c r="AO12" s="25">
        <v>0</v>
      </c>
      <c r="AP12" s="25">
        <v>0</v>
      </c>
      <c r="AQ12" s="25">
        <v>0</v>
      </c>
      <c r="AR12" s="25">
        <v>0</v>
      </c>
      <c r="AS12" s="28">
        <v>0</v>
      </c>
      <c r="AT12" s="29">
        <v>0</v>
      </c>
      <c r="AU12" s="24">
        <v>0</v>
      </c>
      <c r="AV12" s="25">
        <v>0</v>
      </c>
      <c r="AW12" s="26">
        <v>0</v>
      </c>
      <c r="AX12" s="404">
        <v>0</v>
      </c>
      <c r="AY12" s="25">
        <v>0</v>
      </c>
      <c r="AZ12" s="25">
        <v>0</v>
      </c>
      <c r="BA12" s="25">
        <v>31650</v>
      </c>
      <c r="BB12" s="25">
        <v>0</v>
      </c>
      <c r="BC12" s="25">
        <v>47100</v>
      </c>
      <c r="BD12" s="28">
        <v>78750</v>
      </c>
      <c r="BE12" s="29">
        <v>78750</v>
      </c>
      <c r="BF12" s="24">
        <v>0</v>
      </c>
      <c r="BG12" s="25">
        <v>0</v>
      </c>
      <c r="BH12" s="26">
        <v>0</v>
      </c>
      <c r="BI12" s="404">
        <v>0</v>
      </c>
      <c r="BJ12" s="25">
        <v>0</v>
      </c>
      <c r="BK12" s="25">
        <v>2550</v>
      </c>
      <c r="BL12" s="25">
        <v>85095</v>
      </c>
      <c r="BM12" s="25">
        <v>221140</v>
      </c>
      <c r="BN12" s="25">
        <v>5100</v>
      </c>
      <c r="BO12" s="28">
        <v>313885</v>
      </c>
      <c r="BP12" s="29">
        <v>313885</v>
      </c>
      <c r="BQ12" s="24">
        <v>0</v>
      </c>
      <c r="BR12" s="25">
        <v>1595</v>
      </c>
      <c r="BS12" s="26">
        <v>1595</v>
      </c>
      <c r="BT12" s="27">
        <v>0</v>
      </c>
      <c r="BU12" s="25">
        <v>84226</v>
      </c>
      <c r="BV12" s="25">
        <v>148572</v>
      </c>
      <c r="BW12" s="25">
        <v>533733</v>
      </c>
      <c r="BX12" s="25">
        <v>177780</v>
      </c>
      <c r="BY12" s="25">
        <v>145947</v>
      </c>
      <c r="BZ12" s="28">
        <v>1090258</v>
      </c>
      <c r="CA12" s="29">
        <v>1091853</v>
      </c>
      <c r="CB12" s="24">
        <v>0</v>
      </c>
      <c r="CC12" s="25">
        <v>0</v>
      </c>
      <c r="CD12" s="26">
        <v>0</v>
      </c>
      <c r="CE12" s="27">
        <v>0</v>
      </c>
      <c r="CF12" s="25">
        <v>0</v>
      </c>
      <c r="CG12" s="25">
        <v>1435</v>
      </c>
      <c r="CH12" s="25">
        <v>0</v>
      </c>
      <c r="CI12" s="25">
        <v>18310</v>
      </c>
      <c r="CJ12" s="25">
        <v>3151</v>
      </c>
      <c r="CK12" s="28">
        <v>22896</v>
      </c>
      <c r="CL12" s="29">
        <v>22896</v>
      </c>
      <c r="CM12" s="24">
        <v>0</v>
      </c>
      <c r="CN12" s="25">
        <v>0</v>
      </c>
      <c r="CO12" s="26">
        <v>0</v>
      </c>
      <c r="CP12" s="27">
        <v>0</v>
      </c>
      <c r="CQ12" s="25">
        <v>0</v>
      </c>
      <c r="CR12" s="25">
        <v>0</v>
      </c>
      <c r="CS12" s="25">
        <v>0</v>
      </c>
      <c r="CT12" s="25">
        <v>0</v>
      </c>
      <c r="CU12" s="25">
        <v>0</v>
      </c>
      <c r="CV12" s="28">
        <v>0</v>
      </c>
      <c r="CW12" s="29">
        <v>0</v>
      </c>
      <c r="CX12" s="24">
        <v>0</v>
      </c>
      <c r="CY12" s="25">
        <v>0</v>
      </c>
      <c r="CZ12" s="26">
        <v>0</v>
      </c>
      <c r="DA12" s="404">
        <v>0</v>
      </c>
      <c r="DB12" s="25">
        <v>0</v>
      </c>
      <c r="DC12" s="25">
        <v>0</v>
      </c>
      <c r="DD12" s="25">
        <v>0</v>
      </c>
      <c r="DE12" s="25">
        <v>0</v>
      </c>
      <c r="DF12" s="25">
        <v>0</v>
      </c>
      <c r="DG12" s="28">
        <v>0</v>
      </c>
      <c r="DH12" s="29">
        <v>0</v>
      </c>
      <c r="DI12" s="24">
        <v>0</v>
      </c>
      <c r="DJ12" s="25">
        <v>11832</v>
      </c>
      <c r="DK12" s="26">
        <v>11832</v>
      </c>
      <c r="DL12" s="27">
        <v>0</v>
      </c>
      <c r="DM12" s="25">
        <v>365908</v>
      </c>
      <c r="DN12" s="25">
        <v>1223056</v>
      </c>
      <c r="DO12" s="25">
        <v>5456966</v>
      </c>
      <c r="DP12" s="25">
        <v>5523041</v>
      </c>
      <c r="DQ12" s="25">
        <v>3090727</v>
      </c>
      <c r="DR12" s="28">
        <v>15659698</v>
      </c>
      <c r="DS12" s="30">
        <v>15671530</v>
      </c>
      <c r="DT12" s="24">
        <v>0</v>
      </c>
      <c r="DU12" s="25">
        <v>0</v>
      </c>
      <c r="DV12" s="26">
        <v>0</v>
      </c>
      <c r="DW12" s="404">
        <v>0</v>
      </c>
      <c r="DX12" s="25">
        <v>172680</v>
      </c>
      <c r="DY12" s="25">
        <v>850820</v>
      </c>
      <c r="DZ12" s="25">
        <v>4418214</v>
      </c>
      <c r="EA12" s="25">
        <v>4472026</v>
      </c>
      <c r="EB12" s="25">
        <v>2796473</v>
      </c>
      <c r="EC12" s="28">
        <v>12710213</v>
      </c>
      <c r="ED12" s="29">
        <v>12710213</v>
      </c>
      <c r="EE12" s="24">
        <v>0</v>
      </c>
      <c r="EF12" s="25">
        <v>0</v>
      </c>
      <c r="EG12" s="26">
        <v>0</v>
      </c>
      <c r="EH12" s="404">
        <v>0</v>
      </c>
      <c r="EI12" s="25">
        <v>36074</v>
      </c>
      <c r="EJ12" s="25">
        <v>66952</v>
      </c>
      <c r="EK12" s="25">
        <v>101307</v>
      </c>
      <c r="EL12" s="25">
        <v>185287</v>
      </c>
      <c r="EM12" s="25">
        <v>29177</v>
      </c>
      <c r="EN12" s="28">
        <v>418797</v>
      </c>
      <c r="EO12" s="29">
        <v>418797</v>
      </c>
      <c r="EP12" s="24">
        <v>0</v>
      </c>
      <c r="EQ12" s="25">
        <v>0</v>
      </c>
      <c r="ER12" s="26">
        <v>0</v>
      </c>
      <c r="ES12" s="404">
        <v>0</v>
      </c>
      <c r="ET12" s="25">
        <v>0</v>
      </c>
      <c r="EU12" s="25">
        <v>0</v>
      </c>
      <c r="EV12" s="25">
        <v>0</v>
      </c>
      <c r="EW12" s="25">
        <v>0</v>
      </c>
      <c r="EX12" s="25">
        <v>0</v>
      </c>
      <c r="EY12" s="28">
        <v>0</v>
      </c>
      <c r="EZ12" s="29">
        <v>0</v>
      </c>
      <c r="FA12" s="24">
        <v>0</v>
      </c>
      <c r="FB12" s="25">
        <v>0</v>
      </c>
      <c r="FC12" s="26">
        <v>0</v>
      </c>
      <c r="FD12" s="404">
        <v>0</v>
      </c>
      <c r="FE12" s="25">
        <v>0</v>
      </c>
      <c r="FF12" s="25">
        <v>0</v>
      </c>
      <c r="FG12" s="25">
        <v>210</v>
      </c>
      <c r="FH12" s="25">
        <v>0</v>
      </c>
      <c r="FI12" s="25">
        <v>13950</v>
      </c>
      <c r="FJ12" s="28">
        <v>14160</v>
      </c>
      <c r="FK12" s="29">
        <v>14160</v>
      </c>
      <c r="FL12" s="24">
        <v>0</v>
      </c>
      <c r="FM12" s="25">
        <v>0</v>
      </c>
      <c r="FN12" s="26">
        <v>0</v>
      </c>
      <c r="FO12" s="404">
        <v>0</v>
      </c>
      <c r="FP12" s="25">
        <v>0</v>
      </c>
      <c r="FQ12" s="25">
        <v>20880</v>
      </c>
      <c r="FR12" s="25">
        <v>167736</v>
      </c>
      <c r="FS12" s="25">
        <v>369216</v>
      </c>
      <c r="FT12" s="25">
        <v>41760</v>
      </c>
      <c r="FU12" s="28">
        <v>599592</v>
      </c>
      <c r="FV12" s="29">
        <v>599592</v>
      </c>
      <c r="FW12" s="24">
        <v>0</v>
      </c>
      <c r="FX12" s="25">
        <v>11832</v>
      </c>
      <c r="FY12" s="26">
        <v>11832</v>
      </c>
      <c r="FZ12" s="27">
        <v>0</v>
      </c>
      <c r="GA12" s="25">
        <v>157154</v>
      </c>
      <c r="GB12" s="25">
        <v>284369</v>
      </c>
      <c r="GC12" s="25">
        <v>769499</v>
      </c>
      <c r="GD12" s="25">
        <v>496351</v>
      </c>
      <c r="GE12" s="25">
        <v>209241</v>
      </c>
      <c r="GF12" s="28">
        <v>1916614</v>
      </c>
      <c r="GG12" s="29">
        <v>1928446</v>
      </c>
      <c r="GH12" s="24">
        <v>0</v>
      </c>
      <c r="GI12" s="25">
        <v>0</v>
      </c>
      <c r="GJ12" s="26">
        <v>0</v>
      </c>
      <c r="GK12" s="27">
        <v>0</v>
      </c>
      <c r="GL12" s="25">
        <v>0</v>
      </c>
      <c r="GM12" s="25">
        <v>35</v>
      </c>
      <c r="GN12" s="25">
        <v>0</v>
      </c>
      <c r="GO12" s="25">
        <v>161</v>
      </c>
      <c r="GP12" s="25">
        <v>126</v>
      </c>
      <c r="GQ12" s="28">
        <v>322</v>
      </c>
      <c r="GR12" s="29">
        <v>322</v>
      </c>
      <c r="GS12" s="24">
        <v>0</v>
      </c>
      <c r="GT12" s="25">
        <v>0</v>
      </c>
      <c r="GU12" s="26">
        <v>0</v>
      </c>
      <c r="GV12" s="27">
        <v>0</v>
      </c>
      <c r="GW12" s="25">
        <v>0</v>
      </c>
      <c r="GX12" s="25">
        <v>0</v>
      </c>
      <c r="GY12" s="25">
        <v>0</v>
      </c>
      <c r="GZ12" s="25">
        <v>0</v>
      </c>
      <c r="HA12" s="25">
        <v>0</v>
      </c>
      <c r="HB12" s="28">
        <v>0</v>
      </c>
      <c r="HC12" s="29">
        <v>0</v>
      </c>
      <c r="HD12" s="24">
        <v>0</v>
      </c>
      <c r="HE12" s="25">
        <v>0</v>
      </c>
      <c r="HF12" s="26">
        <v>0</v>
      </c>
      <c r="HG12" s="404">
        <v>0</v>
      </c>
      <c r="HH12" s="25">
        <v>0</v>
      </c>
      <c r="HI12" s="25">
        <v>0</v>
      </c>
      <c r="HJ12" s="25">
        <v>0</v>
      </c>
      <c r="HK12" s="25">
        <v>0</v>
      </c>
      <c r="HL12" s="25">
        <v>0</v>
      </c>
      <c r="HM12" s="28">
        <v>0</v>
      </c>
      <c r="HN12" s="29">
        <v>0</v>
      </c>
      <c r="HO12" s="24">
        <v>0</v>
      </c>
      <c r="HP12" s="25">
        <v>13427</v>
      </c>
      <c r="HQ12" s="26">
        <v>13427</v>
      </c>
      <c r="HR12" s="27">
        <v>0</v>
      </c>
      <c r="HS12" s="25">
        <v>814214</v>
      </c>
      <c r="HT12" s="25">
        <v>2476683</v>
      </c>
      <c r="HU12" s="25">
        <v>9794453</v>
      </c>
      <c r="HV12" s="25">
        <v>10353124</v>
      </c>
      <c r="HW12" s="25">
        <v>5565511</v>
      </c>
      <c r="HX12" s="28">
        <v>29003985</v>
      </c>
      <c r="HY12" s="29">
        <v>29017412</v>
      </c>
    </row>
    <row r="13" spans="2:233" ht="21" customHeight="1" x14ac:dyDescent="0.2">
      <c r="B13" s="106" t="s">
        <v>9</v>
      </c>
      <c r="C13" s="24">
        <v>0</v>
      </c>
      <c r="D13" s="25">
        <v>0</v>
      </c>
      <c r="E13" s="26">
        <v>0</v>
      </c>
      <c r="F13" s="27">
        <v>0</v>
      </c>
      <c r="G13" s="25">
        <v>237450</v>
      </c>
      <c r="H13" s="25">
        <v>154458</v>
      </c>
      <c r="I13" s="25">
        <v>2206882</v>
      </c>
      <c r="J13" s="25">
        <v>1898409</v>
      </c>
      <c r="K13" s="25">
        <v>1483326</v>
      </c>
      <c r="L13" s="28">
        <v>5980525</v>
      </c>
      <c r="M13" s="29">
        <v>5980525</v>
      </c>
      <c r="N13" s="24">
        <v>0</v>
      </c>
      <c r="O13" s="25">
        <v>0</v>
      </c>
      <c r="P13" s="26">
        <v>0</v>
      </c>
      <c r="Q13" s="404">
        <v>0</v>
      </c>
      <c r="R13" s="25">
        <v>55125</v>
      </c>
      <c r="S13" s="25">
        <v>44400</v>
      </c>
      <c r="T13" s="25">
        <v>1474530</v>
      </c>
      <c r="U13" s="25">
        <v>1320880</v>
      </c>
      <c r="V13" s="25">
        <v>1240960</v>
      </c>
      <c r="W13" s="28">
        <v>4135895</v>
      </c>
      <c r="X13" s="29">
        <v>4135895</v>
      </c>
      <c r="Y13" s="24">
        <v>0</v>
      </c>
      <c r="Z13" s="25">
        <v>0</v>
      </c>
      <c r="AA13" s="26">
        <v>0</v>
      </c>
      <c r="AB13" s="404">
        <v>0</v>
      </c>
      <c r="AC13" s="25">
        <v>161205</v>
      </c>
      <c r="AD13" s="25">
        <v>46800</v>
      </c>
      <c r="AE13" s="25">
        <v>598565</v>
      </c>
      <c r="AF13" s="25">
        <v>461545</v>
      </c>
      <c r="AG13" s="25">
        <v>262930</v>
      </c>
      <c r="AH13" s="28">
        <v>1531045</v>
      </c>
      <c r="AI13" s="29">
        <v>1531045</v>
      </c>
      <c r="AJ13" s="24">
        <v>0</v>
      </c>
      <c r="AK13" s="25">
        <v>0</v>
      </c>
      <c r="AL13" s="26">
        <v>0</v>
      </c>
      <c r="AM13" s="404">
        <v>0</v>
      </c>
      <c r="AN13" s="25">
        <v>0</v>
      </c>
      <c r="AO13" s="25">
        <v>0</v>
      </c>
      <c r="AP13" s="25">
        <v>0</v>
      </c>
      <c r="AQ13" s="25">
        <v>0</v>
      </c>
      <c r="AR13" s="25">
        <v>0</v>
      </c>
      <c r="AS13" s="28">
        <v>0</v>
      </c>
      <c r="AT13" s="29">
        <v>0</v>
      </c>
      <c r="AU13" s="24">
        <v>0</v>
      </c>
      <c r="AV13" s="25">
        <v>0</v>
      </c>
      <c r="AW13" s="26">
        <v>0</v>
      </c>
      <c r="AX13" s="404">
        <v>0</v>
      </c>
      <c r="AY13" s="25">
        <v>0</v>
      </c>
      <c r="AZ13" s="25">
        <v>0</v>
      </c>
      <c r="BA13" s="25">
        <v>0</v>
      </c>
      <c r="BB13" s="25">
        <v>0</v>
      </c>
      <c r="BC13" s="25">
        <v>7650</v>
      </c>
      <c r="BD13" s="28">
        <v>7650</v>
      </c>
      <c r="BE13" s="29">
        <v>7650</v>
      </c>
      <c r="BF13" s="24">
        <v>0</v>
      </c>
      <c r="BG13" s="25">
        <v>0</v>
      </c>
      <c r="BH13" s="26">
        <v>0</v>
      </c>
      <c r="BI13" s="404">
        <v>0</v>
      </c>
      <c r="BJ13" s="25">
        <v>0</v>
      </c>
      <c r="BK13" s="25">
        <v>0</v>
      </c>
      <c r="BL13" s="25">
        <v>0</v>
      </c>
      <c r="BM13" s="25">
        <v>0</v>
      </c>
      <c r="BN13" s="25">
        <v>23850</v>
      </c>
      <c r="BO13" s="28">
        <v>23850</v>
      </c>
      <c r="BP13" s="29">
        <v>23850</v>
      </c>
      <c r="BQ13" s="24">
        <v>0</v>
      </c>
      <c r="BR13" s="25">
        <v>0</v>
      </c>
      <c r="BS13" s="26">
        <v>0</v>
      </c>
      <c r="BT13" s="27">
        <v>0</v>
      </c>
      <c r="BU13" s="25">
        <v>17575</v>
      </c>
      <c r="BV13" s="25">
        <v>63258</v>
      </c>
      <c r="BW13" s="25">
        <v>109887</v>
      </c>
      <c r="BX13" s="25">
        <v>111424</v>
      </c>
      <c r="BY13" s="25">
        <v>-54094</v>
      </c>
      <c r="BZ13" s="28">
        <v>248050</v>
      </c>
      <c r="CA13" s="29">
        <v>248050</v>
      </c>
      <c r="CB13" s="24">
        <v>0</v>
      </c>
      <c r="CC13" s="25">
        <v>0</v>
      </c>
      <c r="CD13" s="26">
        <v>0</v>
      </c>
      <c r="CE13" s="27">
        <v>0</v>
      </c>
      <c r="CF13" s="25">
        <v>3545</v>
      </c>
      <c r="CG13" s="25">
        <v>0</v>
      </c>
      <c r="CH13" s="25">
        <v>23900</v>
      </c>
      <c r="CI13" s="25">
        <v>4560</v>
      </c>
      <c r="CJ13" s="25">
        <v>2030</v>
      </c>
      <c r="CK13" s="28">
        <v>34035</v>
      </c>
      <c r="CL13" s="29">
        <v>34035</v>
      </c>
      <c r="CM13" s="24">
        <v>0</v>
      </c>
      <c r="CN13" s="25">
        <v>0</v>
      </c>
      <c r="CO13" s="26">
        <v>0</v>
      </c>
      <c r="CP13" s="27">
        <v>0</v>
      </c>
      <c r="CQ13" s="25">
        <v>0</v>
      </c>
      <c r="CR13" s="25">
        <v>0</v>
      </c>
      <c r="CS13" s="25">
        <v>0</v>
      </c>
      <c r="CT13" s="25">
        <v>0</v>
      </c>
      <c r="CU13" s="25">
        <v>0</v>
      </c>
      <c r="CV13" s="28">
        <v>0</v>
      </c>
      <c r="CW13" s="29">
        <v>0</v>
      </c>
      <c r="CX13" s="24">
        <v>0</v>
      </c>
      <c r="CY13" s="25">
        <v>0</v>
      </c>
      <c r="CZ13" s="26">
        <v>0</v>
      </c>
      <c r="DA13" s="404">
        <v>0</v>
      </c>
      <c r="DB13" s="25">
        <v>0</v>
      </c>
      <c r="DC13" s="25">
        <v>0</v>
      </c>
      <c r="DD13" s="25">
        <v>0</v>
      </c>
      <c r="DE13" s="25">
        <v>0</v>
      </c>
      <c r="DF13" s="25">
        <v>0</v>
      </c>
      <c r="DG13" s="28">
        <v>0</v>
      </c>
      <c r="DH13" s="29">
        <v>0</v>
      </c>
      <c r="DI13" s="24">
        <v>0</v>
      </c>
      <c r="DJ13" s="25">
        <v>0</v>
      </c>
      <c r="DK13" s="26">
        <v>0</v>
      </c>
      <c r="DL13" s="27">
        <v>0</v>
      </c>
      <c r="DM13" s="25">
        <v>112874</v>
      </c>
      <c r="DN13" s="25">
        <v>258241</v>
      </c>
      <c r="DO13" s="25">
        <v>2608824</v>
      </c>
      <c r="DP13" s="25">
        <v>2691785</v>
      </c>
      <c r="DQ13" s="25">
        <v>2065828</v>
      </c>
      <c r="DR13" s="28">
        <v>7737552</v>
      </c>
      <c r="DS13" s="30">
        <v>7737552</v>
      </c>
      <c r="DT13" s="24">
        <v>0</v>
      </c>
      <c r="DU13" s="25">
        <v>0</v>
      </c>
      <c r="DV13" s="26">
        <v>0</v>
      </c>
      <c r="DW13" s="404">
        <v>0</v>
      </c>
      <c r="DX13" s="25">
        <v>56460</v>
      </c>
      <c r="DY13" s="25">
        <v>134346</v>
      </c>
      <c r="DZ13" s="25">
        <v>2315529</v>
      </c>
      <c r="EA13" s="25">
        <v>2373438</v>
      </c>
      <c r="EB13" s="25">
        <v>2045402</v>
      </c>
      <c r="EC13" s="28">
        <v>6925175</v>
      </c>
      <c r="ED13" s="29">
        <v>6925175</v>
      </c>
      <c r="EE13" s="24">
        <v>0</v>
      </c>
      <c r="EF13" s="25">
        <v>0</v>
      </c>
      <c r="EG13" s="26">
        <v>0</v>
      </c>
      <c r="EH13" s="404">
        <v>0</v>
      </c>
      <c r="EI13" s="25">
        <v>14990</v>
      </c>
      <c r="EJ13" s="25">
        <v>22770</v>
      </c>
      <c r="EK13" s="25">
        <v>58076</v>
      </c>
      <c r="EL13" s="25">
        <v>105045</v>
      </c>
      <c r="EM13" s="25">
        <v>85113</v>
      </c>
      <c r="EN13" s="28">
        <v>285994</v>
      </c>
      <c r="EO13" s="29">
        <v>285994</v>
      </c>
      <c r="EP13" s="24">
        <v>0</v>
      </c>
      <c r="EQ13" s="25">
        <v>0</v>
      </c>
      <c r="ER13" s="26">
        <v>0</v>
      </c>
      <c r="ES13" s="404">
        <v>0</v>
      </c>
      <c r="ET13" s="25">
        <v>0</v>
      </c>
      <c r="EU13" s="25">
        <v>0</v>
      </c>
      <c r="EV13" s="25">
        <v>0</v>
      </c>
      <c r="EW13" s="25">
        <v>0</v>
      </c>
      <c r="EX13" s="25">
        <v>0</v>
      </c>
      <c r="EY13" s="28">
        <v>0</v>
      </c>
      <c r="EZ13" s="29">
        <v>0</v>
      </c>
      <c r="FA13" s="24">
        <v>0</v>
      </c>
      <c r="FB13" s="25">
        <v>0</v>
      </c>
      <c r="FC13" s="26">
        <v>0</v>
      </c>
      <c r="FD13" s="404">
        <v>0</v>
      </c>
      <c r="FE13" s="25">
        <v>0</v>
      </c>
      <c r="FF13" s="25">
        <v>0</v>
      </c>
      <c r="FG13" s="25">
        <v>0</v>
      </c>
      <c r="FH13" s="25">
        <v>0</v>
      </c>
      <c r="FI13" s="25">
        <v>630</v>
      </c>
      <c r="FJ13" s="28">
        <v>630</v>
      </c>
      <c r="FK13" s="29">
        <v>630</v>
      </c>
      <c r="FL13" s="24">
        <v>0</v>
      </c>
      <c r="FM13" s="25">
        <v>0</v>
      </c>
      <c r="FN13" s="26">
        <v>0</v>
      </c>
      <c r="FO13" s="404">
        <v>0</v>
      </c>
      <c r="FP13" s="25">
        <v>0</v>
      </c>
      <c r="FQ13" s="25">
        <v>0</v>
      </c>
      <c r="FR13" s="25">
        <v>0</v>
      </c>
      <c r="FS13" s="25">
        <v>0</v>
      </c>
      <c r="FT13" s="25">
        <v>20880</v>
      </c>
      <c r="FU13" s="28">
        <v>20880</v>
      </c>
      <c r="FV13" s="29">
        <v>20880</v>
      </c>
      <c r="FW13" s="24">
        <v>0</v>
      </c>
      <c r="FX13" s="25">
        <v>0</v>
      </c>
      <c r="FY13" s="26">
        <v>0</v>
      </c>
      <c r="FZ13" s="27">
        <v>0</v>
      </c>
      <c r="GA13" s="25">
        <v>38202</v>
      </c>
      <c r="GB13" s="25">
        <v>101125</v>
      </c>
      <c r="GC13" s="25">
        <v>225708</v>
      </c>
      <c r="GD13" s="25">
        <v>213225</v>
      </c>
      <c r="GE13" s="25">
        <v>-86309</v>
      </c>
      <c r="GF13" s="28">
        <v>491951</v>
      </c>
      <c r="GG13" s="29">
        <v>491951</v>
      </c>
      <c r="GH13" s="24">
        <v>0</v>
      </c>
      <c r="GI13" s="25">
        <v>0</v>
      </c>
      <c r="GJ13" s="26">
        <v>0</v>
      </c>
      <c r="GK13" s="27">
        <v>0</v>
      </c>
      <c r="GL13" s="25">
        <v>3222</v>
      </c>
      <c r="GM13" s="25">
        <v>0</v>
      </c>
      <c r="GN13" s="25">
        <v>9511</v>
      </c>
      <c r="GO13" s="25">
        <v>77</v>
      </c>
      <c r="GP13" s="25">
        <v>112</v>
      </c>
      <c r="GQ13" s="28">
        <v>12922</v>
      </c>
      <c r="GR13" s="29">
        <v>12922</v>
      </c>
      <c r="GS13" s="24">
        <v>0</v>
      </c>
      <c r="GT13" s="25">
        <v>0</v>
      </c>
      <c r="GU13" s="26">
        <v>0</v>
      </c>
      <c r="GV13" s="27">
        <v>0</v>
      </c>
      <c r="GW13" s="25">
        <v>0</v>
      </c>
      <c r="GX13" s="25">
        <v>0</v>
      </c>
      <c r="GY13" s="25">
        <v>0</v>
      </c>
      <c r="GZ13" s="25">
        <v>0</v>
      </c>
      <c r="HA13" s="25">
        <v>0</v>
      </c>
      <c r="HB13" s="28">
        <v>0</v>
      </c>
      <c r="HC13" s="29">
        <v>0</v>
      </c>
      <c r="HD13" s="24">
        <v>0</v>
      </c>
      <c r="HE13" s="25">
        <v>0</v>
      </c>
      <c r="HF13" s="26">
        <v>0</v>
      </c>
      <c r="HG13" s="404">
        <v>0</v>
      </c>
      <c r="HH13" s="25">
        <v>0</v>
      </c>
      <c r="HI13" s="25">
        <v>0</v>
      </c>
      <c r="HJ13" s="25">
        <v>0</v>
      </c>
      <c r="HK13" s="25">
        <v>0</v>
      </c>
      <c r="HL13" s="25">
        <v>0</v>
      </c>
      <c r="HM13" s="28">
        <v>0</v>
      </c>
      <c r="HN13" s="29">
        <v>0</v>
      </c>
      <c r="HO13" s="24">
        <v>0</v>
      </c>
      <c r="HP13" s="25">
        <v>0</v>
      </c>
      <c r="HQ13" s="26">
        <v>0</v>
      </c>
      <c r="HR13" s="27">
        <v>0</v>
      </c>
      <c r="HS13" s="25">
        <v>350324</v>
      </c>
      <c r="HT13" s="25">
        <v>412699</v>
      </c>
      <c r="HU13" s="25">
        <v>4815706</v>
      </c>
      <c r="HV13" s="25">
        <v>4590194</v>
      </c>
      <c r="HW13" s="25">
        <v>3549154</v>
      </c>
      <c r="HX13" s="28">
        <v>13718077</v>
      </c>
      <c r="HY13" s="29">
        <v>13718077</v>
      </c>
    </row>
    <row r="14" spans="2:233" ht="21" customHeight="1" x14ac:dyDescent="0.2">
      <c r="B14" s="106" t="s">
        <v>10</v>
      </c>
      <c r="C14" s="24">
        <v>0</v>
      </c>
      <c r="D14" s="25">
        <v>13555</v>
      </c>
      <c r="E14" s="26">
        <v>13555</v>
      </c>
      <c r="F14" s="27">
        <v>0</v>
      </c>
      <c r="G14" s="25">
        <v>692618</v>
      </c>
      <c r="H14" s="25">
        <v>1043578</v>
      </c>
      <c r="I14" s="25">
        <v>2743324</v>
      </c>
      <c r="J14" s="25">
        <v>4558033</v>
      </c>
      <c r="K14" s="25">
        <v>3482767</v>
      </c>
      <c r="L14" s="28">
        <v>12520320</v>
      </c>
      <c r="M14" s="29">
        <v>12533875</v>
      </c>
      <c r="N14" s="24">
        <v>0</v>
      </c>
      <c r="O14" s="25">
        <v>0</v>
      </c>
      <c r="P14" s="26">
        <v>0</v>
      </c>
      <c r="Q14" s="404">
        <v>0</v>
      </c>
      <c r="R14" s="25">
        <v>143955</v>
      </c>
      <c r="S14" s="25">
        <v>301200</v>
      </c>
      <c r="T14" s="25">
        <v>1936930</v>
      </c>
      <c r="U14" s="25">
        <v>3372510</v>
      </c>
      <c r="V14" s="25">
        <v>2684765</v>
      </c>
      <c r="W14" s="28">
        <v>8439360</v>
      </c>
      <c r="X14" s="29">
        <v>8439360</v>
      </c>
      <c r="Y14" s="24">
        <v>0</v>
      </c>
      <c r="Z14" s="25">
        <v>0</v>
      </c>
      <c r="AA14" s="26">
        <v>0</v>
      </c>
      <c r="AB14" s="404">
        <v>0</v>
      </c>
      <c r="AC14" s="25">
        <v>465103</v>
      </c>
      <c r="AD14" s="25">
        <v>491153</v>
      </c>
      <c r="AE14" s="25">
        <v>618238</v>
      </c>
      <c r="AF14" s="25">
        <v>819690</v>
      </c>
      <c r="AG14" s="25">
        <v>498332</v>
      </c>
      <c r="AH14" s="28">
        <v>2892516</v>
      </c>
      <c r="AI14" s="29">
        <v>2892516</v>
      </c>
      <c r="AJ14" s="24">
        <v>0</v>
      </c>
      <c r="AK14" s="25">
        <v>0</v>
      </c>
      <c r="AL14" s="26">
        <v>0</v>
      </c>
      <c r="AM14" s="404">
        <v>0</v>
      </c>
      <c r="AN14" s="25">
        <v>0</v>
      </c>
      <c r="AO14" s="25">
        <v>0</v>
      </c>
      <c r="AP14" s="25">
        <v>0</v>
      </c>
      <c r="AQ14" s="25">
        <v>0</v>
      </c>
      <c r="AR14" s="25">
        <v>0</v>
      </c>
      <c r="AS14" s="28">
        <v>0</v>
      </c>
      <c r="AT14" s="29">
        <v>0</v>
      </c>
      <c r="AU14" s="24">
        <v>0</v>
      </c>
      <c r="AV14" s="25">
        <v>0</v>
      </c>
      <c r="AW14" s="26">
        <v>0</v>
      </c>
      <c r="AX14" s="404">
        <v>0</v>
      </c>
      <c r="AY14" s="25">
        <v>0</v>
      </c>
      <c r="AZ14" s="25">
        <v>0</v>
      </c>
      <c r="BA14" s="25">
        <v>0</v>
      </c>
      <c r="BB14" s="25">
        <v>55500</v>
      </c>
      <c r="BC14" s="25">
        <v>176475</v>
      </c>
      <c r="BD14" s="28">
        <v>231975</v>
      </c>
      <c r="BE14" s="29">
        <v>231975</v>
      </c>
      <c r="BF14" s="24">
        <v>0</v>
      </c>
      <c r="BG14" s="25">
        <v>0</v>
      </c>
      <c r="BH14" s="26">
        <v>0</v>
      </c>
      <c r="BI14" s="404">
        <v>0</v>
      </c>
      <c r="BJ14" s="25">
        <v>0</v>
      </c>
      <c r="BK14" s="25">
        <v>0</v>
      </c>
      <c r="BL14" s="25">
        <v>0</v>
      </c>
      <c r="BM14" s="25">
        <v>34200</v>
      </c>
      <c r="BN14" s="25">
        <v>39300</v>
      </c>
      <c r="BO14" s="28">
        <v>73500</v>
      </c>
      <c r="BP14" s="29">
        <v>73500</v>
      </c>
      <c r="BQ14" s="24">
        <v>0</v>
      </c>
      <c r="BR14" s="25">
        <v>13555</v>
      </c>
      <c r="BS14" s="26">
        <v>13555</v>
      </c>
      <c r="BT14" s="27">
        <v>0</v>
      </c>
      <c r="BU14" s="25">
        <v>77645</v>
      </c>
      <c r="BV14" s="25">
        <v>251225</v>
      </c>
      <c r="BW14" s="25">
        <v>182299</v>
      </c>
      <c r="BX14" s="25">
        <v>266865</v>
      </c>
      <c r="BY14" s="25">
        <v>78147</v>
      </c>
      <c r="BZ14" s="28">
        <v>856181</v>
      </c>
      <c r="CA14" s="29">
        <v>869736</v>
      </c>
      <c r="CB14" s="24">
        <v>0</v>
      </c>
      <c r="CC14" s="25">
        <v>0</v>
      </c>
      <c r="CD14" s="26">
        <v>0</v>
      </c>
      <c r="CE14" s="27">
        <v>0</v>
      </c>
      <c r="CF14" s="25">
        <v>5915</v>
      </c>
      <c r="CG14" s="25">
        <v>0</v>
      </c>
      <c r="CH14" s="25">
        <v>5857</v>
      </c>
      <c r="CI14" s="25">
        <v>9268</v>
      </c>
      <c r="CJ14" s="25">
        <v>5748</v>
      </c>
      <c r="CK14" s="28">
        <v>26788</v>
      </c>
      <c r="CL14" s="29">
        <v>26788</v>
      </c>
      <c r="CM14" s="24">
        <v>0</v>
      </c>
      <c r="CN14" s="25">
        <v>0</v>
      </c>
      <c r="CO14" s="26">
        <v>0</v>
      </c>
      <c r="CP14" s="27">
        <v>0</v>
      </c>
      <c r="CQ14" s="25">
        <v>0</v>
      </c>
      <c r="CR14" s="25">
        <v>0</v>
      </c>
      <c r="CS14" s="25">
        <v>0</v>
      </c>
      <c r="CT14" s="25">
        <v>0</v>
      </c>
      <c r="CU14" s="25">
        <v>0</v>
      </c>
      <c r="CV14" s="28">
        <v>0</v>
      </c>
      <c r="CW14" s="29">
        <v>0</v>
      </c>
      <c r="CX14" s="24">
        <v>0</v>
      </c>
      <c r="CY14" s="25">
        <v>0</v>
      </c>
      <c r="CZ14" s="26">
        <v>0</v>
      </c>
      <c r="DA14" s="404">
        <v>0</v>
      </c>
      <c r="DB14" s="25">
        <v>0</v>
      </c>
      <c r="DC14" s="25">
        <v>0</v>
      </c>
      <c r="DD14" s="25">
        <v>0</v>
      </c>
      <c r="DE14" s="25">
        <v>0</v>
      </c>
      <c r="DF14" s="25">
        <v>0</v>
      </c>
      <c r="DG14" s="28">
        <v>0</v>
      </c>
      <c r="DH14" s="29">
        <v>0</v>
      </c>
      <c r="DI14" s="24">
        <v>0</v>
      </c>
      <c r="DJ14" s="25">
        <v>22344</v>
      </c>
      <c r="DK14" s="26">
        <v>22344</v>
      </c>
      <c r="DL14" s="27">
        <v>0</v>
      </c>
      <c r="DM14" s="25">
        <v>445777</v>
      </c>
      <c r="DN14" s="25">
        <v>1091630</v>
      </c>
      <c r="DO14" s="25">
        <v>5964790</v>
      </c>
      <c r="DP14" s="25">
        <v>9438675</v>
      </c>
      <c r="DQ14" s="25">
        <v>5991445</v>
      </c>
      <c r="DR14" s="28">
        <v>22932317</v>
      </c>
      <c r="DS14" s="30">
        <v>22954661</v>
      </c>
      <c r="DT14" s="24">
        <v>0</v>
      </c>
      <c r="DU14" s="25">
        <v>0</v>
      </c>
      <c r="DV14" s="26">
        <v>0</v>
      </c>
      <c r="DW14" s="404">
        <v>0</v>
      </c>
      <c r="DX14" s="25">
        <v>222060</v>
      </c>
      <c r="DY14" s="25">
        <v>540856</v>
      </c>
      <c r="DZ14" s="25">
        <v>5431325</v>
      </c>
      <c r="EA14" s="25">
        <v>8734267</v>
      </c>
      <c r="EB14" s="25">
        <v>5532806</v>
      </c>
      <c r="EC14" s="28">
        <v>20461314</v>
      </c>
      <c r="ED14" s="29">
        <v>20461314</v>
      </c>
      <c r="EE14" s="24">
        <v>0</v>
      </c>
      <c r="EF14" s="25">
        <v>0</v>
      </c>
      <c r="EG14" s="26">
        <v>0</v>
      </c>
      <c r="EH14" s="404">
        <v>0</v>
      </c>
      <c r="EI14" s="25">
        <v>40349</v>
      </c>
      <c r="EJ14" s="25">
        <v>132150</v>
      </c>
      <c r="EK14" s="25">
        <v>151979</v>
      </c>
      <c r="EL14" s="25">
        <v>115647</v>
      </c>
      <c r="EM14" s="25">
        <v>57074</v>
      </c>
      <c r="EN14" s="28">
        <v>497199</v>
      </c>
      <c r="EO14" s="29">
        <v>497199</v>
      </c>
      <c r="EP14" s="24">
        <v>0</v>
      </c>
      <c r="EQ14" s="25">
        <v>0</v>
      </c>
      <c r="ER14" s="26">
        <v>0</v>
      </c>
      <c r="ES14" s="404">
        <v>0</v>
      </c>
      <c r="ET14" s="25">
        <v>0</v>
      </c>
      <c r="EU14" s="25">
        <v>0</v>
      </c>
      <c r="EV14" s="25">
        <v>0</v>
      </c>
      <c r="EW14" s="25">
        <v>0</v>
      </c>
      <c r="EX14" s="25">
        <v>0</v>
      </c>
      <c r="EY14" s="28">
        <v>0</v>
      </c>
      <c r="EZ14" s="29">
        <v>0</v>
      </c>
      <c r="FA14" s="24">
        <v>0</v>
      </c>
      <c r="FB14" s="25">
        <v>0</v>
      </c>
      <c r="FC14" s="26">
        <v>0</v>
      </c>
      <c r="FD14" s="404">
        <v>0</v>
      </c>
      <c r="FE14" s="25">
        <v>0</v>
      </c>
      <c r="FF14" s="25">
        <v>0</v>
      </c>
      <c r="FG14" s="25">
        <v>0</v>
      </c>
      <c r="FH14" s="25">
        <v>420</v>
      </c>
      <c r="FI14" s="25">
        <v>2471</v>
      </c>
      <c r="FJ14" s="28">
        <v>2891</v>
      </c>
      <c r="FK14" s="29">
        <v>2891</v>
      </c>
      <c r="FL14" s="24">
        <v>0</v>
      </c>
      <c r="FM14" s="25">
        <v>0</v>
      </c>
      <c r="FN14" s="26">
        <v>0</v>
      </c>
      <c r="FO14" s="404">
        <v>0</v>
      </c>
      <c r="FP14" s="25">
        <v>0</v>
      </c>
      <c r="FQ14" s="25">
        <v>0</v>
      </c>
      <c r="FR14" s="25">
        <v>0</v>
      </c>
      <c r="FS14" s="25">
        <v>46110</v>
      </c>
      <c r="FT14" s="25">
        <v>98220</v>
      </c>
      <c r="FU14" s="28">
        <v>144330</v>
      </c>
      <c r="FV14" s="29">
        <v>144330</v>
      </c>
      <c r="FW14" s="24">
        <v>0</v>
      </c>
      <c r="FX14" s="25">
        <v>22344</v>
      </c>
      <c r="FY14" s="26">
        <v>22344</v>
      </c>
      <c r="FZ14" s="27">
        <v>0</v>
      </c>
      <c r="GA14" s="25">
        <v>183319</v>
      </c>
      <c r="GB14" s="25">
        <v>418624</v>
      </c>
      <c r="GC14" s="25">
        <v>381416</v>
      </c>
      <c r="GD14" s="25">
        <v>540535</v>
      </c>
      <c r="GE14" s="25">
        <v>296099</v>
      </c>
      <c r="GF14" s="28">
        <v>1819993</v>
      </c>
      <c r="GG14" s="29">
        <v>1842337</v>
      </c>
      <c r="GH14" s="24">
        <v>0</v>
      </c>
      <c r="GI14" s="25">
        <v>0</v>
      </c>
      <c r="GJ14" s="26">
        <v>0</v>
      </c>
      <c r="GK14" s="27">
        <v>0</v>
      </c>
      <c r="GL14" s="25">
        <v>49</v>
      </c>
      <c r="GM14" s="25">
        <v>0</v>
      </c>
      <c r="GN14" s="25">
        <v>70</v>
      </c>
      <c r="GO14" s="25">
        <v>1696</v>
      </c>
      <c r="GP14" s="25">
        <v>4775</v>
      </c>
      <c r="GQ14" s="28">
        <v>6590</v>
      </c>
      <c r="GR14" s="29">
        <v>6590</v>
      </c>
      <c r="GS14" s="24">
        <v>0</v>
      </c>
      <c r="GT14" s="25">
        <v>0</v>
      </c>
      <c r="GU14" s="26">
        <v>0</v>
      </c>
      <c r="GV14" s="27">
        <v>0</v>
      </c>
      <c r="GW14" s="25">
        <v>0</v>
      </c>
      <c r="GX14" s="25">
        <v>0</v>
      </c>
      <c r="GY14" s="25">
        <v>0</v>
      </c>
      <c r="GZ14" s="25">
        <v>0</v>
      </c>
      <c r="HA14" s="25">
        <v>0</v>
      </c>
      <c r="HB14" s="28">
        <v>0</v>
      </c>
      <c r="HC14" s="29">
        <v>0</v>
      </c>
      <c r="HD14" s="24">
        <v>0</v>
      </c>
      <c r="HE14" s="25">
        <v>0</v>
      </c>
      <c r="HF14" s="26">
        <v>0</v>
      </c>
      <c r="HG14" s="404">
        <v>0</v>
      </c>
      <c r="HH14" s="25">
        <v>0</v>
      </c>
      <c r="HI14" s="25">
        <v>0</v>
      </c>
      <c r="HJ14" s="25">
        <v>0</v>
      </c>
      <c r="HK14" s="25">
        <v>0</v>
      </c>
      <c r="HL14" s="25">
        <v>0</v>
      </c>
      <c r="HM14" s="28">
        <v>0</v>
      </c>
      <c r="HN14" s="29">
        <v>0</v>
      </c>
      <c r="HO14" s="24">
        <v>0</v>
      </c>
      <c r="HP14" s="25">
        <v>35899</v>
      </c>
      <c r="HQ14" s="26">
        <v>35899</v>
      </c>
      <c r="HR14" s="27">
        <v>0</v>
      </c>
      <c r="HS14" s="25">
        <v>1138395</v>
      </c>
      <c r="HT14" s="25">
        <v>2135208</v>
      </c>
      <c r="HU14" s="25">
        <v>8708114</v>
      </c>
      <c r="HV14" s="25">
        <v>13996708</v>
      </c>
      <c r="HW14" s="25">
        <v>9474212</v>
      </c>
      <c r="HX14" s="28">
        <v>35452637</v>
      </c>
      <c r="HY14" s="29">
        <v>35488536</v>
      </c>
    </row>
    <row r="15" spans="2:233" ht="21" customHeight="1" x14ac:dyDescent="0.2">
      <c r="B15" s="106" t="s">
        <v>11</v>
      </c>
      <c r="C15" s="24">
        <v>1535</v>
      </c>
      <c r="D15" s="25">
        <v>3920</v>
      </c>
      <c r="E15" s="26">
        <v>5455</v>
      </c>
      <c r="F15" s="27">
        <v>0</v>
      </c>
      <c r="G15" s="25">
        <v>637704</v>
      </c>
      <c r="H15" s="25">
        <v>883150</v>
      </c>
      <c r="I15" s="25">
        <v>2675620</v>
      </c>
      <c r="J15" s="25">
        <v>4691436</v>
      </c>
      <c r="K15" s="25">
        <v>2549798</v>
      </c>
      <c r="L15" s="28">
        <v>11437708</v>
      </c>
      <c r="M15" s="29">
        <v>11443163</v>
      </c>
      <c r="N15" s="24">
        <v>0</v>
      </c>
      <c r="O15" s="25">
        <v>0</v>
      </c>
      <c r="P15" s="26">
        <v>0</v>
      </c>
      <c r="Q15" s="404">
        <v>0</v>
      </c>
      <c r="R15" s="25">
        <v>10625</v>
      </c>
      <c r="S15" s="25">
        <v>74100</v>
      </c>
      <c r="T15" s="25">
        <v>1569100</v>
      </c>
      <c r="U15" s="25">
        <v>3083210</v>
      </c>
      <c r="V15" s="25">
        <v>1725770</v>
      </c>
      <c r="W15" s="28">
        <v>6462805</v>
      </c>
      <c r="X15" s="29">
        <v>6462805</v>
      </c>
      <c r="Y15" s="24">
        <v>0</v>
      </c>
      <c r="Z15" s="25">
        <v>0</v>
      </c>
      <c r="AA15" s="26">
        <v>0</v>
      </c>
      <c r="AB15" s="404">
        <v>0</v>
      </c>
      <c r="AC15" s="25">
        <v>448192</v>
      </c>
      <c r="AD15" s="25">
        <v>563305</v>
      </c>
      <c r="AE15" s="25">
        <v>731780</v>
      </c>
      <c r="AF15" s="25">
        <v>1235026</v>
      </c>
      <c r="AG15" s="25">
        <v>272400</v>
      </c>
      <c r="AH15" s="28">
        <v>3250703</v>
      </c>
      <c r="AI15" s="29">
        <v>3250703</v>
      </c>
      <c r="AJ15" s="24">
        <v>0</v>
      </c>
      <c r="AK15" s="25">
        <v>0</v>
      </c>
      <c r="AL15" s="26">
        <v>0</v>
      </c>
      <c r="AM15" s="404">
        <v>0</v>
      </c>
      <c r="AN15" s="25">
        <v>0</v>
      </c>
      <c r="AO15" s="25">
        <v>0</v>
      </c>
      <c r="AP15" s="25">
        <v>0</v>
      </c>
      <c r="AQ15" s="25">
        <v>0</v>
      </c>
      <c r="AR15" s="25">
        <v>0</v>
      </c>
      <c r="AS15" s="28">
        <v>0</v>
      </c>
      <c r="AT15" s="29">
        <v>0</v>
      </c>
      <c r="AU15" s="24">
        <v>0</v>
      </c>
      <c r="AV15" s="25">
        <v>0</v>
      </c>
      <c r="AW15" s="26">
        <v>0</v>
      </c>
      <c r="AX15" s="404">
        <v>0</v>
      </c>
      <c r="AY15" s="25">
        <v>133485</v>
      </c>
      <c r="AZ15" s="25">
        <v>71100</v>
      </c>
      <c r="BA15" s="25">
        <v>26400</v>
      </c>
      <c r="BB15" s="25">
        <v>161420</v>
      </c>
      <c r="BC15" s="25">
        <v>420795</v>
      </c>
      <c r="BD15" s="28">
        <v>813200</v>
      </c>
      <c r="BE15" s="29">
        <v>813200</v>
      </c>
      <c r="BF15" s="24">
        <v>0</v>
      </c>
      <c r="BG15" s="25">
        <v>0</v>
      </c>
      <c r="BH15" s="26">
        <v>0</v>
      </c>
      <c r="BI15" s="404">
        <v>0</v>
      </c>
      <c r="BJ15" s="25">
        <v>0</v>
      </c>
      <c r="BK15" s="25">
        <v>23850</v>
      </c>
      <c r="BL15" s="25">
        <v>0</v>
      </c>
      <c r="BM15" s="25">
        <v>31650</v>
      </c>
      <c r="BN15" s="25">
        <v>0</v>
      </c>
      <c r="BO15" s="28">
        <v>55500</v>
      </c>
      <c r="BP15" s="29">
        <v>55500</v>
      </c>
      <c r="BQ15" s="24">
        <v>1535</v>
      </c>
      <c r="BR15" s="25">
        <v>3920</v>
      </c>
      <c r="BS15" s="26">
        <v>5455</v>
      </c>
      <c r="BT15" s="27">
        <v>0</v>
      </c>
      <c r="BU15" s="25">
        <v>45010</v>
      </c>
      <c r="BV15" s="25">
        <v>142875</v>
      </c>
      <c r="BW15" s="25">
        <v>343440</v>
      </c>
      <c r="BX15" s="25">
        <v>180130</v>
      </c>
      <c r="BY15" s="25">
        <v>130688</v>
      </c>
      <c r="BZ15" s="28">
        <v>842143</v>
      </c>
      <c r="CA15" s="29">
        <v>847598</v>
      </c>
      <c r="CB15" s="24">
        <v>0</v>
      </c>
      <c r="CC15" s="25">
        <v>0</v>
      </c>
      <c r="CD15" s="26">
        <v>0</v>
      </c>
      <c r="CE15" s="27">
        <v>0</v>
      </c>
      <c r="CF15" s="25">
        <v>392</v>
      </c>
      <c r="CG15" s="25">
        <v>7920</v>
      </c>
      <c r="CH15" s="25">
        <v>4900</v>
      </c>
      <c r="CI15" s="25">
        <v>0</v>
      </c>
      <c r="CJ15" s="25">
        <v>145</v>
      </c>
      <c r="CK15" s="28">
        <v>13357</v>
      </c>
      <c r="CL15" s="29">
        <v>13357</v>
      </c>
      <c r="CM15" s="24">
        <v>0</v>
      </c>
      <c r="CN15" s="25">
        <v>0</v>
      </c>
      <c r="CO15" s="26">
        <v>0</v>
      </c>
      <c r="CP15" s="27">
        <v>0</v>
      </c>
      <c r="CQ15" s="25">
        <v>0</v>
      </c>
      <c r="CR15" s="25">
        <v>0</v>
      </c>
      <c r="CS15" s="25">
        <v>0</v>
      </c>
      <c r="CT15" s="25">
        <v>0</v>
      </c>
      <c r="CU15" s="25">
        <v>0</v>
      </c>
      <c r="CV15" s="28">
        <v>0</v>
      </c>
      <c r="CW15" s="29">
        <v>0</v>
      </c>
      <c r="CX15" s="24">
        <v>0</v>
      </c>
      <c r="CY15" s="25">
        <v>0</v>
      </c>
      <c r="CZ15" s="26">
        <v>0</v>
      </c>
      <c r="DA15" s="404">
        <v>0</v>
      </c>
      <c r="DB15" s="25">
        <v>0</v>
      </c>
      <c r="DC15" s="25">
        <v>0</v>
      </c>
      <c r="DD15" s="25">
        <v>0</v>
      </c>
      <c r="DE15" s="25">
        <v>0</v>
      </c>
      <c r="DF15" s="25">
        <v>0</v>
      </c>
      <c r="DG15" s="28">
        <v>0</v>
      </c>
      <c r="DH15" s="29">
        <v>0</v>
      </c>
      <c r="DI15" s="24">
        <v>1755</v>
      </c>
      <c r="DJ15" s="25">
        <v>6978</v>
      </c>
      <c r="DK15" s="26">
        <v>8733</v>
      </c>
      <c r="DL15" s="27">
        <v>0</v>
      </c>
      <c r="DM15" s="25">
        <v>271255</v>
      </c>
      <c r="DN15" s="25">
        <v>331974</v>
      </c>
      <c r="DO15" s="25">
        <v>2712520</v>
      </c>
      <c r="DP15" s="25">
        <v>4732684</v>
      </c>
      <c r="DQ15" s="25">
        <v>2154916</v>
      </c>
      <c r="DR15" s="28">
        <v>10203349</v>
      </c>
      <c r="DS15" s="30">
        <v>10212082</v>
      </c>
      <c r="DT15" s="24">
        <v>0</v>
      </c>
      <c r="DU15" s="25">
        <v>0</v>
      </c>
      <c r="DV15" s="26">
        <v>0</v>
      </c>
      <c r="DW15" s="404">
        <v>0</v>
      </c>
      <c r="DX15" s="25">
        <v>80670</v>
      </c>
      <c r="DY15" s="25">
        <v>64530</v>
      </c>
      <c r="DZ15" s="25">
        <v>2079059</v>
      </c>
      <c r="EA15" s="25">
        <v>4220787</v>
      </c>
      <c r="EB15" s="25">
        <v>1939670</v>
      </c>
      <c r="EC15" s="28">
        <v>8384716</v>
      </c>
      <c r="ED15" s="29">
        <v>8384716</v>
      </c>
      <c r="EE15" s="24">
        <v>0</v>
      </c>
      <c r="EF15" s="25">
        <v>0</v>
      </c>
      <c r="EG15" s="26">
        <v>0</v>
      </c>
      <c r="EH15" s="404">
        <v>0</v>
      </c>
      <c r="EI15" s="25">
        <v>112577</v>
      </c>
      <c r="EJ15" s="25">
        <v>76593</v>
      </c>
      <c r="EK15" s="25">
        <v>208938</v>
      </c>
      <c r="EL15" s="25">
        <v>209647</v>
      </c>
      <c r="EM15" s="25">
        <v>24601</v>
      </c>
      <c r="EN15" s="28">
        <v>632356</v>
      </c>
      <c r="EO15" s="29">
        <v>632356</v>
      </c>
      <c r="EP15" s="24">
        <v>0</v>
      </c>
      <c r="EQ15" s="25">
        <v>0</v>
      </c>
      <c r="ER15" s="26">
        <v>0</v>
      </c>
      <c r="ES15" s="404">
        <v>0</v>
      </c>
      <c r="ET15" s="25">
        <v>0</v>
      </c>
      <c r="EU15" s="25">
        <v>0</v>
      </c>
      <c r="EV15" s="25">
        <v>0</v>
      </c>
      <c r="EW15" s="25">
        <v>0</v>
      </c>
      <c r="EX15" s="25">
        <v>0</v>
      </c>
      <c r="EY15" s="28">
        <v>0</v>
      </c>
      <c r="EZ15" s="29">
        <v>0</v>
      </c>
      <c r="FA15" s="24">
        <v>0</v>
      </c>
      <c r="FB15" s="25">
        <v>0</v>
      </c>
      <c r="FC15" s="26">
        <v>0</v>
      </c>
      <c r="FD15" s="404">
        <v>0</v>
      </c>
      <c r="FE15" s="25">
        <v>33132</v>
      </c>
      <c r="FF15" s="25">
        <v>13740</v>
      </c>
      <c r="FG15" s="25">
        <v>420</v>
      </c>
      <c r="FH15" s="25">
        <v>26966</v>
      </c>
      <c r="FI15" s="25">
        <v>68287</v>
      </c>
      <c r="FJ15" s="28">
        <v>142545</v>
      </c>
      <c r="FK15" s="29">
        <v>142545</v>
      </c>
      <c r="FL15" s="24">
        <v>0</v>
      </c>
      <c r="FM15" s="25">
        <v>0</v>
      </c>
      <c r="FN15" s="26">
        <v>0</v>
      </c>
      <c r="FO15" s="404">
        <v>0</v>
      </c>
      <c r="FP15" s="25">
        <v>0</v>
      </c>
      <c r="FQ15" s="25">
        <v>20880</v>
      </c>
      <c r="FR15" s="25">
        <v>0</v>
      </c>
      <c r="FS15" s="25">
        <v>35580</v>
      </c>
      <c r="FT15" s="25">
        <v>0</v>
      </c>
      <c r="FU15" s="28">
        <v>56460</v>
      </c>
      <c r="FV15" s="29">
        <v>56460</v>
      </c>
      <c r="FW15" s="24">
        <v>1755</v>
      </c>
      <c r="FX15" s="25">
        <v>6978</v>
      </c>
      <c r="FY15" s="26">
        <v>8733</v>
      </c>
      <c r="FZ15" s="27">
        <v>0</v>
      </c>
      <c r="GA15" s="25">
        <v>44869</v>
      </c>
      <c r="GB15" s="25">
        <v>156161</v>
      </c>
      <c r="GC15" s="25">
        <v>424061</v>
      </c>
      <c r="GD15" s="25">
        <v>239704</v>
      </c>
      <c r="GE15" s="25">
        <v>121368</v>
      </c>
      <c r="GF15" s="28">
        <v>986163</v>
      </c>
      <c r="GG15" s="29">
        <v>994896</v>
      </c>
      <c r="GH15" s="24">
        <v>0</v>
      </c>
      <c r="GI15" s="25">
        <v>0</v>
      </c>
      <c r="GJ15" s="26">
        <v>0</v>
      </c>
      <c r="GK15" s="27">
        <v>0</v>
      </c>
      <c r="GL15" s="25">
        <v>7</v>
      </c>
      <c r="GM15" s="25">
        <v>70</v>
      </c>
      <c r="GN15" s="25">
        <v>42</v>
      </c>
      <c r="GO15" s="25">
        <v>0</v>
      </c>
      <c r="GP15" s="25">
        <v>990</v>
      </c>
      <c r="GQ15" s="28">
        <v>1109</v>
      </c>
      <c r="GR15" s="29">
        <v>1109</v>
      </c>
      <c r="GS15" s="24">
        <v>0</v>
      </c>
      <c r="GT15" s="25">
        <v>0</v>
      </c>
      <c r="GU15" s="26">
        <v>0</v>
      </c>
      <c r="GV15" s="27">
        <v>0</v>
      </c>
      <c r="GW15" s="25">
        <v>0</v>
      </c>
      <c r="GX15" s="25">
        <v>0</v>
      </c>
      <c r="GY15" s="25">
        <v>0</v>
      </c>
      <c r="GZ15" s="25">
        <v>0</v>
      </c>
      <c r="HA15" s="25">
        <v>0</v>
      </c>
      <c r="HB15" s="28">
        <v>0</v>
      </c>
      <c r="HC15" s="29">
        <v>0</v>
      </c>
      <c r="HD15" s="24">
        <v>0</v>
      </c>
      <c r="HE15" s="25">
        <v>0</v>
      </c>
      <c r="HF15" s="26">
        <v>0</v>
      </c>
      <c r="HG15" s="404">
        <v>0</v>
      </c>
      <c r="HH15" s="25">
        <v>0</v>
      </c>
      <c r="HI15" s="25">
        <v>0</v>
      </c>
      <c r="HJ15" s="25">
        <v>0</v>
      </c>
      <c r="HK15" s="25">
        <v>0</v>
      </c>
      <c r="HL15" s="25">
        <v>0</v>
      </c>
      <c r="HM15" s="28">
        <v>0</v>
      </c>
      <c r="HN15" s="29">
        <v>0</v>
      </c>
      <c r="HO15" s="24">
        <v>3290</v>
      </c>
      <c r="HP15" s="25">
        <v>10898</v>
      </c>
      <c r="HQ15" s="26">
        <v>14188</v>
      </c>
      <c r="HR15" s="27">
        <v>0</v>
      </c>
      <c r="HS15" s="25">
        <v>908959</v>
      </c>
      <c r="HT15" s="25">
        <v>1215124</v>
      </c>
      <c r="HU15" s="25">
        <v>5388140</v>
      </c>
      <c r="HV15" s="25">
        <v>9424120</v>
      </c>
      <c r="HW15" s="25">
        <v>4704714</v>
      </c>
      <c r="HX15" s="28">
        <v>21641057</v>
      </c>
      <c r="HY15" s="29">
        <v>21655245</v>
      </c>
    </row>
    <row r="16" spans="2:233" ht="21" customHeight="1" x14ac:dyDescent="0.2">
      <c r="B16" s="106" t="s">
        <v>12</v>
      </c>
      <c r="C16" s="24">
        <v>5725</v>
      </c>
      <c r="D16" s="25">
        <v>0</v>
      </c>
      <c r="E16" s="26">
        <v>5725</v>
      </c>
      <c r="F16" s="27">
        <v>0</v>
      </c>
      <c r="G16" s="25">
        <v>284723</v>
      </c>
      <c r="H16" s="25">
        <v>736715</v>
      </c>
      <c r="I16" s="25">
        <v>2181530</v>
      </c>
      <c r="J16" s="25">
        <v>3798525</v>
      </c>
      <c r="K16" s="25">
        <v>1546946</v>
      </c>
      <c r="L16" s="28">
        <v>8548439</v>
      </c>
      <c r="M16" s="29">
        <v>8554164</v>
      </c>
      <c r="N16" s="24">
        <v>0</v>
      </c>
      <c r="O16" s="25">
        <v>0</v>
      </c>
      <c r="P16" s="26">
        <v>0</v>
      </c>
      <c r="Q16" s="404">
        <v>0</v>
      </c>
      <c r="R16" s="25">
        <v>2550</v>
      </c>
      <c r="S16" s="25">
        <v>63170</v>
      </c>
      <c r="T16" s="25">
        <v>1230020</v>
      </c>
      <c r="U16" s="25">
        <v>2647530</v>
      </c>
      <c r="V16" s="25">
        <v>947775</v>
      </c>
      <c r="W16" s="28">
        <v>4891045</v>
      </c>
      <c r="X16" s="29">
        <v>4891045</v>
      </c>
      <c r="Y16" s="24">
        <v>0</v>
      </c>
      <c r="Z16" s="25">
        <v>0</v>
      </c>
      <c r="AA16" s="26">
        <v>0</v>
      </c>
      <c r="AB16" s="404">
        <v>0</v>
      </c>
      <c r="AC16" s="25">
        <v>105035</v>
      </c>
      <c r="AD16" s="25">
        <v>603260</v>
      </c>
      <c r="AE16" s="25">
        <v>687918</v>
      </c>
      <c r="AF16" s="25">
        <v>832850</v>
      </c>
      <c r="AG16" s="25">
        <v>461665</v>
      </c>
      <c r="AH16" s="28">
        <v>2690728</v>
      </c>
      <c r="AI16" s="29">
        <v>2690728</v>
      </c>
      <c r="AJ16" s="24">
        <v>0</v>
      </c>
      <c r="AK16" s="25">
        <v>0</v>
      </c>
      <c r="AL16" s="26">
        <v>0</v>
      </c>
      <c r="AM16" s="404">
        <v>0</v>
      </c>
      <c r="AN16" s="25">
        <v>0</v>
      </c>
      <c r="AO16" s="25">
        <v>0</v>
      </c>
      <c r="AP16" s="25">
        <v>0</v>
      </c>
      <c r="AQ16" s="25">
        <v>0</v>
      </c>
      <c r="AR16" s="25">
        <v>0</v>
      </c>
      <c r="AS16" s="28">
        <v>0</v>
      </c>
      <c r="AT16" s="29">
        <v>0</v>
      </c>
      <c r="AU16" s="24">
        <v>0</v>
      </c>
      <c r="AV16" s="25">
        <v>0</v>
      </c>
      <c r="AW16" s="26">
        <v>0</v>
      </c>
      <c r="AX16" s="404">
        <v>0</v>
      </c>
      <c r="AY16" s="25">
        <v>0</v>
      </c>
      <c r="AZ16" s="25">
        <v>0</v>
      </c>
      <c r="BA16" s="25">
        <v>2550</v>
      </c>
      <c r="BB16" s="25">
        <v>73500</v>
      </c>
      <c r="BC16" s="25">
        <v>40980</v>
      </c>
      <c r="BD16" s="28">
        <v>117030</v>
      </c>
      <c r="BE16" s="29">
        <v>117030</v>
      </c>
      <c r="BF16" s="24">
        <v>0</v>
      </c>
      <c r="BG16" s="25">
        <v>0</v>
      </c>
      <c r="BH16" s="26">
        <v>0</v>
      </c>
      <c r="BI16" s="404">
        <v>0</v>
      </c>
      <c r="BJ16" s="25">
        <v>0</v>
      </c>
      <c r="BK16" s="25">
        <v>0</v>
      </c>
      <c r="BL16" s="25">
        <v>63085</v>
      </c>
      <c r="BM16" s="25">
        <v>131635</v>
      </c>
      <c r="BN16" s="25">
        <v>31650</v>
      </c>
      <c r="BO16" s="28">
        <v>226370</v>
      </c>
      <c r="BP16" s="29">
        <v>226370</v>
      </c>
      <c r="BQ16" s="24">
        <v>5725</v>
      </c>
      <c r="BR16" s="25">
        <v>0</v>
      </c>
      <c r="BS16" s="26">
        <v>5725</v>
      </c>
      <c r="BT16" s="27">
        <v>0</v>
      </c>
      <c r="BU16" s="25">
        <v>176623</v>
      </c>
      <c r="BV16" s="25">
        <v>47870</v>
      </c>
      <c r="BW16" s="25">
        <v>187217</v>
      </c>
      <c r="BX16" s="25">
        <v>106967</v>
      </c>
      <c r="BY16" s="25">
        <v>64876</v>
      </c>
      <c r="BZ16" s="28">
        <v>583553</v>
      </c>
      <c r="CA16" s="29">
        <v>589278</v>
      </c>
      <c r="CB16" s="24">
        <v>0</v>
      </c>
      <c r="CC16" s="25">
        <v>0</v>
      </c>
      <c r="CD16" s="26">
        <v>0</v>
      </c>
      <c r="CE16" s="27">
        <v>0</v>
      </c>
      <c r="CF16" s="25">
        <v>515</v>
      </c>
      <c r="CG16" s="25">
        <v>22415</v>
      </c>
      <c r="CH16" s="25">
        <v>10740</v>
      </c>
      <c r="CI16" s="25">
        <v>6043</v>
      </c>
      <c r="CJ16" s="25">
        <v>0</v>
      </c>
      <c r="CK16" s="28">
        <v>39713</v>
      </c>
      <c r="CL16" s="29">
        <v>39713</v>
      </c>
      <c r="CM16" s="24">
        <v>0</v>
      </c>
      <c r="CN16" s="25">
        <v>0</v>
      </c>
      <c r="CO16" s="26">
        <v>0</v>
      </c>
      <c r="CP16" s="27">
        <v>0</v>
      </c>
      <c r="CQ16" s="25">
        <v>0</v>
      </c>
      <c r="CR16" s="25">
        <v>0</v>
      </c>
      <c r="CS16" s="25">
        <v>0</v>
      </c>
      <c r="CT16" s="25">
        <v>0</v>
      </c>
      <c r="CU16" s="25">
        <v>0</v>
      </c>
      <c r="CV16" s="28">
        <v>0</v>
      </c>
      <c r="CW16" s="29">
        <v>0</v>
      </c>
      <c r="CX16" s="24">
        <v>0</v>
      </c>
      <c r="CY16" s="25">
        <v>0</v>
      </c>
      <c r="CZ16" s="26">
        <v>0</v>
      </c>
      <c r="DA16" s="404">
        <v>0</v>
      </c>
      <c r="DB16" s="25">
        <v>0</v>
      </c>
      <c r="DC16" s="25">
        <v>0</v>
      </c>
      <c r="DD16" s="25">
        <v>0</v>
      </c>
      <c r="DE16" s="25">
        <v>0</v>
      </c>
      <c r="DF16" s="25">
        <v>0</v>
      </c>
      <c r="DG16" s="28">
        <v>0</v>
      </c>
      <c r="DH16" s="29">
        <v>0</v>
      </c>
      <c r="DI16" s="24">
        <v>5490</v>
      </c>
      <c r="DJ16" s="25">
        <v>0</v>
      </c>
      <c r="DK16" s="26">
        <v>5490</v>
      </c>
      <c r="DL16" s="27">
        <v>0</v>
      </c>
      <c r="DM16" s="25">
        <v>260801</v>
      </c>
      <c r="DN16" s="25">
        <v>364008</v>
      </c>
      <c r="DO16" s="25">
        <v>2640179</v>
      </c>
      <c r="DP16" s="25">
        <v>3946626</v>
      </c>
      <c r="DQ16" s="25">
        <v>1918657</v>
      </c>
      <c r="DR16" s="28">
        <v>9130271</v>
      </c>
      <c r="DS16" s="30">
        <v>9135761</v>
      </c>
      <c r="DT16" s="24">
        <v>0</v>
      </c>
      <c r="DU16" s="25">
        <v>0</v>
      </c>
      <c r="DV16" s="26">
        <v>0</v>
      </c>
      <c r="DW16" s="404">
        <v>0</v>
      </c>
      <c r="DX16" s="25">
        <v>20880</v>
      </c>
      <c r="DY16" s="25">
        <v>172608</v>
      </c>
      <c r="DZ16" s="25">
        <v>2010339</v>
      </c>
      <c r="EA16" s="25">
        <v>3458312</v>
      </c>
      <c r="EB16" s="25">
        <v>1681979</v>
      </c>
      <c r="EC16" s="28">
        <v>7344118</v>
      </c>
      <c r="ED16" s="29">
        <v>7344118</v>
      </c>
      <c r="EE16" s="24">
        <v>0</v>
      </c>
      <c r="EF16" s="25">
        <v>0</v>
      </c>
      <c r="EG16" s="26">
        <v>0</v>
      </c>
      <c r="EH16" s="404">
        <v>0</v>
      </c>
      <c r="EI16" s="25">
        <v>37772</v>
      </c>
      <c r="EJ16" s="25">
        <v>56132</v>
      </c>
      <c r="EK16" s="25">
        <v>154918</v>
      </c>
      <c r="EL16" s="25">
        <v>114609</v>
      </c>
      <c r="EM16" s="25">
        <v>61788</v>
      </c>
      <c r="EN16" s="28">
        <v>425219</v>
      </c>
      <c r="EO16" s="29">
        <v>425219</v>
      </c>
      <c r="EP16" s="24">
        <v>0</v>
      </c>
      <c r="EQ16" s="25">
        <v>0</v>
      </c>
      <c r="ER16" s="26">
        <v>0</v>
      </c>
      <c r="ES16" s="404">
        <v>0</v>
      </c>
      <c r="ET16" s="25">
        <v>0</v>
      </c>
      <c r="EU16" s="25">
        <v>0</v>
      </c>
      <c r="EV16" s="25">
        <v>0</v>
      </c>
      <c r="EW16" s="25">
        <v>0</v>
      </c>
      <c r="EX16" s="25">
        <v>0</v>
      </c>
      <c r="EY16" s="28">
        <v>0</v>
      </c>
      <c r="EZ16" s="29">
        <v>0</v>
      </c>
      <c r="FA16" s="24">
        <v>0</v>
      </c>
      <c r="FB16" s="25">
        <v>0</v>
      </c>
      <c r="FC16" s="26">
        <v>0</v>
      </c>
      <c r="FD16" s="404">
        <v>0</v>
      </c>
      <c r="FE16" s="25">
        <v>0</v>
      </c>
      <c r="FF16" s="25">
        <v>0</v>
      </c>
      <c r="FG16" s="25">
        <v>210</v>
      </c>
      <c r="FH16" s="25">
        <v>1260</v>
      </c>
      <c r="FI16" s="25">
        <v>13740</v>
      </c>
      <c r="FJ16" s="28">
        <v>15210</v>
      </c>
      <c r="FK16" s="29">
        <v>15210</v>
      </c>
      <c r="FL16" s="24">
        <v>0</v>
      </c>
      <c r="FM16" s="25">
        <v>0</v>
      </c>
      <c r="FN16" s="26">
        <v>0</v>
      </c>
      <c r="FO16" s="404">
        <v>0</v>
      </c>
      <c r="FP16" s="25">
        <v>0</v>
      </c>
      <c r="FQ16" s="25">
        <v>0</v>
      </c>
      <c r="FR16" s="25">
        <v>167736</v>
      </c>
      <c r="FS16" s="25">
        <v>232716</v>
      </c>
      <c r="FT16" s="25">
        <v>35580</v>
      </c>
      <c r="FU16" s="28">
        <v>436032</v>
      </c>
      <c r="FV16" s="29">
        <v>436032</v>
      </c>
      <c r="FW16" s="24">
        <v>5490</v>
      </c>
      <c r="FX16" s="25">
        <v>0</v>
      </c>
      <c r="FY16" s="26">
        <v>5490</v>
      </c>
      <c r="FZ16" s="27">
        <v>0</v>
      </c>
      <c r="GA16" s="25">
        <v>200717</v>
      </c>
      <c r="GB16" s="25">
        <v>102760</v>
      </c>
      <c r="GC16" s="25">
        <v>295434</v>
      </c>
      <c r="GD16" s="25">
        <v>139666</v>
      </c>
      <c r="GE16" s="25">
        <v>118502</v>
      </c>
      <c r="GF16" s="28">
        <v>857079</v>
      </c>
      <c r="GG16" s="29">
        <v>862569</v>
      </c>
      <c r="GH16" s="24">
        <v>0</v>
      </c>
      <c r="GI16" s="25">
        <v>0</v>
      </c>
      <c r="GJ16" s="26">
        <v>0</v>
      </c>
      <c r="GK16" s="27">
        <v>0</v>
      </c>
      <c r="GL16" s="25">
        <v>1432</v>
      </c>
      <c r="GM16" s="25">
        <v>32508</v>
      </c>
      <c r="GN16" s="25">
        <v>11542</v>
      </c>
      <c r="GO16" s="25">
        <v>63</v>
      </c>
      <c r="GP16" s="25">
        <v>7068</v>
      </c>
      <c r="GQ16" s="28">
        <v>52613</v>
      </c>
      <c r="GR16" s="29">
        <v>52613</v>
      </c>
      <c r="GS16" s="24">
        <v>0</v>
      </c>
      <c r="GT16" s="25">
        <v>0</v>
      </c>
      <c r="GU16" s="26">
        <v>0</v>
      </c>
      <c r="GV16" s="27">
        <v>0</v>
      </c>
      <c r="GW16" s="25">
        <v>0</v>
      </c>
      <c r="GX16" s="25">
        <v>0</v>
      </c>
      <c r="GY16" s="25">
        <v>0</v>
      </c>
      <c r="GZ16" s="25">
        <v>0</v>
      </c>
      <c r="HA16" s="25">
        <v>0</v>
      </c>
      <c r="HB16" s="28">
        <v>0</v>
      </c>
      <c r="HC16" s="29">
        <v>0</v>
      </c>
      <c r="HD16" s="24">
        <v>0</v>
      </c>
      <c r="HE16" s="25">
        <v>0</v>
      </c>
      <c r="HF16" s="26">
        <v>0</v>
      </c>
      <c r="HG16" s="404">
        <v>0</v>
      </c>
      <c r="HH16" s="25">
        <v>0</v>
      </c>
      <c r="HI16" s="25">
        <v>0</v>
      </c>
      <c r="HJ16" s="25">
        <v>0</v>
      </c>
      <c r="HK16" s="25">
        <v>0</v>
      </c>
      <c r="HL16" s="25">
        <v>0</v>
      </c>
      <c r="HM16" s="28">
        <v>0</v>
      </c>
      <c r="HN16" s="29">
        <v>0</v>
      </c>
      <c r="HO16" s="24">
        <v>11215</v>
      </c>
      <c r="HP16" s="25">
        <v>0</v>
      </c>
      <c r="HQ16" s="26">
        <v>11215</v>
      </c>
      <c r="HR16" s="27">
        <v>0</v>
      </c>
      <c r="HS16" s="25">
        <v>545524</v>
      </c>
      <c r="HT16" s="25">
        <v>1100723</v>
      </c>
      <c r="HU16" s="25">
        <v>4821709</v>
      </c>
      <c r="HV16" s="25">
        <v>7745151</v>
      </c>
      <c r="HW16" s="25">
        <v>3465603</v>
      </c>
      <c r="HX16" s="28">
        <v>17678710</v>
      </c>
      <c r="HY16" s="29">
        <v>17689925</v>
      </c>
    </row>
    <row r="17" spans="2:233" ht="21" customHeight="1" x14ac:dyDescent="0.2">
      <c r="B17" s="106" t="s">
        <v>13</v>
      </c>
      <c r="C17" s="24">
        <v>0</v>
      </c>
      <c r="D17" s="25">
        <v>0</v>
      </c>
      <c r="E17" s="26">
        <v>0</v>
      </c>
      <c r="F17" s="27">
        <v>0</v>
      </c>
      <c r="G17" s="25">
        <v>45515</v>
      </c>
      <c r="H17" s="25">
        <v>120670</v>
      </c>
      <c r="I17" s="25">
        <v>434545</v>
      </c>
      <c r="J17" s="25">
        <v>986060</v>
      </c>
      <c r="K17" s="25">
        <v>645315</v>
      </c>
      <c r="L17" s="28">
        <v>2232105</v>
      </c>
      <c r="M17" s="29">
        <v>2232105</v>
      </c>
      <c r="N17" s="24">
        <v>0</v>
      </c>
      <c r="O17" s="25">
        <v>0</v>
      </c>
      <c r="P17" s="26">
        <v>0</v>
      </c>
      <c r="Q17" s="404">
        <v>0</v>
      </c>
      <c r="R17" s="25">
        <v>2550</v>
      </c>
      <c r="S17" s="25">
        <v>64355</v>
      </c>
      <c r="T17" s="25">
        <v>345600</v>
      </c>
      <c r="U17" s="25">
        <v>754670</v>
      </c>
      <c r="V17" s="25">
        <v>519305</v>
      </c>
      <c r="W17" s="28">
        <v>1686480</v>
      </c>
      <c r="X17" s="29">
        <v>1686480</v>
      </c>
      <c r="Y17" s="24">
        <v>0</v>
      </c>
      <c r="Z17" s="25">
        <v>0</v>
      </c>
      <c r="AA17" s="26">
        <v>0</v>
      </c>
      <c r="AB17" s="404">
        <v>0</v>
      </c>
      <c r="AC17" s="25">
        <v>39800</v>
      </c>
      <c r="AD17" s="25">
        <v>30365</v>
      </c>
      <c r="AE17" s="25">
        <v>66890</v>
      </c>
      <c r="AF17" s="25">
        <v>202530</v>
      </c>
      <c r="AG17" s="25">
        <v>41850</v>
      </c>
      <c r="AH17" s="28">
        <v>381435</v>
      </c>
      <c r="AI17" s="29">
        <v>381435</v>
      </c>
      <c r="AJ17" s="24">
        <v>0</v>
      </c>
      <c r="AK17" s="25">
        <v>0</v>
      </c>
      <c r="AL17" s="26">
        <v>0</v>
      </c>
      <c r="AM17" s="404">
        <v>0</v>
      </c>
      <c r="AN17" s="25">
        <v>0</v>
      </c>
      <c r="AO17" s="25">
        <v>0</v>
      </c>
      <c r="AP17" s="25">
        <v>0</v>
      </c>
      <c r="AQ17" s="25">
        <v>0</v>
      </c>
      <c r="AR17" s="25">
        <v>0</v>
      </c>
      <c r="AS17" s="28">
        <v>0</v>
      </c>
      <c r="AT17" s="29">
        <v>0</v>
      </c>
      <c r="AU17" s="24">
        <v>0</v>
      </c>
      <c r="AV17" s="25">
        <v>0</v>
      </c>
      <c r="AW17" s="26">
        <v>0</v>
      </c>
      <c r="AX17" s="404">
        <v>0</v>
      </c>
      <c r="AY17" s="25">
        <v>0</v>
      </c>
      <c r="AZ17" s="25">
        <v>0</v>
      </c>
      <c r="BA17" s="25">
        <v>0</v>
      </c>
      <c r="BB17" s="25">
        <v>0</v>
      </c>
      <c r="BC17" s="25">
        <v>0</v>
      </c>
      <c r="BD17" s="28">
        <v>0</v>
      </c>
      <c r="BE17" s="29">
        <v>0</v>
      </c>
      <c r="BF17" s="24">
        <v>0</v>
      </c>
      <c r="BG17" s="25">
        <v>0</v>
      </c>
      <c r="BH17" s="26">
        <v>0</v>
      </c>
      <c r="BI17" s="404">
        <v>0</v>
      </c>
      <c r="BJ17" s="25">
        <v>0</v>
      </c>
      <c r="BK17" s="25">
        <v>0</v>
      </c>
      <c r="BL17" s="25">
        <v>0</v>
      </c>
      <c r="BM17" s="25">
        <v>0</v>
      </c>
      <c r="BN17" s="25">
        <v>0</v>
      </c>
      <c r="BO17" s="28">
        <v>0</v>
      </c>
      <c r="BP17" s="29">
        <v>0</v>
      </c>
      <c r="BQ17" s="24">
        <v>0</v>
      </c>
      <c r="BR17" s="25">
        <v>0</v>
      </c>
      <c r="BS17" s="26">
        <v>0</v>
      </c>
      <c r="BT17" s="27">
        <v>0</v>
      </c>
      <c r="BU17" s="25">
        <v>3165</v>
      </c>
      <c r="BV17" s="25">
        <v>25950</v>
      </c>
      <c r="BW17" s="25">
        <v>19365</v>
      </c>
      <c r="BX17" s="25">
        <v>28860</v>
      </c>
      <c r="BY17" s="25">
        <v>72355</v>
      </c>
      <c r="BZ17" s="28">
        <v>149695</v>
      </c>
      <c r="CA17" s="29">
        <v>149695</v>
      </c>
      <c r="CB17" s="24">
        <v>0</v>
      </c>
      <c r="CC17" s="25">
        <v>0</v>
      </c>
      <c r="CD17" s="26">
        <v>0</v>
      </c>
      <c r="CE17" s="27">
        <v>0</v>
      </c>
      <c r="CF17" s="25">
        <v>0</v>
      </c>
      <c r="CG17" s="25">
        <v>0</v>
      </c>
      <c r="CH17" s="25">
        <v>2690</v>
      </c>
      <c r="CI17" s="25">
        <v>0</v>
      </c>
      <c r="CJ17" s="25">
        <v>11805</v>
      </c>
      <c r="CK17" s="28">
        <v>14495</v>
      </c>
      <c r="CL17" s="29">
        <v>14495</v>
      </c>
      <c r="CM17" s="24">
        <v>0</v>
      </c>
      <c r="CN17" s="25">
        <v>0</v>
      </c>
      <c r="CO17" s="26">
        <v>0</v>
      </c>
      <c r="CP17" s="27">
        <v>0</v>
      </c>
      <c r="CQ17" s="25">
        <v>0</v>
      </c>
      <c r="CR17" s="25">
        <v>0</v>
      </c>
      <c r="CS17" s="25">
        <v>0</v>
      </c>
      <c r="CT17" s="25">
        <v>0</v>
      </c>
      <c r="CU17" s="25">
        <v>0</v>
      </c>
      <c r="CV17" s="28">
        <v>0</v>
      </c>
      <c r="CW17" s="29">
        <v>0</v>
      </c>
      <c r="CX17" s="24">
        <v>0</v>
      </c>
      <c r="CY17" s="25">
        <v>0</v>
      </c>
      <c r="CZ17" s="26">
        <v>0</v>
      </c>
      <c r="DA17" s="404">
        <v>0</v>
      </c>
      <c r="DB17" s="25">
        <v>0</v>
      </c>
      <c r="DC17" s="25">
        <v>0</v>
      </c>
      <c r="DD17" s="25">
        <v>0</v>
      </c>
      <c r="DE17" s="25">
        <v>0</v>
      </c>
      <c r="DF17" s="25">
        <v>0</v>
      </c>
      <c r="DG17" s="28">
        <v>0</v>
      </c>
      <c r="DH17" s="29">
        <v>0</v>
      </c>
      <c r="DI17" s="24">
        <v>0</v>
      </c>
      <c r="DJ17" s="25">
        <v>0</v>
      </c>
      <c r="DK17" s="26">
        <v>0</v>
      </c>
      <c r="DL17" s="27">
        <v>0</v>
      </c>
      <c r="DM17" s="25">
        <v>51849</v>
      </c>
      <c r="DN17" s="25">
        <v>79394</v>
      </c>
      <c r="DO17" s="25">
        <v>565113</v>
      </c>
      <c r="DP17" s="25">
        <v>941697</v>
      </c>
      <c r="DQ17" s="25">
        <v>764416</v>
      </c>
      <c r="DR17" s="28">
        <v>2402469</v>
      </c>
      <c r="DS17" s="30">
        <v>2402469</v>
      </c>
      <c r="DT17" s="24">
        <v>0</v>
      </c>
      <c r="DU17" s="25">
        <v>0</v>
      </c>
      <c r="DV17" s="26">
        <v>0</v>
      </c>
      <c r="DW17" s="404">
        <v>0</v>
      </c>
      <c r="DX17" s="25">
        <v>20880</v>
      </c>
      <c r="DY17" s="25">
        <v>45811</v>
      </c>
      <c r="DZ17" s="25">
        <v>520255</v>
      </c>
      <c r="EA17" s="25">
        <v>858205</v>
      </c>
      <c r="EB17" s="25">
        <v>667908</v>
      </c>
      <c r="EC17" s="28">
        <v>2113059</v>
      </c>
      <c r="ED17" s="29">
        <v>2113059</v>
      </c>
      <c r="EE17" s="24">
        <v>0</v>
      </c>
      <c r="EF17" s="25">
        <v>0</v>
      </c>
      <c r="EG17" s="26">
        <v>0</v>
      </c>
      <c r="EH17" s="404">
        <v>0</v>
      </c>
      <c r="EI17" s="25">
        <v>21861</v>
      </c>
      <c r="EJ17" s="25">
        <v>630</v>
      </c>
      <c r="EK17" s="25">
        <v>1148</v>
      </c>
      <c r="EL17" s="25">
        <v>2625</v>
      </c>
      <c r="EM17" s="25">
        <v>840</v>
      </c>
      <c r="EN17" s="28">
        <v>27104</v>
      </c>
      <c r="EO17" s="29">
        <v>27104</v>
      </c>
      <c r="EP17" s="24">
        <v>0</v>
      </c>
      <c r="EQ17" s="25">
        <v>0</v>
      </c>
      <c r="ER17" s="26">
        <v>0</v>
      </c>
      <c r="ES17" s="404">
        <v>0</v>
      </c>
      <c r="ET17" s="25">
        <v>0</v>
      </c>
      <c r="EU17" s="25">
        <v>0</v>
      </c>
      <c r="EV17" s="25">
        <v>0</v>
      </c>
      <c r="EW17" s="25">
        <v>0</v>
      </c>
      <c r="EX17" s="25">
        <v>0</v>
      </c>
      <c r="EY17" s="28">
        <v>0</v>
      </c>
      <c r="EZ17" s="29">
        <v>0</v>
      </c>
      <c r="FA17" s="24">
        <v>0</v>
      </c>
      <c r="FB17" s="25">
        <v>0</v>
      </c>
      <c r="FC17" s="26">
        <v>0</v>
      </c>
      <c r="FD17" s="404">
        <v>0</v>
      </c>
      <c r="FE17" s="25">
        <v>0</v>
      </c>
      <c r="FF17" s="25">
        <v>0</v>
      </c>
      <c r="FG17" s="25">
        <v>0</v>
      </c>
      <c r="FH17" s="25">
        <v>0</v>
      </c>
      <c r="FI17" s="25">
        <v>0</v>
      </c>
      <c r="FJ17" s="28">
        <v>0</v>
      </c>
      <c r="FK17" s="29">
        <v>0</v>
      </c>
      <c r="FL17" s="24">
        <v>0</v>
      </c>
      <c r="FM17" s="25">
        <v>0</v>
      </c>
      <c r="FN17" s="26">
        <v>0</v>
      </c>
      <c r="FO17" s="404">
        <v>0</v>
      </c>
      <c r="FP17" s="25">
        <v>0</v>
      </c>
      <c r="FQ17" s="25">
        <v>0</v>
      </c>
      <c r="FR17" s="25">
        <v>0</v>
      </c>
      <c r="FS17" s="25">
        <v>0</v>
      </c>
      <c r="FT17" s="25">
        <v>0</v>
      </c>
      <c r="FU17" s="28">
        <v>0</v>
      </c>
      <c r="FV17" s="29">
        <v>0</v>
      </c>
      <c r="FW17" s="24">
        <v>0</v>
      </c>
      <c r="FX17" s="25">
        <v>0</v>
      </c>
      <c r="FY17" s="26">
        <v>0</v>
      </c>
      <c r="FZ17" s="27">
        <v>0</v>
      </c>
      <c r="GA17" s="25">
        <v>9108</v>
      </c>
      <c r="GB17" s="25">
        <v>32953</v>
      </c>
      <c r="GC17" s="25">
        <v>43710</v>
      </c>
      <c r="GD17" s="25">
        <v>80867</v>
      </c>
      <c r="GE17" s="25">
        <v>95570</v>
      </c>
      <c r="GF17" s="28">
        <v>262208</v>
      </c>
      <c r="GG17" s="29">
        <v>262208</v>
      </c>
      <c r="GH17" s="24">
        <v>0</v>
      </c>
      <c r="GI17" s="25">
        <v>0</v>
      </c>
      <c r="GJ17" s="26">
        <v>0</v>
      </c>
      <c r="GK17" s="27">
        <v>0</v>
      </c>
      <c r="GL17" s="25">
        <v>0</v>
      </c>
      <c r="GM17" s="25">
        <v>0</v>
      </c>
      <c r="GN17" s="25">
        <v>0</v>
      </c>
      <c r="GO17" s="25">
        <v>0</v>
      </c>
      <c r="GP17" s="25">
        <v>98</v>
      </c>
      <c r="GQ17" s="28">
        <v>98</v>
      </c>
      <c r="GR17" s="29">
        <v>98</v>
      </c>
      <c r="GS17" s="24">
        <v>0</v>
      </c>
      <c r="GT17" s="25">
        <v>0</v>
      </c>
      <c r="GU17" s="26">
        <v>0</v>
      </c>
      <c r="GV17" s="27">
        <v>0</v>
      </c>
      <c r="GW17" s="25">
        <v>0</v>
      </c>
      <c r="GX17" s="25">
        <v>0</v>
      </c>
      <c r="GY17" s="25">
        <v>0</v>
      </c>
      <c r="GZ17" s="25">
        <v>0</v>
      </c>
      <c r="HA17" s="25">
        <v>0</v>
      </c>
      <c r="HB17" s="28">
        <v>0</v>
      </c>
      <c r="HC17" s="29">
        <v>0</v>
      </c>
      <c r="HD17" s="24">
        <v>0</v>
      </c>
      <c r="HE17" s="25">
        <v>0</v>
      </c>
      <c r="HF17" s="26">
        <v>0</v>
      </c>
      <c r="HG17" s="404">
        <v>0</v>
      </c>
      <c r="HH17" s="25">
        <v>0</v>
      </c>
      <c r="HI17" s="25">
        <v>0</v>
      </c>
      <c r="HJ17" s="25">
        <v>0</v>
      </c>
      <c r="HK17" s="25">
        <v>0</v>
      </c>
      <c r="HL17" s="25">
        <v>0</v>
      </c>
      <c r="HM17" s="28">
        <v>0</v>
      </c>
      <c r="HN17" s="29">
        <v>0</v>
      </c>
      <c r="HO17" s="24">
        <v>0</v>
      </c>
      <c r="HP17" s="25">
        <v>0</v>
      </c>
      <c r="HQ17" s="26">
        <v>0</v>
      </c>
      <c r="HR17" s="27">
        <v>0</v>
      </c>
      <c r="HS17" s="25">
        <v>97364</v>
      </c>
      <c r="HT17" s="25">
        <v>200064</v>
      </c>
      <c r="HU17" s="25">
        <v>999658</v>
      </c>
      <c r="HV17" s="25">
        <v>1927757</v>
      </c>
      <c r="HW17" s="25">
        <v>1409731</v>
      </c>
      <c r="HX17" s="28">
        <v>4634574</v>
      </c>
      <c r="HY17" s="29">
        <v>4634574</v>
      </c>
    </row>
    <row r="18" spans="2:233" ht="21" customHeight="1" x14ac:dyDescent="0.2">
      <c r="B18" s="106" t="s">
        <v>15</v>
      </c>
      <c r="C18" s="24">
        <v>0</v>
      </c>
      <c r="D18" s="25">
        <v>0</v>
      </c>
      <c r="E18" s="26">
        <v>0</v>
      </c>
      <c r="F18" s="27">
        <v>0</v>
      </c>
      <c r="G18" s="25">
        <v>232854</v>
      </c>
      <c r="H18" s="25">
        <v>328146</v>
      </c>
      <c r="I18" s="25">
        <v>1508397</v>
      </c>
      <c r="J18" s="25">
        <v>2468104</v>
      </c>
      <c r="K18" s="25">
        <v>1068119</v>
      </c>
      <c r="L18" s="28">
        <v>5605620</v>
      </c>
      <c r="M18" s="29">
        <v>5605620</v>
      </c>
      <c r="N18" s="24">
        <v>0</v>
      </c>
      <c r="O18" s="25">
        <v>0</v>
      </c>
      <c r="P18" s="26">
        <v>0</v>
      </c>
      <c r="Q18" s="404">
        <v>0</v>
      </c>
      <c r="R18" s="25">
        <v>31650</v>
      </c>
      <c r="S18" s="25">
        <v>23850</v>
      </c>
      <c r="T18" s="25">
        <v>1019085</v>
      </c>
      <c r="U18" s="25">
        <v>1518965</v>
      </c>
      <c r="V18" s="25">
        <v>733510</v>
      </c>
      <c r="W18" s="28">
        <v>3327060</v>
      </c>
      <c r="X18" s="29">
        <v>3327060</v>
      </c>
      <c r="Y18" s="24">
        <v>0</v>
      </c>
      <c r="Z18" s="25">
        <v>0</v>
      </c>
      <c r="AA18" s="26">
        <v>0</v>
      </c>
      <c r="AB18" s="404">
        <v>0</v>
      </c>
      <c r="AC18" s="25">
        <v>191220</v>
      </c>
      <c r="AD18" s="25">
        <v>277197</v>
      </c>
      <c r="AE18" s="25">
        <v>292443</v>
      </c>
      <c r="AF18" s="25">
        <v>639645</v>
      </c>
      <c r="AG18" s="25">
        <v>177720</v>
      </c>
      <c r="AH18" s="28">
        <v>1578225</v>
      </c>
      <c r="AI18" s="29">
        <v>1578225</v>
      </c>
      <c r="AJ18" s="24">
        <v>0</v>
      </c>
      <c r="AK18" s="25">
        <v>0</v>
      </c>
      <c r="AL18" s="26">
        <v>0</v>
      </c>
      <c r="AM18" s="404">
        <v>0</v>
      </c>
      <c r="AN18" s="25">
        <v>0</v>
      </c>
      <c r="AO18" s="25">
        <v>0</v>
      </c>
      <c r="AP18" s="25">
        <v>0</v>
      </c>
      <c r="AQ18" s="25">
        <v>0</v>
      </c>
      <c r="AR18" s="25">
        <v>0</v>
      </c>
      <c r="AS18" s="28">
        <v>0</v>
      </c>
      <c r="AT18" s="29">
        <v>0</v>
      </c>
      <c r="AU18" s="24">
        <v>0</v>
      </c>
      <c r="AV18" s="25">
        <v>0</v>
      </c>
      <c r="AW18" s="26">
        <v>0</v>
      </c>
      <c r="AX18" s="404">
        <v>0</v>
      </c>
      <c r="AY18" s="25">
        <v>0</v>
      </c>
      <c r="AZ18" s="25">
        <v>0</v>
      </c>
      <c r="BA18" s="25">
        <v>0</v>
      </c>
      <c r="BB18" s="25">
        <v>0</v>
      </c>
      <c r="BC18" s="25">
        <v>0</v>
      </c>
      <c r="BD18" s="28">
        <v>0</v>
      </c>
      <c r="BE18" s="29">
        <v>0</v>
      </c>
      <c r="BF18" s="24">
        <v>0</v>
      </c>
      <c r="BG18" s="25">
        <v>0</v>
      </c>
      <c r="BH18" s="26">
        <v>0</v>
      </c>
      <c r="BI18" s="404">
        <v>0</v>
      </c>
      <c r="BJ18" s="25">
        <v>0</v>
      </c>
      <c r="BK18" s="25">
        <v>0</v>
      </c>
      <c r="BL18" s="25">
        <v>65700</v>
      </c>
      <c r="BM18" s="25">
        <v>123985</v>
      </c>
      <c r="BN18" s="25">
        <v>65850</v>
      </c>
      <c r="BO18" s="28">
        <v>255535</v>
      </c>
      <c r="BP18" s="29">
        <v>255535</v>
      </c>
      <c r="BQ18" s="24">
        <v>0</v>
      </c>
      <c r="BR18" s="25">
        <v>0</v>
      </c>
      <c r="BS18" s="26">
        <v>0</v>
      </c>
      <c r="BT18" s="27">
        <v>0</v>
      </c>
      <c r="BU18" s="25">
        <v>7809</v>
      </c>
      <c r="BV18" s="25">
        <v>25768</v>
      </c>
      <c r="BW18" s="25">
        <v>128994</v>
      </c>
      <c r="BX18" s="25">
        <v>170031</v>
      </c>
      <c r="BY18" s="25">
        <v>91039</v>
      </c>
      <c r="BZ18" s="28">
        <v>423641</v>
      </c>
      <c r="CA18" s="29">
        <v>423641</v>
      </c>
      <c r="CB18" s="24">
        <v>0</v>
      </c>
      <c r="CC18" s="25">
        <v>0</v>
      </c>
      <c r="CD18" s="26">
        <v>0</v>
      </c>
      <c r="CE18" s="27">
        <v>0</v>
      </c>
      <c r="CF18" s="25">
        <v>2175</v>
      </c>
      <c r="CG18" s="25">
        <v>1331</v>
      </c>
      <c r="CH18" s="25">
        <v>2175</v>
      </c>
      <c r="CI18" s="25">
        <v>15478</v>
      </c>
      <c r="CJ18" s="25">
        <v>0</v>
      </c>
      <c r="CK18" s="28">
        <v>21159</v>
      </c>
      <c r="CL18" s="29">
        <v>21159</v>
      </c>
      <c r="CM18" s="24">
        <v>0</v>
      </c>
      <c r="CN18" s="25">
        <v>0</v>
      </c>
      <c r="CO18" s="26">
        <v>0</v>
      </c>
      <c r="CP18" s="27">
        <v>0</v>
      </c>
      <c r="CQ18" s="25">
        <v>0</v>
      </c>
      <c r="CR18" s="25">
        <v>0</v>
      </c>
      <c r="CS18" s="25">
        <v>0</v>
      </c>
      <c r="CT18" s="25">
        <v>0</v>
      </c>
      <c r="CU18" s="25">
        <v>0</v>
      </c>
      <c r="CV18" s="28">
        <v>0</v>
      </c>
      <c r="CW18" s="29">
        <v>0</v>
      </c>
      <c r="CX18" s="24">
        <v>0</v>
      </c>
      <c r="CY18" s="25">
        <v>0</v>
      </c>
      <c r="CZ18" s="26">
        <v>0</v>
      </c>
      <c r="DA18" s="404">
        <v>0</v>
      </c>
      <c r="DB18" s="25">
        <v>0</v>
      </c>
      <c r="DC18" s="25">
        <v>0</v>
      </c>
      <c r="DD18" s="25">
        <v>0</v>
      </c>
      <c r="DE18" s="25">
        <v>0</v>
      </c>
      <c r="DF18" s="25">
        <v>0</v>
      </c>
      <c r="DG18" s="28">
        <v>0</v>
      </c>
      <c r="DH18" s="29">
        <v>0</v>
      </c>
      <c r="DI18" s="24">
        <v>0</v>
      </c>
      <c r="DJ18" s="25">
        <v>0</v>
      </c>
      <c r="DK18" s="26">
        <v>0</v>
      </c>
      <c r="DL18" s="27">
        <v>0</v>
      </c>
      <c r="DM18" s="25">
        <v>65355</v>
      </c>
      <c r="DN18" s="25">
        <v>142421</v>
      </c>
      <c r="DO18" s="25">
        <v>1408811</v>
      </c>
      <c r="DP18" s="25">
        <v>2339746</v>
      </c>
      <c r="DQ18" s="25">
        <v>1057431</v>
      </c>
      <c r="DR18" s="28">
        <v>5013764</v>
      </c>
      <c r="DS18" s="30">
        <v>5013764</v>
      </c>
      <c r="DT18" s="24">
        <v>0</v>
      </c>
      <c r="DU18" s="25">
        <v>0</v>
      </c>
      <c r="DV18" s="26">
        <v>0</v>
      </c>
      <c r="DW18" s="404">
        <v>0</v>
      </c>
      <c r="DX18" s="25">
        <v>14550</v>
      </c>
      <c r="DY18" s="25">
        <v>10530</v>
      </c>
      <c r="DZ18" s="25">
        <v>1018027</v>
      </c>
      <c r="EA18" s="25">
        <v>1853597</v>
      </c>
      <c r="EB18" s="25">
        <v>838503</v>
      </c>
      <c r="EC18" s="28">
        <v>3735207</v>
      </c>
      <c r="ED18" s="29">
        <v>3735207</v>
      </c>
      <c r="EE18" s="24">
        <v>0</v>
      </c>
      <c r="EF18" s="25">
        <v>0</v>
      </c>
      <c r="EG18" s="26">
        <v>0</v>
      </c>
      <c r="EH18" s="404">
        <v>0</v>
      </c>
      <c r="EI18" s="25">
        <v>40051</v>
      </c>
      <c r="EJ18" s="25">
        <v>76702</v>
      </c>
      <c r="EK18" s="25">
        <v>11820</v>
      </c>
      <c r="EL18" s="25">
        <v>54188</v>
      </c>
      <c r="EM18" s="25">
        <v>22910</v>
      </c>
      <c r="EN18" s="28">
        <v>205671</v>
      </c>
      <c r="EO18" s="29">
        <v>205671</v>
      </c>
      <c r="EP18" s="24">
        <v>0</v>
      </c>
      <c r="EQ18" s="25">
        <v>0</v>
      </c>
      <c r="ER18" s="26">
        <v>0</v>
      </c>
      <c r="ES18" s="404">
        <v>0</v>
      </c>
      <c r="ET18" s="25">
        <v>0</v>
      </c>
      <c r="EU18" s="25">
        <v>0</v>
      </c>
      <c r="EV18" s="25">
        <v>0</v>
      </c>
      <c r="EW18" s="25">
        <v>0</v>
      </c>
      <c r="EX18" s="25">
        <v>0</v>
      </c>
      <c r="EY18" s="28">
        <v>0</v>
      </c>
      <c r="EZ18" s="29">
        <v>0</v>
      </c>
      <c r="FA18" s="24">
        <v>0</v>
      </c>
      <c r="FB18" s="25">
        <v>0</v>
      </c>
      <c r="FC18" s="26">
        <v>0</v>
      </c>
      <c r="FD18" s="404">
        <v>0</v>
      </c>
      <c r="FE18" s="25">
        <v>0</v>
      </c>
      <c r="FF18" s="25">
        <v>0</v>
      </c>
      <c r="FG18" s="25">
        <v>0</v>
      </c>
      <c r="FH18" s="25">
        <v>0</v>
      </c>
      <c r="FI18" s="25">
        <v>0</v>
      </c>
      <c r="FJ18" s="28">
        <v>0</v>
      </c>
      <c r="FK18" s="29">
        <v>0</v>
      </c>
      <c r="FL18" s="24">
        <v>0</v>
      </c>
      <c r="FM18" s="25">
        <v>0</v>
      </c>
      <c r="FN18" s="26">
        <v>0</v>
      </c>
      <c r="FO18" s="404">
        <v>0</v>
      </c>
      <c r="FP18" s="25">
        <v>0</v>
      </c>
      <c r="FQ18" s="25">
        <v>0</v>
      </c>
      <c r="FR18" s="25">
        <v>139980</v>
      </c>
      <c r="FS18" s="25">
        <v>170076</v>
      </c>
      <c r="FT18" s="25">
        <v>92040</v>
      </c>
      <c r="FU18" s="28">
        <v>402096</v>
      </c>
      <c r="FV18" s="29">
        <v>402096</v>
      </c>
      <c r="FW18" s="24">
        <v>0</v>
      </c>
      <c r="FX18" s="25">
        <v>0</v>
      </c>
      <c r="FY18" s="26">
        <v>0</v>
      </c>
      <c r="FZ18" s="27">
        <v>0</v>
      </c>
      <c r="GA18" s="25">
        <v>10649</v>
      </c>
      <c r="GB18" s="25">
        <v>50893</v>
      </c>
      <c r="GC18" s="25">
        <v>238879</v>
      </c>
      <c r="GD18" s="25">
        <v>254414</v>
      </c>
      <c r="GE18" s="25">
        <v>103978</v>
      </c>
      <c r="GF18" s="28">
        <v>658813</v>
      </c>
      <c r="GG18" s="29">
        <v>658813</v>
      </c>
      <c r="GH18" s="24">
        <v>0</v>
      </c>
      <c r="GI18" s="25">
        <v>0</v>
      </c>
      <c r="GJ18" s="26">
        <v>0</v>
      </c>
      <c r="GK18" s="27">
        <v>0</v>
      </c>
      <c r="GL18" s="25">
        <v>105</v>
      </c>
      <c r="GM18" s="25">
        <v>4296</v>
      </c>
      <c r="GN18" s="25">
        <v>105</v>
      </c>
      <c r="GO18" s="25">
        <v>7471</v>
      </c>
      <c r="GP18" s="25">
        <v>0</v>
      </c>
      <c r="GQ18" s="28">
        <v>11977</v>
      </c>
      <c r="GR18" s="29">
        <v>11977</v>
      </c>
      <c r="GS18" s="24">
        <v>0</v>
      </c>
      <c r="GT18" s="25">
        <v>0</v>
      </c>
      <c r="GU18" s="26">
        <v>0</v>
      </c>
      <c r="GV18" s="27">
        <v>0</v>
      </c>
      <c r="GW18" s="25">
        <v>0</v>
      </c>
      <c r="GX18" s="25">
        <v>0</v>
      </c>
      <c r="GY18" s="25">
        <v>0</v>
      </c>
      <c r="GZ18" s="25">
        <v>0</v>
      </c>
      <c r="HA18" s="25">
        <v>0</v>
      </c>
      <c r="HB18" s="28">
        <v>0</v>
      </c>
      <c r="HC18" s="29">
        <v>0</v>
      </c>
      <c r="HD18" s="24">
        <v>0</v>
      </c>
      <c r="HE18" s="25">
        <v>0</v>
      </c>
      <c r="HF18" s="26">
        <v>0</v>
      </c>
      <c r="HG18" s="404">
        <v>0</v>
      </c>
      <c r="HH18" s="25">
        <v>0</v>
      </c>
      <c r="HI18" s="25">
        <v>0</v>
      </c>
      <c r="HJ18" s="25">
        <v>0</v>
      </c>
      <c r="HK18" s="25">
        <v>0</v>
      </c>
      <c r="HL18" s="25">
        <v>0</v>
      </c>
      <c r="HM18" s="28">
        <v>0</v>
      </c>
      <c r="HN18" s="29">
        <v>0</v>
      </c>
      <c r="HO18" s="24">
        <v>0</v>
      </c>
      <c r="HP18" s="25">
        <v>0</v>
      </c>
      <c r="HQ18" s="26">
        <v>0</v>
      </c>
      <c r="HR18" s="27">
        <v>0</v>
      </c>
      <c r="HS18" s="25">
        <v>298209</v>
      </c>
      <c r="HT18" s="25">
        <v>470567</v>
      </c>
      <c r="HU18" s="25">
        <v>2917208</v>
      </c>
      <c r="HV18" s="25">
        <v>4807850</v>
      </c>
      <c r="HW18" s="25">
        <v>2125550</v>
      </c>
      <c r="HX18" s="28">
        <v>10619384</v>
      </c>
      <c r="HY18" s="29">
        <v>10619384</v>
      </c>
    </row>
    <row r="19" spans="2:233" ht="21" customHeight="1" x14ac:dyDescent="0.2">
      <c r="B19" s="106" t="s">
        <v>16</v>
      </c>
      <c r="C19" s="24">
        <v>0</v>
      </c>
      <c r="D19" s="25">
        <v>0</v>
      </c>
      <c r="E19" s="26">
        <v>0</v>
      </c>
      <c r="F19" s="27">
        <v>0</v>
      </c>
      <c r="G19" s="25">
        <v>449875</v>
      </c>
      <c r="H19" s="25">
        <v>725107</v>
      </c>
      <c r="I19" s="25">
        <v>2714794</v>
      </c>
      <c r="J19" s="25">
        <v>3531062</v>
      </c>
      <c r="K19" s="25">
        <v>1568113</v>
      </c>
      <c r="L19" s="28">
        <v>8988951</v>
      </c>
      <c r="M19" s="29">
        <v>8988951</v>
      </c>
      <c r="N19" s="24">
        <v>0</v>
      </c>
      <c r="O19" s="25">
        <v>0</v>
      </c>
      <c r="P19" s="26">
        <v>0</v>
      </c>
      <c r="Q19" s="404">
        <v>0</v>
      </c>
      <c r="R19" s="25">
        <v>81750</v>
      </c>
      <c r="S19" s="25">
        <v>73335</v>
      </c>
      <c r="T19" s="25">
        <v>1650140</v>
      </c>
      <c r="U19" s="25">
        <v>2540295</v>
      </c>
      <c r="V19" s="25">
        <v>1212420</v>
      </c>
      <c r="W19" s="28">
        <v>5557940</v>
      </c>
      <c r="X19" s="29">
        <v>5557940</v>
      </c>
      <c r="Y19" s="24">
        <v>0</v>
      </c>
      <c r="Z19" s="25">
        <v>0</v>
      </c>
      <c r="AA19" s="26">
        <v>0</v>
      </c>
      <c r="AB19" s="404">
        <v>0</v>
      </c>
      <c r="AC19" s="25">
        <v>310800</v>
      </c>
      <c r="AD19" s="25">
        <v>573967</v>
      </c>
      <c r="AE19" s="25">
        <v>931060</v>
      </c>
      <c r="AF19" s="25">
        <v>799343</v>
      </c>
      <c r="AG19" s="25">
        <v>305683</v>
      </c>
      <c r="AH19" s="28">
        <v>2920853</v>
      </c>
      <c r="AI19" s="29">
        <v>2920853</v>
      </c>
      <c r="AJ19" s="24">
        <v>0</v>
      </c>
      <c r="AK19" s="25">
        <v>0</v>
      </c>
      <c r="AL19" s="26">
        <v>0</v>
      </c>
      <c r="AM19" s="404">
        <v>0</v>
      </c>
      <c r="AN19" s="25">
        <v>0</v>
      </c>
      <c r="AO19" s="25">
        <v>0</v>
      </c>
      <c r="AP19" s="25">
        <v>0</v>
      </c>
      <c r="AQ19" s="25">
        <v>0</v>
      </c>
      <c r="AR19" s="25">
        <v>0</v>
      </c>
      <c r="AS19" s="28">
        <v>0</v>
      </c>
      <c r="AT19" s="29">
        <v>0</v>
      </c>
      <c r="AU19" s="24">
        <v>0</v>
      </c>
      <c r="AV19" s="25">
        <v>0</v>
      </c>
      <c r="AW19" s="26">
        <v>0</v>
      </c>
      <c r="AX19" s="404">
        <v>0</v>
      </c>
      <c r="AY19" s="25">
        <v>0</v>
      </c>
      <c r="AZ19" s="25">
        <v>0</v>
      </c>
      <c r="BA19" s="25">
        <v>2550</v>
      </c>
      <c r="BB19" s="25">
        <v>44550</v>
      </c>
      <c r="BC19" s="25">
        <v>4590</v>
      </c>
      <c r="BD19" s="28">
        <v>51690</v>
      </c>
      <c r="BE19" s="29">
        <v>51690</v>
      </c>
      <c r="BF19" s="24">
        <v>0</v>
      </c>
      <c r="BG19" s="25">
        <v>0</v>
      </c>
      <c r="BH19" s="26">
        <v>0</v>
      </c>
      <c r="BI19" s="404">
        <v>0</v>
      </c>
      <c r="BJ19" s="25">
        <v>0</v>
      </c>
      <c r="BK19" s="25">
        <v>0</v>
      </c>
      <c r="BL19" s="25">
        <v>31330</v>
      </c>
      <c r="BM19" s="25">
        <v>39300</v>
      </c>
      <c r="BN19" s="25">
        <v>31500</v>
      </c>
      <c r="BO19" s="28">
        <v>102130</v>
      </c>
      <c r="BP19" s="29">
        <v>102130</v>
      </c>
      <c r="BQ19" s="24">
        <v>0</v>
      </c>
      <c r="BR19" s="25">
        <v>0</v>
      </c>
      <c r="BS19" s="26">
        <v>0</v>
      </c>
      <c r="BT19" s="27">
        <v>0</v>
      </c>
      <c r="BU19" s="25">
        <v>57325</v>
      </c>
      <c r="BV19" s="25">
        <v>77805</v>
      </c>
      <c r="BW19" s="25">
        <v>99714</v>
      </c>
      <c r="BX19" s="25">
        <v>107284</v>
      </c>
      <c r="BY19" s="25">
        <v>13920</v>
      </c>
      <c r="BZ19" s="28">
        <v>356048</v>
      </c>
      <c r="CA19" s="29">
        <v>356048</v>
      </c>
      <c r="CB19" s="24">
        <v>0</v>
      </c>
      <c r="CC19" s="25">
        <v>0</v>
      </c>
      <c r="CD19" s="26">
        <v>0</v>
      </c>
      <c r="CE19" s="27">
        <v>0</v>
      </c>
      <c r="CF19" s="25">
        <v>0</v>
      </c>
      <c r="CG19" s="25">
        <v>0</v>
      </c>
      <c r="CH19" s="25">
        <v>0</v>
      </c>
      <c r="CI19" s="25">
        <v>290</v>
      </c>
      <c r="CJ19" s="25">
        <v>0</v>
      </c>
      <c r="CK19" s="28">
        <v>290</v>
      </c>
      <c r="CL19" s="29">
        <v>290</v>
      </c>
      <c r="CM19" s="24">
        <v>0</v>
      </c>
      <c r="CN19" s="25">
        <v>0</v>
      </c>
      <c r="CO19" s="26">
        <v>0</v>
      </c>
      <c r="CP19" s="27">
        <v>0</v>
      </c>
      <c r="CQ19" s="25">
        <v>0</v>
      </c>
      <c r="CR19" s="25">
        <v>0</v>
      </c>
      <c r="CS19" s="25">
        <v>0</v>
      </c>
      <c r="CT19" s="25">
        <v>0</v>
      </c>
      <c r="CU19" s="25">
        <v>0</v>
      </c>
      <c r="CV19" s="28">
        <v>0</v>
      </c>
      <c r="CW19" s="29">
        <v>0</v>
      </c>
      <c r="CX19" s="24">
        <v>0</v>
      </c>
      <c r="CY19" s="25">
        <v>0</v>
      </c>
      <c r="CZ19" s="26">
        <v>0</v>
      </c>
      <c r="DA19" s="404">
        <v>0</v>
      </c>
      <c r="DB19" s="25">
        <v>0</v>
      </c>
      <c r="DC19" s="25">
        <v>0</v>
      </c>
      <c r="DD19" s="25">
        <v>0</v>
      </c>
      <c r="DE19" s="25">
        <v>0</v>
      </c>
      <c r="DF19" s="25">
        <v>0</v>
      </c>
      <c r="DG19" s="28">
        <v>0</v>
      </c>
      <c r="DH19" s="29">
        <v>0</v>
      </c>
      <c r="DI19" s="24">
        <v>0</v>
      </c>
      <c r="DJ19" s="25">
        <v>0</v>
      </c>
      <c r="DK19" s="26">
        <v>0</v>
      </c>
      <c r="DL19" s="27">
        <v>0</v>
      </c>
      <c r="DM19" s="25">
        <v>303822</v>
      </c>
      <c r="DN19" s="25">
        <v>547733</v>
      </c>
      <c r="DO19" s="25">
        <v>3185349</v>
      </c>
      <c r="DP19" s="25">
        <v>3721160</v>
      </c>
      <c r="DQ19" s="25">
        <v>1620478</v>
      </c>
      <c r="DR19" s="28">
        <v>9378542</v>
      </c>
      <c r="DS19" s="30">
        <v>9378542</v>
      </c>
      <c r="DT19" s="24">
        <v>0</v>
      </c>
      <c r="DU19" s="25">
        <v>0</v>
      </c>
      <c r="DV19" s="26">
        <v>0</v>
      </c>
      <c r="DW19" s="404">
        <v>0</v>
      </c>
      <c r="DX19" s="25">
        <v>104045</v>
      </c>
      <c r="DY19" s="25">
        <v>195972</v>
      </c>
      <c r="DZ19" s="25">
        <v>2538044</v>
      </c>
      <c r="EA19" s="25">
        <v>3241751</v>
      </c>
      <c r="EB19" s="25">
        <v>1437138</v>
      </c>
      <c r="EC19" s="28">
        <v>7516950</v>
      </c>
      <c r="ED19" s="29">
        <v>7516950</v>
      </c>
      <c r="EE19" s="24">
        <v>0</v>
      </c>
      <c r="EF19" s="25">
        <v>0</v>
      </c>
      <c r="EG19" s="26">
        <v>0</v>
      </c>
      <c r="EH19" s="404">
        <v>0</v>
      </c>
      <c r="EI19" s="25">
        <v>106803</v>
      </c>
      <c r="EJ19" s="25">
        <v>222698</v>
      </c>
      <c r="EK19" s="25">
        <v>383298</v>
      </c>
      <c r="EL19" s="25">
        <v>231484</v>
      </c>
      <c r="EM19" s="25">
        <v>64353</v>
      </c>
      <c r="EN19" s="28">
        <v>1008636</v>
      </c>
      <c r="EO19" s="29">
        <v>1008636</v>
      </c>
      <c r="EP19" s="24">
        <v>0</v>
      </c>
      <c r="EQ19" s="25">
        <v>0</v>
      </c>
      <c r="ER19" s="26">
        <v>0</v>
      </c>
      <c r="ES19" s="404">
        <v>0</v>
      </c>
      <c r="ET19" s="25">
        <v>0</v>
      </c>
      <c r="EU19" s="25">
        <v>0</v>
      </c>
      <c r="EV19" s="25">
        <v>0</v>
      </c>
      <c r="EW19" s="25">
        <v>0</v>
      </c>
      <c r="EX19" s="25">
        <v>0</v>
      </c>
      <c r="EY19" s="28">
        <v>0</v>
      </c>
      <c r="EZ19" s="29">
        <v>0</v>
      </c>
      <c r="FA19" s="24">
        <v>0</v>
      </c>
      <c r="FB19" s="25">
        <v>0</v>
      </c>
      <c r="FC19" s="26">
        <v>0</v>
      </c>
      <c r="FD19" s="404">
        <v>0</v>
      </c>
      <c r="FE19" s="25">
        <v>0</v>
      </c>
      <c r="FF19" s="25">
        <v>0</v>
      </c>
      <c r="FG19" s="25">
        <v>210</v>
      </c>
      <c r="FH19" s="25">
        <v>13950</v>
      </c>
      <c r="FI19" s="25">
        <v>420</v>
      </c>
      <c r="FJ19" s="28">
        <v>14580</v>
      </c>
      <c r="FK19" s="29">
        <v>14580</v>
      </c>
      <c r="FL19" s="24">
        <v>0</v>
      </c>
      <c r="FM19" s="25">
        <v>0</v>
      </c>
      <c r="FN19" s="26">
        <v>0</v>
      </c>
      <c r="FO19" s="404">
        <v>0</v>
      </c>
      <c r="FP19" s="25">
        <v>0</v>
      </c>
      <c r="FQ19" s="25">
        <v>0</v>
      </c>
      <c r="FR19" s="25">
        <v>83520</v>
      </c>
      <c r="FS19" s="25">
        <v>98220</v>
      </c>
      <c r="FT19" s="25">
        <v>83520</v>
      </c>
      <c r="FU19" s="28">
        <v>265260</v>
      </c>
      <c r="FV19" s="29">
        <v>265260</v>
      </c>
      <c r="FW19" s="24">
        <v>0</v>
      </c>
      <c r="FX19" s="25">
        <v>0</v>
      </c>
      <c r="FY19" s="26">
        <v>0</v>
      </c>
      <c r="FZ19" s="27">
        <v>0</v>
      </c>
      <c r="GA19" s="25">
        <v>92974</v>
      </c>
      <c r="GB19" s="25">
        <v>129063</v>
      </c>
      <c r="GC19" s="25">
        <v>180277</v>
      </c>
      <c r="GD19" s="25">
        <v>135741</v>
      </c>
      <c r="GE19" s="25">
        <v>35047</v>
      </c>
      <c r="GF19" s="28">
        <v>573102</v>
      </c>
      <c r="GG19" s="29">
        <v>573102</v>
      </c>
      <c r="GH19" s="24">
        <v>0</v>
      </c>
      <c r="GI19" s="25">
        <v>0</v>
      </c>
      <c r="GJ19" s="26">
        <v>0</v>
      </c>
      <c r="GK19" s="27">
        <v>0</v>
      </c>
      <c r="GL19" s="25">
        <v>0</v>
      </c>
      <c r="GM19" s="25">
        <v>0</v>
      </c>
      <c r="GN19" s="25">
        <v>0</v>
      </c>
      <c r="GO19" s="25">
        <v>14</v>
      </c>
      <c r="GP19" s="25">
        <v>0</v>
      </c>
      <c r="GQ19" s="28">
        <v>14</v>
      </c>
      <c r="GR19" s="29">
        <v>14</v>
      </c>
      <c r="GS19" s="24">
        <v>0</v>
      </c>
      <c r="GT19" s="25">
        <v>0</v>
      </c>
      <c r="GU19" s="26">
        <v>0</v>
      </c>
      <c r="GV19" s="27">
        <v>0</v>
      </c>
      <c r="GW19" s="25">
        <v>0</v>
      </c>
      <c r="GX19" s="25">
        <v>0</v>
      </c>
      <c r="GY19" s="25">
        <v>0</v>
      </c>
      <c r="GZ19" s="25">
        <v>0</v>
      </c>
      <c r="HA19" s="25">
        <v>0</v>
      </c>
      <c r="HB19" s="28">
        <v>0</v>
      </c>
      <c r="HC19" s="29">
        <v>0</v>
      </c>
      <c r="HD19" s="24">
        <v>0</v>
      </c>
      <c r="HE19" s="25">
        <v>0</v>
      </c>
      <c r="HF19" s="26">
        <v>0</v>
      </c>
      <c r="HG19" s="404">
        <v>0</v>
      </c>
      <c r="HH19" s="25">
        <v>0</v>
      </c>
      <c r="HI19" s="25">
        <v>0</v>
      </c>
      <c r="HJ19" s="25">
        <v>0</v>
      </c>
      <c r="HK19" s="25">
        <v>0</v>
      </c>
      <c r="HL19" s="25">
        <v>0</v>
      </c>
      <c r="HM19" s="28">
        <v>0</v>
      </c>
      <c r="HN19" s="29">
        <v>0</v>
      </c>
      <c r="HO19" s="24">
        <v>0</v>
      </c>
      <c r="HP19" s="25">
        <v>0</v>
      </c>
      <c r="HQ19" s="26">
        <v>0</v>
      </c>
      <c r="HR19" s="27">
        <v>0</v>
      </c>
      <c r="HS19" s="25">
        <v>753697</v>
      </c>
      <c r="HT19" s="25">
        <v>1272840</v>
      </c>
      <c r="HU19" s="25">
        <v>5900143</v>
      </c>
      <c r="HV19" s="25">
        <v>7252222</v>
      </c>
      <c r="HW19" s="25">
        <v>3188591</v>
      </c>
      <c r="HX19" s="28">
        <v>18367493</v>
      </c>
      <c r="HY19" s="29">
        <v>18367493</v>
      </c>
    </row>
    <row r="20" spans="2:233" ht="21" customHeight="1" x14ac:dyDescent="0.2">
      <c r="B20" s="106" t="s">
        <v>17</v>
      </c>
      <c r="C20" s="24">
        <v>0</v>
      </c>
      <c r="D20" s="25">
        <v>0</v>
      </c>
      <c r="E20" s="26">
        <v>0</v>
      </c>
      <c r="F20" s="27">
        <v>0</v>
      </c>
      <c r="G20" s="25">
        <v>273070</v>
      </c>
      <c r="H20" s="25">
        <v>956880</v>
      </c>
      <c r="I20" s="25">
        <v>2597576</v>
      </c>
      <c r="J20" s="25">
        <v>3392890</v>
      </c>
      <c r="K20" s="25">
        <v>2302400</v>
      </c>
      <c r="L20" s="28">
        <v>9522816</v>
      </c>
      <c r="M20" s="29">
        <v>9522816</v>
      </c>
      <c r="N20" s="24">
        <v>0</v>
      </c>
      <c r="O20" s="25">
        <v>0</v>
      </c>
      <c r="P20" s="26">
        <v>0</v>
      </c>
      <c r="Q20" s="404">
        <v>0</v>
      </c>
      <c r="R20" s="25">
        <v>59955</v>
      </c>
      <c r="S20" s="25">
        <v>131635</v>
      </c>
      <c r="T20" s="25">
        <v>1502220</v>
      </c>
      <c r="U20" s="25">
        <v>2157240</v>
      </c>
      <c r="V20" s="25">
        <v>1684205</v>
      </c>
      <c r="W20" s="28">
        <v>5535255</v>
      </c>
      <c r="X20" s="29">
        <v>5535255</v>
      </c>
      <c r="Y20" s="24">
        <v>0</v>
      </c>
      <c r="Z20" s="25">
        <v>0</v>
      </c>
      <c r="AA20" s="26">
        <v>0</v>
      </c>
      <c r="AB20" s="404">
        <v>0</v>
      </c>
      <c r="AC20" s="25">
        <v>130630</v>
      </c>
      <c r="AD20" s="25">
        <v>731290</v>
      </c>
      <c r="AE20" s="25">
        <v>741641</v>
      </c>
      <c r="AF20" s="25">
        <v>659755</v>
      </c>
      <c r="AG20" s="25">
        <v>265790</v>
      </c>
      <c r="AH20" s="28">
        <v>2529106</v>
      </c>
      <c r="AI20" s="29">
        <v>2529106</v>
      </c>
      <c r="AJ20" s="24">
        <v>0</v>
      </c>
      <c r="AK20" s="25">
        <v>0</v>
      </c>
      <c r="AL20" s="26">
        <v>0</v>
      </c>
      <c r="AM20" s="404">
        <v>0</v>
      </c>
      <c r="AN20" s="25">
        <v>0</v>
      </c>
      <c r="AO20" s="25">
        <v>0</v>
      </c>
      <c r="AP20" s="25">
        <v>0</v>
      </c>
      <c r="AQ20" s="25">
        <v>0</v>
      </c>
      <c r="AR20" s="25">
        <v>0</v>
      </c>
      <c r="AS20" s="28">
        <v>0</v>
      </c>
      <c r="AT20" s="29">
        <v>0</v>
      </c>
      <c r="AU20" s="24">
        <v>0</v>
      </c>
      <c r="AV20" s="25">
        <v>0</v>
      </c>
      <c r="AW20" s="26">
        <v>0</v>
      </c>
      <c r="AX20" s="404">
        <v>0</v>
      </c>
      <c r="AY20" s="25">
        <v>0</v>
      </c>
      <c r="AZ20" s="25">
        <v>0</v>
      </c>
      <c r="BA20" s="25">
        <v>0</v>
      </c>
      <c r="BB20" s="25">
        <v>39450</v>
      </c>
      <c r="BC20" s="25">
        <v>97500</v>
      </c>
      <c r="BD20" s="28">
        <v>136950</v>
      </c>
      <c r="BE20" s="29">
        <v>136950</v>
      </c>
      <c r="BF20" s="24">
        <v>0</v>
      </c>
      <c r="BG20" s="25">
        <v>0</v>
      </c>
      <c r="BH20" s="26">
        <v>0</v>
      </c>
      <c r="BI20" s="404">
        <v>0</v>
      </c>
      <c r="BJ20" s="25">
        <v>0</v>
      </c>
      <c r="BK20" s="25">
        <v>0</v>
      </c>
      <c r="BL20" s="25">
        <v>149255</v>
      </c>
      <c r="BM20" s="25">
        <v>214690</v>
      </c>
      <c r="BN20" s="25">
        <v>195165</v>
      </c>
      <c r="BO20" s="28">
        <v>559110</v>
      </c>
      <c r="BP20" s="29">
        <v>559110</v>
      </c>
      <c r="BQ20" s="24">
        <v>0</v>
      </c>
      <c r="BR20" s="25">
        <v>0</v>
      </c>
      <c r="BS20" s="26">
        <v>0</v>
      </c>
      <c r="BT20" s="27">
        <v>0</v>
      </c>
      <c r="BU20" s="25">
        <v>80580</v>
      </c>
      <c r="BV20" s="25">
        <v>85680</v>
      </c>
      <c r="BW20" s="25">
        <v>204315</v>
      </c>
      <c r="BX20" s="25">
        <v>311965</v>
      </c>
      <c r="BY20" s="25">
        <v>41060</v>
      </c>
      <c r="BZ20" s="28">
        <v>723600</v>
      </c>
      <c r="CA20" s="29">
        <v>723600</v>
      </c>
      <c r="CB20" s="24">
        <v>0</v>
      </c>
      <c r="CC20" s="25">
        <v>0</v>
      </c>
      <c r="CD20" s="26">
        <v>0</v>
      </c>
      <c r="CE20" s="27">
        <v>0</v>
      </c>
      <c r="CF20" s="25">
        <v>1905</v>
      </c>
      <c r="CG20" s="25">
        <v>8275</v>
      </c>
      <c r="CH20" s="25">
        <v>145</v>
      </c>
      <c r="CI20" s="25">
        <v>9790</v>
      </c>
      <c r="CJ20" s="25">
        <v>18680</v>
      </c>
      <c r="CK20" s="28">
        <v>38795</v>
      </c>
      <c r="CL20" s="29">
        <v>38795</v>
      </c>
      <c r="CM20" s="24">
        <v>0</v>
      </c>
      <c r="CN20" s="25">
        <v>0</v>
      </c>
      <c r="CO20" s="26">
        <v>0</v>
      </c>
      <c r="CP20" s="27">
        <v>0</v>
      </c>
      <c r="CQ20" s="25">
        <v>0</v>
      </c>
      <c r="CR20" s="25">
        <v>0</v>
      </c>
      <c r="CS20" s="25">
        <v>0</v>
      </c>
      <c r="CT20" s="25">
        <v>0</v>
      </c>
      <c r="CU20" s="25">
        <v>0</v>
      </c>
      <c r="CV20" s="28">
        <v>0</v>
      </c>
      <c r="CW20" s="29">
        <v>0</v>
      </c>
      <c r="CX20" s="24">
        <v>0</v>
      </c>
      <c r="CY20" s="25">
        <v>0</v>
      </c>
      <c r="CZ20" s="26">
        <v>0</v>
      </c>
      <c r="DA20" s="404">
        <v>0</v>
      </c>
      <c r="DB20" s="25">
        <v>0</v>
      </c>
      <c r="DC20" s="25">
        <v>0</v>
      </c>
      <c r="DD20" s="25">
        <v>0</v>
      </c>
      <c r="DE20" s="25">
        <v>0</v>
      </c>
      <c r="DF20" s="25">
        <v>0</v>
      </c>
      <c r="DG20" s="28">
        <v>0</v>
      </c>
      <c r="DH20" s="29">
        <v>0</v>
      </c>
      <c r="DI20" s="24">
        <v>0</v>
      </c>
      <c r="DJ20" s="25">
        <v>0</v>
      </c>
      <c r="DK20" s="26">
        <v>0</v>
      </c>
      <c r="DL20" s="27">
        <v>0</v>
      </c>
      <c r="DM20" s="25">
        <v>137367</v>
      </c>
      <c r="DN20" s="25">
        <v>340354</v>
      </c>
      <c r="DO20" s="25">
        <v>2747465</v>
      </c>
      <c r="DP20" s="25">
        <v>3902848</v>
      </c>
      <c r="DQ20" s="25">
        <v>2589565</v>
      </c>
      <c r="DR20" s="28">
        <v>9717599</v>
      </c>
      <c r="DS20" s="30">
        <v>9717599</v>
      </c>
      <c r="DT20" s="24">
        <v>0</v>
      </c>
      <c r="DU20" s="25">
        <v>0</v>
      </c>
      <c r="DV20" s="26">
        <v>0</v>
      </c>
      <c r="DW20" s="404">
        <v>0</v>
      </c>
      <c r="DX20" s="25">
        <v>62730</v>
      </c>
      <c r="DY20" s="25">
        <v>186155</v>
      </c>
      <c r="DZ20" s="25">
        <v>2037650</v>
      </c>
      <c r="EA20" s="25">
        <v>3089892</v>
      </c>
      <c r="EB20" s="25">
        <v>2147036</v>
      </c>
      <c r="EC20" s="28">
        <v>7523463</v>
      </c>
      <c r="ED20" s="29">
        <v>7523463</v>
      </c>
      <c r="EE20" s="24">
        <v>0</v>
      </c>
      <c r="EF20" s="25">
        <v>0</v>
      </c>
      <c r="EG20" s="26">
        <v>0</v>
      </c>
      <c r="EH20" s="404">
        <v>0</v>
      </c>
      <c r="EI20" s="25">
        <v>2639</v>
      </c>
      <c r="EJ20" s="25">
        <v>19000</v>
      </c>
      <c r="EK20" s="25">
        <v>81856</v>
      </c>
      <c r="EL20" s="25">
        <v>44396</v>
      </c>
      <c r="EM20" s="25">
        <v>41345</v>
      </c>
      <c r="EN20" s="28">
        <v>189236</v>
      </c>
      <c r="EO20" s="29">
        <v>189236</v>
      </c>
      <c r="EP20" s="24">
        <v>0</v>
      </c>
      <c r="EQ20" s="25">
        <v>0</v>
      </c>
      <c r="ER20" s="26">
        <v>0</v>
      </c>
      <c r="ES20" s="404">
        <v>0</v>
      </c>
      <c r="ET20" s="25">
        <v>0</v>
      </c>
      <c r="EU20" s="25">
        <v>0</v>
      </c>
      <c r="EV20" s="25">
        <v>0</v>
      </c>
      <c r="EW20" s="25">
        <v>0</v>
      </c>
      <c r="EX20" s="25">
        <v>0</v>
      </c>
      <c r="EY20" s="28">
        <v>0</v>
      </c>
      <c r="EZ20" s="29">
        <v>0</v>
      </c>
      <c r="FA20" s="24">
        <v>0</v>
      </c>
      <c r="FB20" s="25">
        <v>0</v>
      </c>
      <c r="FC20" s="26">
        <v>0</v>
      </c>
      <c r="FD20" s="404">
        <v>0</v>
      </c>
      <c r="FE20" s="25">
        <v>0</v>
      </c>
      <c r="FF20" s="25">
        <v>0</v>
      </c>
      <c r="FG20" s="25">
        <v>0</v>
      </c>
      <c r="FH20" s="25">
        <v>13530</v>
      </c>
      <c r="FI20" s="25">
        <v>840</v>
      </c>
      <c r="FJ20" s="28">
        <v>14370</v>
      </c>
      <c r="FK20" s="29">
        <v>14370</v>
      </c>
      <c r="FL20" s="24">
        <v>0</v>
      </c>
      <c r="FM20" s="25">
        <v>0</v>
      </c>
      <c r="FN20" s="26">
        <v>0</v>
      </c>
      <c r="FO20" s="404">
        <v>0</v>
      </c>
      <c r="FP20" s="25">
        <v>0</v>
      </c>
      <c r="FQ20" s="25">
        <v>0</v>
      </c>
      <c r="FR20" s="25">
        <v>315798</v>
      </c>
      <c r="FS20" s="25">
        <v>354618</v>
      </c>
      <c r="FT20" s="25">
        <v>304860</v>
      </c>
      <c r="FU20" s="28">
        <v>975276</v>
      </c>
      <c r="FV20" s="29">
        <v>975276</v>
      </c>
      <c r="FW20" s="24">
        <v>0</v>
      </c>
      <c r="FX20" s="25">
        <v>0</v>
      </c>
      <c r="FY20" s="26">
        <v>0</v>
      </c>
      <c r="FZ20" s="27">
        <v>0</v>
      </c>
      <c r="GA20" s="25">
        <v>71928</v>
      </c>
      <c r="GB20" s="25">
        <v>134912</v>
      </c>
      <c r="GC20" s="25">
        <v>312154</v>
      </c>
      <c r="GD20" s="25">
        <v>397394</v>
      </c>
      <c r="GE20" s="25">
        <v>86274</v>
      </c>
      <c r="GF20" s="28">
        <v>1002662</v>
      </c>
      <c r="GG20" s="29">
        <v>1002662</v>
      </c>
      <c r="GH20" s="24">
        <v>0</v>
      </c>
      <c r="GI20" s="25">
        <v>0</v>
      </c>
      <c r="GJ20" s="26">
        <v>0</v>
      </c>
      <c r="GK20" s="27">
        <v>0</v>
      </c>
      <c r="GL20" s="25">
        <v>70</v>
      </c>
      <c r="GM20" s="25">
        <v>287</v>
      </c>
      <c r="GN20" s="25">
        <v>7</v>
      </c>
      <c r="GO20" s="25">
        <v>3018</v>
      </c>
      <c r="GP20" s="25">
        <v>9210</v>
      </c>
      <c r="GQ20" s="28">
        <v>12592</v>
      </c>
      <c r="GR20" s="29">
        <v>12592</v>
      </c>
      <c r="GS20" s="24">
        <v>0</v>
      </c>
      <c r="GT20" s="25">
        <v>0</v>
      </c>
      <c r="GU20" s="26">
        <v>0</v>
      </c>
      <c r="GV20" s="27">
        <v>0</v>
      </c>
      <c r="GW20" s="25">
        <v>0</v>
      </c>
      <c r="GX20" s="25">
        <v>0</v>
      </c>
      <c r="GY20" s="25">
        <v>0</v>
      </c>
      <c r="GZ20" s="25">
        <v>0</v>
      </c>
      <c r="HA20" s="25">
        <v>0</v>
      </c>
      <c r="HB20" s="28">
        <v>0</v>
      </c>
      <c r="HC20" s="29">
        <v>0</v>
      </c>
      <c r="HD20" s="24">
        <v>0</v>
      </c>
      <c r="HE20" s="25">
        <v>0</v>
      </c>
      <c r="HF20" s="26">
        <v>0</v>
      </c>
      <c r="HG20" s="404">
        <v>0</v>
      </c>
      <c r="HH20" s="25">
        <v>0</v>
      </c>
      <c r="HI20" s="25">
        <v>0</v>
      </c>
      <c r="HJ20" s="25">
        <v>0</v>
      </c>
      <c r="HK20" s="25">
        <v>0</v>
      </c>
      <c r="HL20" s="25">
        <v>0</v>
      </c>
      <c r="HM20" s="28">
        <v>0</v>
      </c>
      <c r="HN20" s="29">
        <v>0</v>
      </c>
      <c r="HO20" s="24">
        <v>0</v>
      </c>
      <c r="HP20" s="25">
        <v>0</v>
      </c>
      <c r="HQ20" s="26">
        <v>0</v>
      </c>
      <c r="HR20" s="27">
        <v>0</v>
      </c>
      <c r="HS20" s="25">
        <v>410437</v>
      </c>
      <c r="HT20" s="25">
        <v>1297234</v>
      </c>
      <c r="HU20" s="25">
        <v>5345041</v>
      </c>
      <c r="HV20" s="25">
        <v>7295738</v>
      </c>
      <c r="HW20" s="25">
        <v>4891965</v>
      </c>
      <c r="HX20" s="28">
        <v>19240415</v>
      </c>
      <c r="HY20" s="29">
        <v>19240415</v>
      </c>
    </row>
    <row r="21" spans="2:233" ht="21" customHeight="1" x14ac:dyDescent="0.2">
      <c r="B21" s="106" t="s">
        <v>18</v>
      </c>
      <c r="C21" s="24">
        <v>0</v>
      </c>
      <c r="D21" s="25">
        <v>14330</v>
      </c>
      <c r="E21" s="26">
        <v>14330</v>
      </c>
      <c r="F21" s="27">
        <v>0</v>
      </c>
      <c r="G21" s="25">
        <v>253205</v>
      </c>
      <c r="H21" s="25">
        <v>594875</v>
      </c>
      <c r="I21" s="25">
        <v>2255840</v>
      </c>
      <c r="J21" s="25">
        <v>3325310</v>
      </c>
      <c r="K21" s="25">
        <v>1920119</v>
      </c>
      <c r="L21" s="28">
        <v>8349349</v>
      </c>
      <c r="M21" s="29">
        <v>8363679</v>
      </c>
      <c r="N21" s="24">
        <v>0</v>
      </c>
      <c r="O21" s="25">
        <v>0</v>
      </c>
      <c r="P21" s="26">
        <v>0</v>
      </c>
      <c r="Q21" s="404">
        <v>0</v>
      </c>
      <c r="R21" s="25">
        <v>25070</v>
      </c>
      <c r="S21" s="25">
        <v>43625</v>
      </c>
      <c r="T21" s="25">
        <v>1482155</v>
      </c>
      <c r="U21" s="25">
        <v>2880740</v>
      </c>
      <c r="V21" s="25">
        <v>1479210</v>
      </c>
      <c r="W21" s="28">
        <v>5910800</v>
      </c>
      <c r="X21" s="29">
        <v>5910800</v>
      </c>
      <c r="Y21" s="24">
        <v>0</v>
      </c>
      <c r="Z21" s="25">
        <v>0</v>
      </c>
      <c r="AA21" s="26">
        <v>0</v>
      </c>
      <c r="AB21" s="404">
        <v>0</v>
      </c>
      <c r="AC21" s="25">
        <v>142270</v>
      </c>
      <c r="AD21" s="25">
        <v>464205</v>
      </c>
      <c r="AE21" s="25">
        <v>384600</v>
      </c>
      <c r="AF21" s="25">
        <v>243915</v>
      </c>
      <c r="AG21" s="25">
        <v>289804</v>
      </c>
      <c r="AH21" s="28">
        <v>1524794</v>
      </c>
      <c r="AI21" s="29">
        <v>1524794</v>
      </c>
      <c r="AJ21" s="24">
        <v>0</v>
      </c>
      <c r="AK21" s="25">
        <v>0</v>
      </c>
      <c r="AL21" s="26">
        <v>0</v>
      </c>
      <c r="AM21" s="404">
        <v>0</v>
      </c>
      <c r="AN21" s="25">
        <v>0</v>
      </c>
      <c r="AO21" s="25">
        <v>0</v>
      </c>
      <c r="AP21" s="25">
        <v>0</v>
      </c>
      <c r="AQ21" s="25">
        <v>0</v>
      </c>
      <c r="AR21" s="25">
        <v>0</v>
      </c>
      <c r="AS21" s="28">
        <v>0</v>
      </c>
      <c r="AT21" s="29">
        <v>0</v>
      </c>
      <c r="AU21" s="24">
        <v>0</v>
      </c>
      <c r="AV21" s="25">
        <v>0</v>
      </c>
      <c r="AW21" s="26">
        <v>0</v>
      </c>
      <c r="AX21" s="404">
        <v>0</v>
      </c>
      <c r="AY21" s="25">
        <v>0</v>
      </c>
      <c r="AZ21" s="25">
        <v>0</v>
      </c>
      <c r="BA21" s="25">
        <v>0</v>
      </c>
      <c r="BB21" s="25">
        <v>28950</v>
      </c>
      <c r="BC21" s="25">
        <v>40065</v>
      </c>
      <c r="BD21" s="28">
        <v>69015</v>
      </c>
      <c r="BE21" s="29">
        <v>69015</v>
      </c>
      <c r="BF21" s="24">
        <v>0</v>
      </c>
      <c r="BG21" s="25">
        <v>0</v>
      </c>
      <c r="BH21" s="26">
        <v>0</v>
      </c>
      <c r="BI21" s="404">
        <v>0</v>
      </c>
      <c r="BJ21" s="25">
        <v>0</v>
      </c>
      <c r="BK21" s="25">
        <v>2550</v>
      </c>
      <c r="BL21" s="25">
        <v>25515</v>
      </c>
      <c r="BM21" s="25">
        <v>-102170</v>
      </c>
      <c r="BN21" s="25">
        <v>35220</v>
      </c>
      <c r="BO21" s="28">
        <v>-38885</v>
      </c>
      <c r="BP21" s="29">
        <v>-38885</v>
      </c>
      <c r="BQ21" s="24">
        <v>0</v>
      </c>
      <c r="BR21" s="25">
        <v>14330</v>
      </c>
      <c r="BS21" s="26">
        <v>14330</v>
      </c>
      <c r="BT21" s="27">
        <v>0</v>
      </c>
      <c r="BU21" s="25">
        <v>66600</v>
      </c>
      <c r="BV21" s="25">
        <v>84495</v>
      </c>
      <c r="BW21" s="25">
        <v>363570</v>
      </c>
      <c r="BX21" s="25">
        <v>263320</v>
      </c>
      <c r="BY21" s="25">
        <v>75820</v>
      </c>
      <c r="BZ21" s="28">
        <v>853805</v>
      </c>
      <c r="CA21" s="29">
        <v>868135</v>
      </c>
      <c r="CB21" s="24">
        <v>0</v>
      </c>
      <c r="CC21" s="25">
        <v>0</v>
      </c>
      <c r="CD21" s="26">
        <v>0</v>
      </c>
      <c r="CE21" s="27">
        <v>0</v>
      </c>
      <c r="CF21" s="25">
        <v>19265</v>
      </c>
      <c r="CG21" s="25">
        <v>0</v>
      </c>
      <c r="CH21" s="25">
        <v>0</v>
      </c>
      <c r="CI21" s="25">
        <v>10555</v>
      </c>
      <c r="CJ21" s="25">
        <v>0</v>
      </c>
      <c r="CK21" s="28">
        <v>29820</v>
      </c>
      <c r="CL21" s="29">
        <v>29820</v>
      </c>
      <c r="CM21" s="24">
        <v>0</v>
      </c>
      <c r="CN21" s="25">
        <v>0</v>
      </c>
      <c r="CO21" s="26">
        <v>0</v>
      </c>
      <c r="CP21" s="27">
        <v>0</v>
      </c>
      <c r="CQ21" s="25">
        <v>0</v>
      </c>
      <c r="CR21" s="25">
        <v>0</v>
      </c>
      <c r="CS21" s="25">
        <v>0</v>
      </c>
      <c r="CT21" s="25">
        <v>0</v>
      </c>
      <c r="CU21" s="25">
        <v>0</v>
      </c>
      <c r="CV21" s="28">
        <v>0</v>
      </c>
      <c r="CW21" s="29">
        <v>0</v>
      </c>
      <c r="CX21" s="24">
        <v>0</v>
      </c>
      <c r="CY21" s="25">
        <v>0</v>
      </c>
      <c r="CZ21" s="26">
        <v>0</v>
      </c>
      <c r="DA21" s="404">
        <v>0</v>
      </c>
      <c r="DB21" s="25">
        <v>0</v>
      </c>
      <c r="DC21" s="25">
        <v>0</v>
      </c>
      <c r="DD21" s="25">
        <v>0</v>
      </c>
      <c r="DE21" s="25">
        <v>0</v>
      </c>
      <c r="DF21" s="25">
        <v>0</v>
      </c>
      <c r="DG21" s="28">
        <v>0</v>
      </c>
      <c r="DH21" s="29">
        <v>0</v>
      </c>
      <c r="DI21" s="24">
        <v>0</v>
      </c>
      <c r="DJ21" s="25">
        <v>15606</v>
      </c>
      <c r="DK21" s="26">
        <v>15606</v>
      </c>
      <c r="DL21" s="27">
        <v>0</v>
      </c>
      <c r="DM21" s="25">
        <v>211862</v>
      </c>
      <c r="DN21" s="25">
        <v>402769</v>
      </c>
      <c r="DO21" s="25">
        <v>2875477</v>
      </c>
      <c r="DP21" s="25">
        <v>4187087</v>
      </c>
      <c r="DQ21" s="25">
        <v>2664070</v>
      </c>
      <c r="DR21" s="28">
        <v>10341265</v>
      </c>
      <c r="DS21" s="30">
        <v>10356871</v>
      </c>
      <c r="DT21" s="24">
        <v>0</v>
      </c>
      <c r="DU21" s="25">
        <v>0</v>
      </c>
      <c r="DV21" s="26">
        <v>0</v>
      </c>
      <c r="DW21" s="404">
        <v>0</v>
      </c>
      <c r="DX21" s="25">
        <v>57480</v>
      </c>
      <c r="DY21" s="25">
        <v>145116</v>
      </c>
      <c r="DZ21" s="25">
        <v>2163556</v>
      </c>
      <c r="EA21" s="25">
        <v>3780417</v>
      </c>
      <c r="EB21" s="25">
        <v>2415714</v>
      </c>
      <c r="EC21" s="28">
        <v>8562283</v>
      </c>
      <c r="ED21" s="29">
        <v>8562283</v>
      </c>
      <c r="EE21" s="24">
        <v>0</v>
      </c>
      <c r="EF21" s="25">
        <v>0</v>
      </c>
      <c r="EG21" s="26">
        <v>0</v>
      </c>
      <c r="EH21" s="404">
        <v>0</v>
      </c>
      <c r="EI21" s="25">
        <v>35489</v>
      </c>
      <c r="EJ21" s="25">
        <v>117231</v>
      </c>
      <c r="EK21" s="25">
        <v>122691</v>
      </c>
      <c r="EL21" s="25">
        <v>14662</v>
      </c>
      <c r="EM21" s="25">
        <v>16554</v>
      </c>
      <c r="EN21" s="28">
        <v>306627</v>
      </c>
      <c r="EO21" s="29">
        <v>306627</v>
      </c>
      <c r="EP21" s="24">
        <v>0</v>
      </c>
      <c r="EQ21" s="25">
        <v>0</v>
      </c>
      <c r="ER21" s="26">
        <v>0</v>
      </c>
      <c r="ES21" s="404">
        <v>0</v>
      </c>
      <c r="ET21" s="25">
        <v>0</v>
      </c>
      <c r="EU21" s="25">
        <v>0</v>
      </c>
      <c r="EV21" s="25">
        <v>0</v>
      </c>
      <c r="EW21" s="25">
        <v>0</v>
      </c>
      <c r="EX21" s="25">
        <v>0</v>
      </c>
      <c r="EY21" s="28">
        <v>0</v>
      </c>
      <c r="EZ21" s="29">
        <v>0</v>
      </c>
      <c r="FA21" s="24">
        <v>0</v>
      </c>
      <c r="FB21" s="25">
        <v>0</v>
      </c>
      <c r="FC21" s="26">
        <v>0</v>
      </c>
      <c r="FD21" s="404">
        <v>0</v>
      </c>
      <c r="FE21" s="25">
        <v>0</v>
      </c>
      <c r="FF21" s="25">
        <v>0</v>
      </c>
      <c r="FG21" s="25">
        <v>0</v>
      </c>
      <c r="FH21" s="25">
        <v>700</v>
      </c>
      <c r="FI21" s="25">
        <v>1050</v>
      </c>
      <c r="FJ21" s="28">
        <v>1750</v>
      </c>
      <c r="FK21" s="29">
        <v>1750</v>
      </c>
      <c r="FL21" s="24">
        <v>0</v>
      </c>
      <c r="FM21" s="25">
        <v>0</v>
      </c>
      <c r="FN21" s="26">
        <v>0</v>
      </c>
      <c r="FO21" s="404">
        <v>0</v>
      </c>
      <c r="FP21" s="25">
        <v>0</v>
      </c>
      <c r="FQ21" s="25">
        <v>20880</v>
      </c>
      <c r="FR21" s="25">
        <v>54088</v>
      </c>
      <c r="FS21" s="25">
        <v>-3228</v>
      </c>
      <c r="FT21" s="25">
        <v>64812</v>
      </c>
      <c r="FU21" s="28">
        <v>136552</v>
      </c>
      <c r="FV21" s="29">
        <v>136552</v>
      </c>
      <c r="FW21" s="24">
        <v>0</v>
      </c>
      <c r="FX21" s="25">
        <v>15606</v>
      </c>
      <c r="FY21" s="26">
        <v>15606</v>
      </c>
      <c r="FZ21" s="27">
        <v>0</v>
      </c>
      <c r="GA21" s="25">
        <v>109288</v>
      </c>
      <c r="GB21" s="25">
        <v>119542</v>
      </c>
      <c r="GC21" s="25">
        <v>535142</v>
      </c>
      <c r="GD21" s="25">
        <v>390166</v>
      </c>
      <c r="GE21" s="25">
        <v>165940</v>
      </c>
      <c r="GF21" s="28">
        <v>1320078</v>
      </c>
      <c r="GG21" s="29">
        <v>1335684</v>
      </c>
      <c r="GH21" s="24">
        <v>0</v>
      </c>
      <c r="GI21" s="25">
        <v>0</v>
      </c>
      <c r="GJ21" s="26">
        <v>0</v>
      </c>
      <c r="GK21" s="27">
        <v>0</v>
      </c>
      <c r="GL21" s="25">
        <v>9605</v>
      </c>
      <c r="GM21" s="25">
        <v>0</v>
      </c>
      <c r="GN21" s="25">
        <v>0</v>
      </c>
      <c r="GO21" s="25">
        <v>4370</v>
      </c>
      <c r="GP21" s="25">
        <v>0</v>
      </c>
      <c r="GQ21" s="28">
        <v>13975</v>
      </c>
      <c r="GR21" s="29">
        <v>13975</v>
      </c>
      <c r="GS21" s="24">
        <v>0</v>
      </c>
      <c r="GT21" s="25">
        <v>0</v>
      </c>
      <c r="GU21" s="26">
        <v>0</v>
      </c>
      <c r="GV21" s="27">
        <v>0</v>
      </c>
      <c r="GW21" s="25">
        <v>0</v>
      </c>
      <c r="GX21" s="25">
        <v>0</v>
      </c>
      <c r="GY21" s="25">
        <v>0</v>
      </c>
      <c r="GZ21" s="25">
        <v>0</v>
      </c>
      <c r="HA21" s="25">
        <v>0</v>
      </c>
      <c r="HB21" s="28">
        <v>0</v>
      </c>
      <c r="HC21" s="29">
        <v>0</v>
      </c>
      <c r="HD21" s="24">
        <v>0</v>
      </c>
      <c r="HE21" s="25">
        <v>0</v>
      </c>
      <c r="HF21" s="26">
        <v>0</v>
      </c>
      <c r="HG21" s="404">
        <v>0</v>
      </c>
      <c r="HH21" s="25">
        <v>0</v>
      </c>
      <c r="HI21" s="25">
        <v>0</v>
      </c>
      <c r="HJ21" s="25">
        <v>0</v>
      </c>
      <c r="HK21" s="25">
        <v>0</v>
      </c>
      <c r="HL21" s="25">
        <v>0</v>
      </c>
      <c r="HM21" s="28">
        <v>0</v>
      </c>
      <c r="HN21" s="29">
        <v>0</v>
      </c>
      <c r="HO21" s="24">
        <v>0</v>
      </c>
      <c r="HP21" s="25">
        <v>29936</v>
      </c>
      <c r="HQ21" s="26">
        <v>29936</v>
      </c>
      <c r="HR21" s="27">
        <v>0</v>
      </c>
      <c r="HS21" s="25">
        <v>465067</v>
      </c>
      <c r="HT21" s="25">
        <v>997644</v>
      </c>
      <c r="HU21" s="25">
        <v>5131317</v>
      </c>
      <c r="HV21" s="25">
        <v>7512397</v>
      </c>
      <c r="HW21" s="25">
        <v>4584189</v>
      </c>
      <c r="HX21" s="28">
        <v>18690614</v>
      </c>
      <c r="HY21" s="29">
        <v>18720550</v>
      </c>
    </row>
    <row r="22" spans="2:233" ht="21" customHeight="1" x14ac:dyDescent="0.2">
      <c r="B22" s="106" t="s">
        <v>19</v>
      </c>
      <c r="C22" s="24">
        <v>0</v>
      </c>
      <c r="D22" s="25">
        <v>0</v>
      </c>
      <c r="E22" s="26">
        <v>0</v>
      </c>
      <c r="F22" s="27">
        <v>0</v>
      </c>
      <c r="G22" s="25">
        <v>200895</v>
      </c>
      <c r="H22" s="25">
        <v>319310</v>
      </c>
      <c r="I22" s="25">
        <v>1492485</v>
      </c>
      <c r="J22" s="25">
        <v>1148620</v>
      </c>
      <c r="K22" s="25">
        <v>1183555</v>
      </c>
      <c r="L22" s="28">
        <v>4344865</v>
      </c>
      <c r="M22" s="29">
        <v>4344865</v>
      </c>
      <c r="N22" s="24">
        <v>0</v>
      </c>
      <c r="O22" s="25">
        <v>0</v>
      </c>
      <c r="P22" s="26">
        <v>0</v>
      </c>
      <c r="Q22" s="404">
        <v>0</v>
      </c>
      <c r="R22" s="25">
        <v>0</v>
      </c>
      <c r="S22" s="25">
        <v>44380</v>
      </c>
      <c r="T22" s="25">
        <v>870745</v>
      </c>
      <c r="U22" s="25">
        <v>974295</v>
      </c>
      <c r="V22" s="25">
        <v>1008030</v>
      </c>
      <c r="W22" s="28">
        <v>2897450</v>
      </c>
      <c r="X22" s="29">
        <v>2897450</v>
      </c>
      <c r="Y22" s="24">
        <v>0</v>
      </c>
      <c r="Z22" s="25">
        <v>0</v>
      </c>
      <c r="AA22" s="26">
        <v>0</v>
      </c>
      <c r="AB22" s="404">
        <v>0</v>
      </c>
      <c r="AC22" s="25">
        <v>174150</v>
      </c>
      <c r="AD22" s="25">
        <v>219825</v>
      </c>
      <c r="AE22" s="25">
        <v>546750</v>
      </c>
      <c r="AF22" s="25">
        <v>155400</v>
      </c>
      <c r="AG22" s="25">
        <v>164855</v>
      </c>
      <c r="AH22" s="28">
        <v>1260980</v>
      </c>
      <c r="AI22" s="29">
        <v>1260980</v>
      </c>
      <c r="AJ22" s="24">
        <v>0</v>
      </c>
      <c r="AK22" s="25">
        <v>0</v>
      </c>
      <c r="AL22" s="26">
        <v>0</v>
      </c>
      <c r="AM22" s="404">
        <v>0</v>
      </c>
      <c r="AN22" s="25">
        <v>0</v>
      </c>
      <c r="AO22" s="25">
        <v>0</v>
      </c>
      <c r="AP22" s="25">
        <v>0</v>
      </c>
      <c r="AQ22" s="25">
        <v>0</v>
      </c>
      <c r="AR22" s="25">
        <v>0</v>
      </c>
      <c r="AS22" s="28">
        <v>0</v>
      </c>
      <c r="AT22" s="29">
        <v>0</v>
      </c>
      <c r="AU22" s="24">
        <v>0</v>
      </c>
      <c r="AV22" s="25">
        <v>0</v>
      </c>
      <c r="AW22" s="26">
        <v>0</v>
      </c>
      <c r="AX22" s="404">
        <v>0</v>
      </c>
      <c r="AY22" s="25">
        <v>0</v>
      </c>
      <c r="AZ22" s="25">
        <v>0</v>
      </c>
      <c r="BA22" s="25">
        <v>0</v>
      </c>
      <c r="BB22" s="25">
        <v>0</v>
      </c>
      <c r="BC22" s="25">
        <v>0</v>
      </c>
      <c r="BD22" s="28">
        <v>0</v>
      </c>
      <c r="BE22" s="29">
        <v>0</v>
      </c>
      <c r="BF22" s="24">
        <v>0</v>
      </c>
      <c r="BG22" s="25">
        <v>0</v>
      </c>
      <c r="BH22" s="26">
        <v>0</v>
      </c>
      <c r="BI22" s="404">
        <v>0</v>
      </c>
      <c r="BJ22" s="25">
        <v>0</v>
      </c>
      <c r="BK22" s="25">
        <v>0</v>
      </c>
      <c r="BL22" s="25">
        <v>0</v>
      </c>
      <c r="BM22" s="25">
        <v>0</v>
      </c>
      <c r="BN22" s="25">
        <v>0</v>
      </c>
      <c r="BO22" s="28">
        <v>0</v>
      </c>
      <c r="BP22" s="29">
        <v>0</v>
      </c>
      <c r="BQ22" s="24">
        <v>0</v>
      </c>
      <c r="BR22" s="25">
        <v>0</v>
      </c>
      <c r="BS22" s="26">
        <v>0</v>
      </c>
      <c r="BT22" s="27">
        <v>0</v>
      </c>
      <c r="BU22" s="25">
        <v>26745</v>
      </c>
      <c r="BV22" s="25">
        <v>52915</v>
      </c>
      <c r="BW22" s="25">
        <v>68470</v>
      </c>
      <c r="BX22" s="25">
        <v>18475</v>
      </c>
      <c r="BY22" s="25">
        <v>10670</v>
      </c>
      <c r="BZ22" s="28">
        <v>177275</v>
      </c>
      <c r="CA22" s="29">
        <v>177275</v>
      </c>
      <c r="CB22" s="24">
        <v>0</v>
      </c>
      <c r="CC22" s="25">
        <v>0</v>
      </c>
      <c r="CD22" s="26">
        <v>0</v>
      </c>
      <c r="CE22" s="27">
        <v>0</v>
      </c>
      <c r="CF22" s="25">
        <v>0</v>
      </c>
      <c r="CG22" s="25">
        <v>2190</v>
      </c>
      <c r="CH22" s="25">
        <v>6520</v>
      </c>
      <c r="CI22" s="25">
        <v>450</v>
      </c>
      <c r="CJ22" s="25">
        <v>0</v>
      </c>
      <c r="CK22" s="28">
        <v>9160</v>
      </c>
      <c r="CL22" s="29">
        <v>9160</v>
      </c>
      <c r="CM22" s="24">
        <v>0</v>
      </c>
      <c r="CN22" s="25">
        <v>0</v>
      </c>
      <c r="CO22" s="26">
        <v>0</v>
      </c>
      <c r="CP22" s="27">
        <v>0</v>
      </c>
      <c r="CQ22" s="25">
        <v>0</v>
      </c>
      <c r="CR22" s="25">
        <v>0</v>
      </c>
      <c r="CS22" s="25">
        <v>0</v>
      </c>
      <c r="CT22" s="25">
        <v>0</v>
      </c>
      <c r="CU22" s="25">
        <v>0</v>
      </c>
      <c r="CV22" s="28">
        <v>0</v>
      </c>
      <c r="CW22" s="29">
        <v>0</v>
      </c>
      <c r="CX22" s="24">
        <v>0</v>
      </c>
      <c r="CY22" s="25">
        <v>0</v>
      </c>
      <c r="CZ22" s="26">
        <v>0</v>
      </c>
      <c r="DA22" s="404">
        <v>0</v>
      </c>
      <c r="DB22" s="25">
        <v>0</v>
      </c>
      <c r="DC22" s="25">
        <v>0</v>
      </c>
      <c r="DD22" s="25">
        <v>0</v>
      </c>
      <c r="DE22" s="25">
        <v>0</v>
      </c>
      <c r="DF22" s="25">
        <v>0</v>
      </c>
      <c r="DG22" s="28">
        <v>0</v>
      </c>
      <c r="DH22" s="29">
        <v>0</v>
      </c>
      <c r="DI22" s="24">
        <v>0</v>
      </c>
      <c r="DJ22" s="25">
        <v>0</v>
      </c>
      <c r="DK22" s="26">
        <v>0</v>
      </c>
      <c r="DL22" s="27">
        <v>0</v>
      </c>
      <c r="DM22" s="25">
        <v>44538</v>
      </c>
      <c r="DN22" s="25">
        <v>221384</v>
      </c>
      <c r="DO22" s="25">
        <v>1790715</v>
      </c>
      <c r="DP22" s="25">
        <v>1458480</v>
      </c>
      <c r="DQ22" s="25">
        <v>1246368</v>
      </c>
      <c r="DR22" s="28">
        <v>4761485</v>
      </c>
      <c r="DS22" s="30">
        <v>4761485</v>
      </c>
      <c r="DT22" s="24">
        <v>0</v>
      </c>
      <c r="DU22" s="25">
        <v>0</v>
      </c>
      <c r="DV22" s="26">
        <v>0</v>
      </c>
      <c r="DW22" s="404">
        <v>0</v>
      </c>
      <c r="DX22" s="25">
        <v>0</v>
      </c>
      <c r="DY22" s="25">
        <v>104640</v>
      </c>
      <c r="DZ22" s="25">
        <v>1616669</v>
      </c>
      <c r="EA22" s="25">
        <v>1423943</v>
      </c>
      <c r="EB22" s="25">
        <v>1193096</v>
      </c>
      <c r="EC22" s="28">
        <v>4338348</v>
      </c>
      <c r="ED22" s="29">
        <v>4338348</v>
      </c>
      <c r="EE22" s="24">
        <v>0</v>
      </c>
      <c r="EF22" s="25">
        <v>0</v>
      </c>
      <c r="EG22" s="26">
        <v>0</v>
      </c>
      <c r="EH22" s="404">
        <v>0</v>
      </c>
      <c r="EI22" s="25">
        <v>14370</v>
      </c>
      <c r="EJ22" s="25">
        <v>46956</v>
      </c>
      <c r="EK22" s="25">
        <v>26997</v>
      </c>
      <c r="EL22" s="25">
        <v>22350</v>
      </c>
      <c r="EM22" s="25">
        <v>37544</v>
      </c>
      <c r="EN22" s="28">
        <v>148217</v>
      </c>
      <c r="EO22" s="29">
        <v>148217</v>
      </c>
      <c r="EP22" s="24">
        <v>0</v>
      </c>
      <c r="EQ22" s="25">
        <v>0</v>
      </c>
      <c r="ER22" s="26">
        <v>0</v>
      </c>
      <c r="ES22" s="404">
        <v>0</v>
      </c>
      <c r="ET22" s="25">
        <v>0</v>
      </c>
      <c r="EU22" s="25">
        <v>0</v>
      </c>
      <c r="EV22" s="25">
        <v>0</v>
      </c>
      <c r="EW22" s="25">
        <v>0</v>
      </c>
      <c r="EX22" s="25">
        <v>0</v>
      </c>
      <c r="EY22" s="28">
        <v>0</v>
      </c>
      <c r="EZ22" s="29">
        <v>0</v>
      </c>
      <c r="FA22" s="24">
        <v>0</v>
      </c>
      <c r="FB22" s="25">
        <v>0</v>
      </c>
      <c r="FC22" s="26">
        <v>0</v>
      </c>
      <c r="FD22" s="404">
        <v>0</v>
      </c>
      <c r="FE22" s="25">
        <v>0</v>
      </c>
      <c r="FF22" s="25">
        <v>0</v>
      </c>
      <c r="FG22" s="25">
        <v>0</v>
      </c>
      <c r="FH22" s="25">
        <v>0</v>
      </c>
      <c r="FI22" s="25">
        <v>0</v>
      </c>
      <c r="FJ22" s="28">
        <v>0</v>
      </c>
      <c r="FK22" s="29">
        <v>0</v>
      </c>
      <c r="FL22" s="24">
        <v>0</v>
      </c>
      <c r="FM22" s="25">
        <v>0</v>
      </c>
      <c r="FN22" s="26">
        <v>0</v>
      </c>
      <c r="FO22" s="404">
        <v>0</v>
      </c>
      <c r="FP22" s="25">
        <v>0</v>
      </c>
      <c r="FQ22" s="25">
        <v>0</v>
      </c>
      <c r="FR22" s="25">
        <v>0</v>
      </c>
      <c r="FS22" s="25">
        <v>0</v>
      </c>
      <c r="FT22" s="25">
        <v>0</v>
      </c>
      <c r="FU22" s="28">
        <v>0</v>
      </c>
      <c r="FV22" s="29">
        <v>0</v>
      </c>
      <c r="FW22" s="24">
        <v>0</v>
      </c>
      <c r="FX22" s="25">
        <v>0</v>
      </c>
      <c r="FY22" s="26">
        <v>0</v>
      </c>
      <c r="FZ22" s="27">
        <v>0</v>
      </c>
      <c r="GA22" s="25">
        <v>30168</v>
      </c>
      <c r="GB22" s="25">
        <v>65794</v>
      </c>
      <c r="GC22" s="25">
        <v>146277</v>
      </c>
      <c r="GD22" s="25">
        <v>11078</v>
      </c>
      <c r="GE22" s="25">
        <v>13580</v>
      </c>
      <c r="GF22" s="28">
        <v>266897</v>
      </c>
      <c r="GG22" s="29">
        <v>266897</v>
      </c>
      <c r="GH22" s="24">
        <v>0</v>
      </c>
      <c r="GI22" s="25">
        <v>0</v>
      </c>
      <c r="GJ22" s="26">
        <v>0</v>
      </c>
      <c r="GK22" s="27">
        <v>0</v>
      </c>
      <c r="GL22" s="25">
        <v>0</v>
      </c>
      <c r="GM22" s="25">
        <v>3994</v>
      </c>
      <c r="GN22" s="25">
        <v>772</v>
      </c>
      <c r="GO22" s="25">
        <v>1109</v>
      </c>
      <c r="GP22" s="25">
        <v>2148</v>
      </c>
      <c r="GQ22" s="28">
        <v>8023</v>
      </c>
      <c r="GR22" s="29">
        <v>8023</v>
      </c>
      <c r="GS22" s="24">
        <v>0</v>
      </c>
      <c r="GT22" s="25">
        <v>0</v>
      </c>
      <c r="GU22" s="26">
        <v>0</v>
      </c>
      <c r="GV22" s="27">
        <v>0</v>
      </c>
      <c r="GW22" s="25">
        <v>0</v>
      </c>
      <c r="GX22" s="25">
        <v>0</v>
      </c>
      <c r="GY22" s="25">
        <v>0</v>
      </c>
      <c r="GZ22" s="25">
        <v>0</v>
      </c>
      <c r="HA22" s="25">
        <v>0</v>
      </c>
      <c r="HB22" s="28">
        <v>0</v>
      </c>
      <c r="HC22" s="29">
        <v>0</v>
      </c>
      <c r="HD22" s="24">
        <v>0</v>
      </c>
      <c r="HE22" s="25">
        <v>0</v>
      </c>
      <c r="HF22" s="26">
        <v>0</v>
      </c>
      <c r="HG22" s="404">
        <v>0</v>
      </c>
      <c r="HH22" s="25">
        <v>0</v>
      </c>
      <c r="HI22" s="25">
        <v>0</v>
      </c>
      <c r="HJ22" s="25">
        <v>0</v>
      </c>
      <c r="HK22" s="25">
        <v>0</v>
      </c>
      <c r="HL22" s="25">
        <v>0</v>
      </c>
      <c r="HM22" s="28">
        <v>0</v>
      </c>
      <c r="HN22" s="29">
        <v>0</v>
      </c>
      <c r="HO22" s="24">
        <v>0</v>
      </c>
      <c r="HP22" s="25">
        <v>0</v>
      </c>
      <c r="HQ22" s="26">
        <v>0</v>
      </c>
      <c r="HR22" s="27">
        <v>0</v>
      </c>
      <c r="HS22" s="25">
        <v>245433</v>
      </c>
      <c r="HT22" s="25">
        <v>540694</v>
      </c>
      <c r="HU22" s="25">
        <v>3283200</v>
      </c>
      <c r="HV22" s="25">
        <v>2607100</v>
      </c>
      <c r="HW22" s="25">
        <v>2429923</v>
      </c>
      <c r="HX22" s="28">
        <v>9106350</v>
      </c>
      <c r="HY22" s="29">
        <v>9106350</v>
      </c>
    </row>
    <row r="23" spans="2:233" ht="21" customHeight="1" x14ac:dyDescent="0.2">
      <c r="B23" s="106" t="s">
        <v>20</v>
      </c>
      <c r="C23" s="24">
        <v>290</v>
      </c>
      <c r="D23" s="25">
        <v>0</v>
      </c>
      <c r="E23" s="26">
        <v>290</v>
      </c>
      <c r="F23" s="27">
        <v>0</v>
      </c>
      <c r="G23" s="25">
        <v>124335</v>
      </c>
      <c r="H23" s="25">
        <v>379345</v>
      </c>
      <c r="I23" s="25">
        <v>1337280</v>
      </c>
      <c r="J23" s="25">
        <v>1588580</v>
      </c>
      <c r="K23" s="25">
        <v>763653</v>
      </c>
      <c r="L23" s="28">
        <v>4193193</v>
      </c>
      <c r="M23" s="29">
        <v>4193483</v>
      </c>
      <c r="N23" s="24">
        <v>0</v>
      </c>
      <c r="O23" s="25">
        <v>0</v>
      </c>
      <c r="P23" s="26">
        <v>0</v>
      </c>
      <c r="Q23" s="404">
        <v>0</v>
      </c>
      <c r="R23" s="25">
        <v>5015</v>
      </c>
      <c r="S23" s="25">
        <v>176850</v>
      </c>
      <c r="T23" s="25">
        <v>1145750</v>
      </c>
      <c r="U23" s="25">
        <v>1280680</v>
      </c>
      <c r="V23" s="25">
        <v>603993</v>
      </c>
      <c r="W23" s="28">
        <v>3212288</v>
      </c>
      <c r="X23" s="29">
        <v>3212288</v>
      </c>
      <c r="Y23" s="24">
        <v>0</v>
      </c>
      <c r="Z23" s="25">
        <v>0</v>
      </c>
      <c r="AA23" s="26">
        <v>0</v>
      </c>
      <c r="AB23" s="404">
        <v>0</v>
      </c>
      <c r="AC23" s="25">
        <v>75870</v>
      </c>
      <c r="AD23" s="25">
        <v>150085</v>
      </c>
      <c r="AE23" s="25">
        <v>133075</v>
      </c>
      <c r="AF23" s="25">
        <v>193690</v>
      </c>
      <c r="AG23" s="25">
        <v>76390</v>
      </c>
      <c r="AH23" s="28">
        <v>629110</v>
      </c>
      <c r="AI23" s="29">
        <v>629110</v>
      </c>
      <c r="AJ23" s="24">
        <v>0</v>
      </c>
      <c r="AK23" s="25">
        <v>0</v>
      </c>
      <c r="AL23" s="26">
        <v>0</v>
      </c>
      <c r="AM23" s="404">
        <v>0</v>
      </c>
      <c r="AN23" s="25">
        <v>0</v>
      </c>
      <c r="AO23" s="25">
        <v>0</v>
      </c>
      <c r="AP23" s="25">
        <v>0</v>
      </c>
      <c r="AQ23" s="25">
        <v>0</v>
      </c>
      <c r="AR23" s="25">
        <v>0</v>
      </c>
      <c r="AS23" s="28">
        <v>0</v>
      </c>
      <c r="AT23" s="29">
        <v>0</v>
      </c>
      <c r="AU23" s="24">
        <v>0</v>
      </c>
      <c r="AV23" s="25">
        <v>0</v>
      </c>
      <c r="AW23" s="26">
        <v>0</v>
      </c>
      <c r="AX23" s="404">
        <v>0</v>
      </c>
      <c r="AY23" s="25">
        <v>0</v>
      </c>
      <c r="AZ23" s="25">
        <v>0</v>
      </c>
      <c r="BA23" s="25">
        <v>0</v>
      </c>
      <c r="BB23" s="25">
        <v>0</v>
      </c>
      <c r="BC23" s="25">
        <v>34710</v>
      </c>
      <c r="BD23" s="28">
        <v>34710</v>
      </c>
      <c r="BE23" s="29">
        <v>34710</v>
      </c>
      <c r="BF23" s="24">
        <v>0</v>
      </c>
      <c r="BG23" s="25">
        <v>0</v>
      </c>
      <c r="BH23" s="26">
        <v>0</v>
      </c>
      <c r="BI23" s="404">
        <v>0</v>
      </c>
      <c r="BJ23" s="25">
        <v>0</v>
      </c>
      <c r="BK23" s="25">
        <v>0</v>
      </c>
      <c r="BL23" s="25">
        <v>0</v>
      </c>
      <c r="BM23" s="25">
        <v>0</v>
      </c>
      <c r="BN23" s="25">
        <v>0</v>
      </c>
      <c r="BO23" s="28">
        <v>0</v>
      </c>
      <c r="BP23" s="29">
        <v>0</v>
      </c>
      <c r="BQ23" s="24">
        <v>290</v>
      </c>
      <c r="BR23" s="25">
        <v>0</v>
      </c>
      <c r="BS23" s="26">
        <v>290</v>
      </c>
      <c r="BT23" s="27">
        <v>0</v>
      </c>
      <c r="BU23" s="25">
        <v>43450</v>
      </c>
      <c r="BV23" s="25">
        <v>51975</v>
      </c>
      <c r="BW23" s="25">
        <v>58020</v>
      </c>
      <c r="BX23" s="25">
        <v>113195</v>
      </c>
      <c r="BY23" s="25">
        <v>48560</v>
      </c>
      <c r="BZ23" s="28">
        <v>315200</v>
      </c>
      <c r="CA23" s="29">
        <v>315490</v>
      </c>
      <c r="CB23" s="24">
        <v>0</v>
      </c>
      <c r="CC23" s="25">
        <v>0</v>
      </c>
      <c r="CD23" s="26">
        <v>0</v>
      </c>
      <c r="CE23" s="27">
        <v>0</v>
      </c>
      <c r="CF23" s="25">
        <v>0</v>
      </c>
      <c r="CG23" s="25">
        <v>435</v>
      </c>
      <c r="CH23" s="25">
        <v>435</v>
      </c>
      <c r="CI23" s="25">
        <v>1015</v>
      </c>
      <c r="CJ23" s="25">
        <v>0</v>
      </c>
      <c r="CK23" s="28">
        <v>1885</v>
      </c>
      <c r="CL23" s="29">
        <v>1885</v>
      </c>
      <c r="CM23" s="24">
        <v>0</v>
      </c>
      <c r="CN23" s="25">
        <v>0</v>
      </c>
      <c r="CO23" s="26">
        <v>0</v>
      </c>
      <c r="CP23" s="27">
        <v>0</v>
      </c>
      <c r="CQ23" s="25">
        <v>0</v>
      </c>
      <c r="CR23" s="25">
        <v>0</v>
      </c>
      <c r="CS23" s="25">
        <v>0</v>
      </c>
      <c r="CT23" s="25">
        <v>0</v>
      </c>
      <c r="CU23" s="25">
        <v>0</v>
      </c>
      <c r="CV23" s="28">
        <v>0</v>
      </c>
      <c r="CW23" s="29">
        <v>0</v>
      </c>
      <c r="CX23" s="24">
        <v>0</v>
      </c>
      <c r="CY23" s="25">
        <v>0</v>
      </c>
      <c r="CZ23" s="26">
        <v>0</v>
      </c>
      <c r="DA23" s="404">
        <v>0</v>
      </c>
      <c r="DB23" s="25">
        <v>0</v>
      </c>
      <c r="DC23" s="25">
        <v>0</v>
      </c>
      <c r="DD23" s="25">
        <v>0</v>
      </c>
      <c r="DE23" s="25">
        <v>0</v>
      </c>
      <c r="DF23" s="25">
        <v>0</v>
      </c>
      <c r="DG23" s="28">
        <v>0</v>
      </c>
      <c r="DH23" s="29">
        <v>0</v>
      </c>
      <c r="DI23" s="24">
        <v>2784</v>
      </c>
      <c r="DJ23" s="25">
        <v>0</v>
      </c>
      <c r="DK23" s="26">
        <v>2784</v>
      </c>
      <c r="DL23" s="27">
        <v>0</v>
      </c>
      <c r="DM23" s="25">
        <v>112191</v>
      </c>
      <c r="DN23" s="25">
        <v>368088</v>
      </c>
      <c r="DO23" s="25">
        <v>1908709</v>
      </c>
      <c r="DP23" s="25">
        <v>2328100</v>
      </c>
      <c r="DQ23" s="25">
        <v>964178</v>
      </c>
      <c r="DR23" s="28">
        <v>5681266</v>
      </c>
      <c r="DS23" s="30">
        <v>5684050</v>
      </c>
      <c r="DT23" s="24">
        <v>0</v>
      </c>
      <c r="DU23" s="25">
        <v>0</v>
      </c>
      <c r="DV23" s="26">
        <v>0</v>
      </c>
      <c r="DW23" s="404">
        <v>0</v>
      </c>
      <c r="DX23" s="25">
        <v>25080</v>
      </c>
      <c r="DY23" s="25">
        <v>234270</v>
      </c>
      <c r="DZ23" s="25">
        <v>1759833</v>
      </c>
      <c r="EA23" s="25">
        <v>2113939</v>
      </c>
      <c r="EB23" s="25">
        <v>815844</v>
      </c>
      <c r="EC23" s="28">
        <v>4948966</v>
      </c>
      <c r="ED23" s="29">
        <v>4948966</v>
      </c>
      <c r="EE23" s="24">
        <v>0</v>
      </c>
      <c r="EF23" s="25">
        <v>0</v>
      </c>
      <c r="EG23" s="26">
        <v>0</v>
      </c>
      <c r="EH23" s="404">
        <v>0</v>
      </c>
      <c r="EI23" s="25">
        <v>24319</v>
      </c>
      <c r="EJ23" s="25">
        <v>13267</v>
      </c>
      <c r="EK23" s="25">
        <v>12574</v>
      </c>
      <c r="EL23" s="25">
        <v>17615</v>
      </c>
      <c r="EM23" s="25">
        <v>36677</v>
      </c>
      <c r="EN23" s="28">
        <v>104452</v>
      </c>
      <c r="EO23" s="29">
        <v>104452</v>
      </c>
      <c r="EP23" s="24">
        <v>0</v>
      </c>
      <c r="EQ23" s="25">
        <v>0</v>
      </c>
      <c r="ER23" s="26">
        <v>0</v>
      </c>
      <c r="ES23" s="404">
        <v>0</v>
      </c>
      <c r="ET23" s="25">
        <v>0</v>
      </c>
      <c r="EU23" s="25">
        <v>0</v>
      </c>
      <c r="EV23" s="25">
        <v>0</v>
      </c>
      <c r="EW23" s="25">
        <v>0</v>
      </c>
      <c r="EX23" s="25">
        <v>0</v>
      </c>
      <c r="EY23" s="28">
        <v>0</v>
      </c>
      <c r="EZ23" s="29">
        <v>0</v>
      </c>
      <c r="FA23" s="24">
        <v>0</v>
      </c>
      <c r="FB23" s="25">
        <v>0</v>
      </c>
      <c r="FC23" s="26">
        <v>0</v>
      </c>
      <c r="FD23" s="404">
        <v>0</v>
      </c>
      <c r="FE23" s="25">
        <v>0</v>
      </c>
      <c r="FF23" s="25">
        <v>0</v>
      </c>
      <c r="FG23" s="25">
        <v>0</v>
      </c>
      <c r="FH23" s="25">
        <v>0</v>
      </c>
      <c r="FI23" s="25">
        <v>231</v>
      </c>
      <c r="FJ23" s="28">
        <v>231</v>
      </c>
      <c r="FK23" s="29">
        <v>231</v>
      </c>
      <c r="FL23" s="24">
        <v>0</v>
      </c>
      <c r="FM23" s="25">
        <v>0</v>
      </c>
      <c r="FN23" s="26">
        <v>0</v>
      </c>
      <c r="FO23" s="404">
        <v>0</v>
      </c>
      <c r="FP23" s="25">
        <v>0</v>
      </c>
      <c r="FQ23" s="25">
        <v>0</v>
      </c>
      <c r="FR23" s="25">
        <v>0</v>
      </c>
      <c r="FS23" s="25">
        <v>0</v>
      </c>
      <c r="FT23" s="25">
        <v>0</v>
      </c>
      <c r="FU23" s="28">
        <v>0</v>
      </c>
      <c r="FV23" s="29">
        <v>0</v>
      </c>
      <c r="FW23" s="24">
        <v>2784</v>
      </c>
      <c r="FX23" s="25">
        <v>0</v>
      </c>
      <c r="FY23" s="26">
        <v>2784</v>
      </c>
      <c r="FZ23" s="27">
        <v>0</v>
      </c>
      <c r="GA23" s="25">
        <v>62792</v>
      </c>
      <c r="GB23" s="25">
        <v>119119</v>
      </c>
      <c r="GC23" s="25">
        <v>135228</v>
      </c>
      <c r="GD23" s="25">
        <v>193682</v>
      </c>
      <c r="GE23" s="25">
        <v>107846</v>
      </c>
      <c r="GF23" s="28">
        <v>618667</v>
      </c>
      <c r="GG23" s="29">
        <v>621451</v>
      </c>
      <c r="GH23" s="24">
        <v>0</v>
      </c>
      <c r="GI23" s="25">
        <v>0</v>
      </c>
      <c r="GJ23" s="26">
        <v>0</v>
      </c>
      <c r="GK23" s="27">
        <v>0</v>
      </c>
      <c r="GL23" s="25">
        <v>0</v>
      </c>
      <c r="GM23" s="25">
        <v>1432</v>
      </c>
      <c r="GN23" s="25">
        <v>1074</v>
      </c>
      <c r="GO23" s="25">
        <v>2864</v>
      </c>
      <c r="GP23" s="25">
        <v>3580</v>
      </c>
      <c r="GQ23" s="28">
        <v>8950</v>
      </c>
      <c r="GR23" s="29">
        <v>8950</v>
      </c>
      <c r="GS23" s="24">
        <v>0</v>
      </c>
      <c r="GT23" s="25">
        <v>0</v>
      </c>
      <c r="GU23" s="26">
        <v>0</v>
      </c>
      <c r="GV23" s="27">
        <v>0</v>
      </c>
      <c r="GW23" s="25">
        <v>0</v>
      </c>
      <c r="GX23" s="25">
        <v>0</v>
      </c>
      <c r="GY23" s="25">
        <v>0</v>
      </c>
      <c r="GZ23" s="25">
        <v>0</v>
      </c>
      <c r="HA23" s="25">
        <v>0</v>
      </c>
      <c r="HB23" s="28">
        <v>0</v>
      </c>
      <c r="HC23" s="29">
        <v>0</v>
      </c>
      <c r="HD23" s="24">
        <v>0</v>
      </c>
      <c r="HE23" s="25">
        <v>0</v>
      </c>
      <c r="HF23" s="26">
        <v>0</v>
      </c>
      <c r="HG23" s="404">
        <v>0</v>
      </c>
      <c r="HH23" s="25">
        <v>0</v>
      </c>
      <c r="HI23" s="25">
        <v>0</v>
      </c>
      <c r="HJ23" s="25">
        <v>0</v>
      </c>
      <c r="HK23" s="25">
        <v>0</v>
      </c>
      <c r="HL23" s="25">
        <v>0</v>
      </c>
      <c r="HM23" s="28">
        <v>0</v>
      </c>
      <c r="HN23" s="29">
        <v>0</v>
      </c>
      <c r="HO23" s="24">
        <v>3074</v>
      </c>
      <c r="HP23" s="25">
        <v>0</v>
      </c>
      <c r="HQ23" s="26">
        <v>3074</v>
      </c>
      <c r="HR23" s="27">
        <v>0</v>
      </c>
      <c r="HS23" s="25">
        <v>236526</v>
      </c>
      <c r="HT23" s="25">
        <v>747433</v>
      </c>
      <c r="HU23" s="25">
        <v>3245989</v>
      </c>
      <c r="HV23" s="25">
        <v>3916680</v>
      </c>
      <c r="HW23" s="25">
        <v>1727831</v>
      </c>
      <c r="HX23" s="28">
        <v>9874459</v>
      </c>
      <c r="HY23" s="29">
        <v>9877533</v>
      </c>
    </row>
    <row r="24" spans="2:233" ht="21" customHeight="1" x14ac:dyDescent="0.2">
      <c r="B24" s="106" t="s">
        <v>21</v>
      </c>
      <c r="C24" s="24">
        <v>0</v>
      </c>
      <c r="D24" s="25">
        <v>1855</v>
      </c>
      <c r="E24" s="26">
        <v>1855</v>
      </c>
      <c r="F24" s="27">
        <v>0</v>
      </c>
      <c r="G24" s="25">
        <v>232320</v>
      </c>
      <c r="H24" s="25">
        <v>408888</v>
      </c>
      <c r="I24" s="25">
        <v>2080702</v>
      </c>
      <c r="J24" s="25">
        <v>2481737</v>
      </c>
      <c r="K24" s="25">
        <v>1669688</v>
      </c>
      <c r="L24" s="28">
        <v>6873335</v>
      </c>
      <c r="M24" s="29">
        <v>6875190</v>
      </c>
      <c r="N24" s="24">
        <v>0</v>
      </c>
      <c r="O24" s="25">
        <v>0</v>
      </c>
      <c r="P24" s="26">
        <v>0</v>
      </c>
      <c r="Q24" s="404">
        <v>0</v>
      </c>
      <c r="R24" s="25">
        <v>34350</v>
      </c>
      <c r="S24" s="25">
        <v>159950</v>
      </c>
      <c r="T24" s="25">
        <v>1623595</v>
      </c>
      <c r="U24" s="25">
        <v>1961244</v>
      </c>
      <c r="V24" s="25">
        <v>1384533</v>
      </c>
      <c r="W24" s="28">
        <v>5163672</v>
      </c>
      <c r="X24" s="29">
        <v>5163672</v>
      </c>
      <c r="Y24" s="24">
        <v>0</v>
      </c>
      <c r="Z24" s="25">
        <v>0</v>
      </c>
      <c r="AA24" s="26">
        <v>0</v>
      </c>
      <c r="AB24" s="404">
        <v>0</v>
      </c>
      <c r="AC24" s="25">
        <v>135155</v>
      </c>
      <c r="AD24" s="25">
        <v>215080</v>
      </c>
      <c r="AE24" s="25">
        <v>239077</v>
      </c>
      <c r="AF24" s="25">
        <v>311597</v>
      </c>
      <c r="AG24" s="25">
        <v>143290</v>
      </c>
      <c r="AH24" s="28">
        <v>1044199</v>
      </c>
      <c r="AI24" s="29">
        <v>1044199</v>
      </c>
      <c r="AJ24" s="24">
        <v>0</v>
      </c>
      <c r="AK24" s="25">
        <v>0</v>
      </c>
      <c r="AL24" s="26">
        <v>0</v>
      </c>
      <c r="AM24" s="404">
        <v>0</v>
      </c>
      <c r="AN24" s="25">
        <v>0</v>
      </c>
      <c r="AO24" s="25">
        <v>0</v>
      </c>
      <c r="AP24" s="25">
        <v>0</v>
      </c>
      <c r="AQ24" s="25">
        <v>0</v>
      </c>
      <c r="AR24" s="25">
        <v>0</v>
      </c>
      <c r="AS24" s="28">
        <v>0</v>
      </c>
      <c r="AT24" s="29">
        <v>0</v>
      </c>
      <c r="AU24" s="24">
        <v>0</v>
      </c>
      <c r="AV24" s="25">
        <v>0</v>
      </c>
      <c r="AW24" s="26">
        <v>0</v>
      </c>
      <c r="AX24" s="404">
        <v>0</v>
      </c>
      <c r="AY24" s="25">
        <v>0</v>
      </c>
      <c r="AZ24" s="25">
        <v>0</v>
      </c>
      <c r="BA24" s="25">
        <v>34350</v>
      </c>
      <c r="BB24" s="25">
        <v>26400</v>
      </c>
      <c r="BC24" s="25">
        <v>113240</v>
      </c>
      <c r="BD24" s="28">
        <v>173990</v>
      </c>
      <c r="BE24" s="29">
        <v>173990</v>
      </c>
      <c r="BF24" s="24">
        <v>0</v>
      </c>
      <c r="BG24" s="25">
        <v>0</v>
      </c>
      <c r="BH24" s="26">
        <v>0</v>
      </c>
      <c r="BI24" s="404">
        <v>0</v>
      </c>
      <c r="BJ24" s="25">
        <v>0</v>
      </c>
      <c r="BK24" s="25">
        <v>0</v>
      </c>
      <c r="BL24" s="25">
        <v>0</v>
      </c>
      <c r="BM24" s="25">
        <v>0</v>
      </c>
      <c r="BN24" s="25">
        <v>0</v>
      </c>
      <c r="BO24" s="28">
        <v>0</v>
      </c>
      <c r="BP24" s="29">
        <v>0</v>
      </c>
      <c r="BQ24" s="24">
        <v>0</v>
      </c>
      <c r="BR24" s="25">
        <v>1855</v>
      </c>
      <c r="BS24" s="26">
        <v>1855</v>
      </c>
      <c r="BT24" s="27">
        <v>0</v>
      </c>
      <c r="BU24" s="25">
        <v>62815</v>
      </c>
      <c r="BV24" s="25">
        <v>33858</v>
      </c>
      <c r="BW24" s="25">
        <v>183680</v>
      </c>
      <c r="BX24" s="25">
        <v>181336</v>
      </c>
      <c r="BY24" s="25">
        <v>28625</v>
      </c>
      <c r="BZ24" s="28">
        <v>490314</v>
      </c>
      <c r="CA24" s="29">
        <v>492169</v>
      </c>
      <c r="CB24" s="24">
        <v>0</v>
      </c>
      <c r="CC24" s="25">
        <v>0</v>
      </c>
      <c r="CD24" s="26">
        <v>0</v>
      </c>
      <c r="CE24" s="27">
        <v>0</v>
      </c>
      <c r="CF24" s="25">
        <v>0</v>
      </c>
      <c r="CG24" s="25">
        <v>0</v>
      </c>
      <c r="CH24" s="25">
        <v>0</v>
      </c>
      <c r="CI24" s="25">
        <v>1160</v>
      </c>
      <c r="CJ24" s="25">
        <v>0</v>
      </c>
      <c r="CK24" s="28">
        <v>1160</v>
      </c>
      <c r="CL24" s="29">
        <v>1160</v>
      </c>
      <c r="CM24" s="24">
        <v>0</v>
      </c>
      <c r="CN24" s="25">
        <v>0</v>
      </c>
      <c r="CO24" s="26">
        <v>0</v>
      </c>
      <c r="CP24" s="27">
        <v>0</v>
      </c>
      <c r="CQ24" s="25">
        <v>0</v>
      </c>
      <c r="CR24" s="25">
        <v>0</v>
      </c>
      <c r="CS24" s="25">
        <v>0</v>
      </c>
      <c r="CT24" s="25">
        <v>0</v>
      </c>
      <c r="CU24" s="25">
        <v>0</v>
      </c>
      <c r="CV24" s="28">
        <v>0</v>
      </c>
      <c r="CW24" s="29">
        <v>0</v>
      </c>
      <c r="CX24" s="24">
        <v>0</v>
      </c>
      <c r="CY24" s="25">
        <v>0</v>
      </c>
      <c r="CZ24" s="26">
        <v>0</v>
      </c>
      <c r="DA24" s="404">
        <v>0</v>
      </c>
      <c r="DB24" s="25">
        <v>0</v>
      </c>
      <c r="DC24" s="25">
        <v>0</v>
      </c>
      <c r="DD24" s="25">
        <v>0</v>
      </c>
      <c r="DE24" s="25">
        <v>0</v>
      </c>
      <c r="DF24" s="25">
        <v>0</v>
      </c>
      <c r="DG24" s="28">
        <v>0</v>
      </c>
      <c r="DH24" s="29">
        <v>0</v>
      </c>
      <c r="DI24" s="24">
        <v>0</v>
      </c>
      <c r="DJ24" s="25">
        <v>2372</v>
      </c>
      <c r="DK24" s="26">
        <v>2372</v>
      </c>
      <c r="DL24" s="27">
        <v>0</v>
      </c>
      <c r="DM24" s="25">
        <v>133593</v>
      </c>
      <c r="DN24" s="25">
        <v>344920</v>
      </c>
      <c r="DO24" s="25">
        <v>2609352</v>
      </c>
      <c r="DP24" s="25">
        <v>3267559</v>
      </c>
      <c r="DQ24" s="25">
        <v>1862559</v>
      </c>
      <c r="DR24" s="28">
        <v>8217983</v>
      </c>
      <c r="DS24" s="30">
        <v>8220355</v>
      </c>
      <c r="DT24" s="24">
        <v>0</v>
      </c>
      <c r="DU24" s="25">
        <v>0</v>
      </c>
      <c r="DV24" s="26">
        <v>0</v>
      </c>
      <c r="DW24" s="404">
        <v>0</v>
      </c>
      <c r="DX24" s="25">
        <v>30360</v>
      </c>
      <c r="DY24" s="25">
        <v>197028</v>
      </c>
      <c r="DZ24" s="25">
        <v>2253019</v>
      </c>
      <c r="EA24" s="25">
        <v>2810981</v>
      </c>
      <c r="EB24" s="25">
        <v>1776922</v>
      </c>
      <c r="EC24" s="28">
        <v>7068310</v>
      </c>
      <c r="ED24" s="29">
        <v>7068310</v>
      </c>
      <c r="EE24" s="24">
        <v>0</v>
      </c>
      <c r="EF24" s="25">
        <v>0</v>
      </c>
      <c r="EG24" s="26">
        <v>0</v>
      </c>
      <c r="EH24" s="404">
        <v>0</v>
      </c>
      <c r="EI24" s="25">
        <v>1904</v>
      </c>
      <c r="EJ24" s="25">
        <v>45431</v>
      </c>
      <c r="EK24" s="25">
        <v>15763</v>
      </c>
      <c r="EL24" s="25">
        <v>6683</v>
      </c>
      <c r="EM24" s="25">
        <v>17192</v>
      </c>
      <c r="EN24" s="28">
        <v>86973</v>
      </c>
      <c r="EO24" s="29">
        <v>86973</v>
      </c>
      <c r="EP24" s="24">
        <v>0</v>
      </c>
      <c r="EQ24" s="25">
        <v>0</v>
      </c>
      <c r="ER24" s="26">
        <v>0</v>
      </c>
      <c r="ES24" s="404">
        <v>0</v>
      </c>
      <c r="ET24" s="25">
        <v>0</v>
      </c>
      <c r="EU24" s="25">
        <v>0</v>
      </c>
      <c r="EV24" s="25">
        <v>0</v>
      </c>
      <c r="EW24" s="25">
        <v>0</v>
      </c>
      <c r="EX24" s="25">
        <v>0</v>
      </c>
      <c r="EY24" s="28">
        <v>0</v>
      </c>
      <c r="EZ24" s="29">
        <v>0</v>
      </c>
      <c r="FA24" s="24">
        <v>0</v>
      </c>
      <c r="FB24" s="25">
        <v>0</v>
      </c>
      <c r="FC24" s="26">
        <v>0</v>
      </c>
      <c r="FD24" s="404">
        <v>0</v>
      </c>
      <c r="FE24" s="25">
        <v>0</v>
      </c>
      <c r="FF24" s="25">
        <v>0</v>
      </c>
      <c r="FG24" s="25">
        <v>13110</v>
      </c>
      <c r="FH24" s="25">
        <v>630</v>
      </c>
      <c r="FI24" s="25">
        <v>14321</v>
      </c>
      <c r="FJ24" s="28">
        <v>28061</v>
      </c>
      <c r="FK24" s="29">
        <v>28061</v>
      </c>
      <c r="FL24" s="24">
        <v>0</v>
      </c>
      <c r="FM24" s="25">
        <v>0</v>
      </c>
      <c r="FN24" s="26">
        <v>0</v>
      </c>
      <c r="FO24" s="404">
        <v>0</v>
      </c>
      <c r="FP24" s="25">
        <v>0</v>
      </c>
      <c r="FQ24" s="25">
        <v>0</v>
      </c>
      <c r="FR24" s="25">
        <v>0</v>
      </c>
      <c r="FS24" s="25">
        <v>0</v>
      </c>
      <c r="FT24" s="25">
        <v>0</v>
      </c>
      <c r="FU24" s="28">
        <v>0</v>
      </c>
      <c r="FV24" s="29">
        <v>0</v>
      </c>
      <c r="FW24" s="24">
        <v>0</v>
      </c>
      <c r="FX24" s="25">
        <v>2372</v>
      </c>
      <c r="FY24" s="26">
        <v>2372</v>
      </c>
      <c r="FZ24" s="27">
        <v>0</v>
      </c>
      <c r="GA24" s="25">
        <v>101329</v>
      </c>
      <c r="GB24" s="25">
        <v>102461</v>
      </c>
      <c r="GC24" s="25">
        <v>327460</v>
      </c>
      <c r="GD24" s="25">
        <v>443537</v>
      </c>
      <c r="GE24" s="25">
        <v>53408</v>
      </c>
      <c r="GF24" s="28">
        <v>1028195</v>
      </c>
      <c r="GG24" s="29">
        <v>1030567</v>
      </c>
      <c r="GH24" s="24">
        <v>0</v>
      </c>
      <c r="GI24" s="25">
        <v>0</v>
      </c>
      <c r="GJ24" s="26">
        <v>0</v>
      </c>
      <c r="GK24" s="27">
        <v>0</v>
      </c>
      <c r="GL24" s="25">
        <v>0</v>
      </c>
      <c r="GM24" s="25">
        <v>0</v>
      </c>
      <c r="GN24" s="25">
        <v>0</v>
      </c>
      <c r="GO24" s="25">
        <v>5728</v>
      </c>
      <c r="GP24" s="25">
        <v>716</v>
      </c>
      <c r="GQ24" s="28">
        <v>6444</v>
      </c>
      <c r="GR24" s="29">
        <v>6444</v>
      </c>
      <c r="GS24" s="24">
        <v>0</v>
      </c>
      <c r="GT24" s="25">
        <v>0</v>
      </c>
      <c r="GU24" s="26">
        <v>0</v>
      </c>
      <c r="GV24" s="27">
        <v>0</v>
      </c>
      <c r="GW24" s="25">
        <v>0</v>
      </c>
      <c r="GX24" s="25">
        <v>0</v>
      </c>
      <c r="GY24" s="25">
        <v>0</v>
      </c>
      <c r="GZ24" s="25">
        <v>0</v>
      </c>
      <c r="HA24" s="25">
        <v>0</v>
      </c>
      <c r="HB24" s="28">
        <v>0</v>
      </c>
      <c r="HC24" s="29">
        <v>0</v>
      </c>
      <c r="HD24" s="24">
        <v>0</v>
      </c>
      <c r="HE24" s="25">
        <v>0</v>
      </c>
      <c r="HF24" s="26">
        <v>0</v>
      </c>
      <c r="HG24" s="404">
        <v>0</v>
      </c>
      <c r="HH24" s="25">
        <v>0</v>
      </c>
      <c r="HI24" s="25">
        <v>0</v>
      </c>
      <c r="HJ24" s="25">
        <v>0</v>
      </c>
      <c r="HK24" s="25">
        <v>0</v>
      </c>
      <c r="HL24" s="25">
        <v>0</v>
      </c>
      <c r="HM24" s="28">
        <v>0</v>
      </c>
      <c r="HN24" s="29">
        <v>0</v>
      </c>
      <c r="HO24" s="24">
        <v>0</v>
      </c>
      <c r="HP24" s="25">
        <v>4227</v>
      </c>
      <c r="HQ24" s="26">
        <v>4227</v>
      </c>
      <c r="HR24" s="27">
        <v>0</v>
      </c>
      <c r="HS24" s="25">
        <v>365913</v>
      </c>
      <c r="HT24" s="25">
        <v>753808</v>
      </c>
      <c r="HU24" s="25">
        <v>4690054</v>
      </c>
      <c r="HV24" s="25">
        <v>5749296</v>
      </c>
      <c r="HW24" s="25">
        <v>3532247</v>
      </c>
      <c r="HX24" s="28">
        <v>15091318</v>
      </c>
      <c r="HY24" s="29">
        <v>15095545</v>
      </c>
    </row>
    <row r="25" spans="2:233" ht="21" customHeight="1" x14ac:dyDescent="0.2">
      <c r="B25" s="106" t="s">
        <v>22</v>
      </c>
      <c r="C25" s="24">
        <v>0</v>
      </c>
      <c r="D25" s="25">
        <v>0</v>
      </c>
      <c r="E25" s="26">
        <v>0</v>
      </c>
      <c r="F25" s="27">
        <v>0</v>
      </c>
      <c r="G25" s="25">
        <v>159030</v>
      </c>
      <c r="H25" s="25">
        <v>213045</v>
      </c>
      <c r="I25" s="25">
        <v>691794</v>
      </c>
      <c r="J25" s="25">
        <v>1086665</v>
      </c>
      <c r="K25" s="25">
        <v>332155</v>
      </c>
      <c r="L25" s="28">
        <v>2482689</v>
      </c>
      <c r="M25" s="29">
        <v>2482689</v>
      </c>
      <c r="N25" s="24">
        <v>0</v>
      </c>
      <c r="O25" s="25">
        <v>0</v>
      </c>
      <c r="P25" s="26">
        <v>0</v>
      </c>
      <c r="Q25" s="404">
        <v>0</v>
      </c>
      <c r="R25" s="25">
        <v>34350</v>
      </c>
      <c r="S25" s="25">
        <v>26400</v>
      </c>
      <c r="T25" s="25">
        <v>458794</v>
      </c>
      <c r="U25" s="25">
        <v>634710</v>
      </c>
      <c r="V25" s="25">
        <v>123150</v>
      </c>
      <c r="W25" s="28">
        <v>1277404</v>
      </c>
      <c r="X25" s="29">
        <v>1277404</v>
      </c>
      <c r="Y25" s="24">
        <v>0</v>
      </c>
      <c r="Z25" s="25">
        <v>0</v>
      </c>
      <c r="AA25" s="26">
        <v>0</v>
      </c>
      <c r="AB25" s="404">
        <v>0</v>
      </c>
      <c r="AC25" s="25">
        <v>65850</v>
      </c>
      <c r="AD25" s="25">
        <v>184305</v>
      </c>
      <c r="AE25" s="25">
        <v>157610</v>
      </c>
      <c r="AF25" s="25">
        <v>361200</v>
      </c>
      <c r="AG25" s="25">
        <v>92250</v>
      </c>
      <c r="AH25" s="28">
        <v>861215</v>
      </c>
      <c r="AI25" s="29">
        <v>861215</v>
      </c>
      <c r="AJ25" s="24">
        <v>0</v>
      </c>
      <c r="AK25" s="25">
        <v>0</v>
      </c>
      <c r="AL25" s="26">
        <v>0</v>
      </c>
      <c r="AM25" s="404">
        <v>0</v>
      </c>
      <c r="AN25" s="25">
        <v>0</v>
      </c>
      <c r="AO25" s="25">
        <v>0</v>
      </c>
      <c r="AP25" s="25">
        <v>0</v>
      </c>
      <c r="AQ25" s="25">
        <v>0</v>
      </c>
      <c r="AR25" s="25">
        <v>0</v>
      </c>
      <c r="AS25" s="28">
        <v>0</v>
      </c>
      <c r="AT25" s="29">
        <v>0</v>
      </c>
      <c r="AU25" s="24">
        <v>0</v>
      </c>
      <c r="AV25" s="25">
        <v>0</v>
      </c>
      <c r="AW25" s="26">
        <v>0</v>
      </c>
      <c r="AX25" s="404">
        <v>0</v>
      </c>
      <c r="AY25" s="25">
        <v>0</v>
      </c>
      <c r="AZ25" s="25">
        <v>0</v>
      </c>
      <c r="BA25" s="25">
        <v>0</v>
      </c>
      <c r="BB25" s="25">
        <v>26400</v>
      </c>
      <c r="BC25" s="25">
        <v>26400</v>
      </c>
      <c r="BD25" s="28">
        <v>52800</v>
      </c>
      <c r="BE25" s="29">
        <v>52800</v>
      </c>
      <c r="BF25" s="24">
        <v>0</v>
      </c>
      <c r="BG25" s="25">
        <v>0</v>
      </c>
      <c r="BH25" s="26">
        <v>0</v>
      </c>
      <c r="BI25" s="404">
        <v>0</v>
      </c>
      <c r="BJ25" s="25">
        <v>0</v>
      </c>
      <c r="BK25" s="25">
        <v>0</v>
      </c>
      <c r="BL25" s="25">
        <v>28950</v>
      </c>
      <c r="BM25" s="25">
        <v>55350</v>
      </c>
      <c r="BN25" s="25">
        <v>65850</v>
      </c>
      <c r="BO25" s="28">
        <v>150150</v>
      </c>
      <c r="BP25" s="29">
        <v>150150</v>
      </c>
      <c r="BQ25" s="24">
        <v>0</v>
      </c>
      <c r="BR25" s="25">
        <v>0</v>
      </c>
      <c r="BS25" s="26">
        <v>0</v>
      </c>
      <c r="BT25" s="27">
        <v>0</v>
      </c>
      <c r="BU25" s="25">
        <v>58830</v>
      </c>
      <c r="BV25" s="25">
        <v>2340</v>
      </c>
      <c r="BW25" s="25">
        <v>46440</v>
      </c>
      <c r="BX25" s="25">
        <v>9005</v>
      </c>
      <c r="BY25" s="25">
        <v>24505</v>
      </c>
      <c r="BZ25" s="28">
        <v>141120</v>
      </c>
      <c r="CA25" s="29">
        <v>141120</v>
      </c>
      <c r="CB25" s="24">
        <v>0</v>
      </c>
      <c r="CC25" s="25">
        <v>0</v>
      </c>
      <c r="CD25" s="26">
        <v>0</v>
      </c>
      <c r="CE25" s="27">
        <v>0</v>
      </c>
      <c r="CF25" s="25">
        <v>0</v>
      </c>
      <c r="CG25" s="25">
        <v>0</v>
      </c>
      <c r="CH25" s="25">
        <v>0</v>
      </c>
      <c r="CI25" s="25">
        <v>0</v>
      </c>
      <c r="CJ25" s="25">
        <v>0</v>
      </c>
      <c r="CK25" s="28">
        <v>0</v>
      </c>
      <c r="CL25" s="29">
        <v>0</v>
      </c>
      <c r="CM25" s="24">
        <v>0</v>
      </c>
      <c r="CN25" s="25">
        <v>0</v>
      </c>
      <c r="CO25" s="26">
        <v>0</v>
      </c>
      <c r="CP25" s="27">
        <v>0</v>
      </c>
      <c r="CQ25" s="25">
        <v>0</v>
      </c>
      <c r="CR25" s="25">
        <v>0</v>
      </c>
      <c r="CS25" s="25">
        <v>0</v>
      </c>
      <c r="CT25" s="25">
        <v>0</v>
      </c>
      <c r="CU25" s="25">
        <v>0</v>
      </c>
      <c r="CV25" s="28">
        <v>0</v>
      </c>
      <c r="CW25" s="29">
        <v>0</v>
      </c>
      <c r="CX25" s="24">
        <v>0</v>
      </c>
      <c r="CY25" s="25">
        <v>0</v>
      </c>
      <c r="CZ25" s="26">
        <v>0</v>
      </c>
      <c r="DA25" s="404">
        <v>0</v>
      </c>
      <c r="DB25" s="25">
        <v>0</v>
      </c>
      <c r="DC25" s="25">
        <v>0</v>
      </c>
      <c r="DD25" s="25">
        <v>0</v>
      </c>
      <c r="DE25" s="25">
        <v>0</v>
      </c>
      <c r="DF25" s="25">
        <v>0</v>
      </c>
      <c r="DG25" s="28">
        <v>0</v>
      </c>
      <c r="DH25" s="29">
        <v>0</v>
      </c>
      <c r="DI25" s="24">
        <v>0</v>
      </c>
      <c r="DJ25" s="25">
        <v>0</v>
      </c>
      <c r="DK25" s="26">
        <v>0</v>
      </c>
      <c r="DL25" s="27">
        <v>0</v>
      </c>
      <c r="DM25" s="25">
        <v>88445</v>
      </c>
      <c r="DN25" s="25">
        <v>90425</v>
      </c>
      <c r="DO25" s="25">
        <v>644620</v>
      </c>
      <c r="DP25" s="25">
        <v>939888</v>
      </c>
      <c r="DQ25" s="25">
        <v>387325</v>
      </c>
      <c r="DR25" s="28">
        <v>2150703</v>
      </c>
      <c r="DS25" s="30">
        <v>2150703</v>
      </c>
      <c r="DT25" s="24">
        <v>0</v>
      </c>
      <c r="DU25" s="25">
        <v>0</v>
      </c>
      <c r="DV25" s="26">
        <v>0</v>
      </c>
      <c r="DW25" s="404">
        <v>0</v>
      </c>
      <c r="DX25" s="25">
        <v>27450</v>
      </c>
      <c r="DY25" s="25">
        <v>31410</v>
      </c>
      <c r="DZ25" s="25">
        <v>500627</v>
      </c>
      <c r="EA25" s="25">
        <v>764848</v>
      </c>
      <c r="EB25" s="25">
        <v>271320</v>
      </c>
      <c r="EC25" s="28">
        <v>1595655</v>
      </c>
      <c r="ED25" s="29">
        <v>1595655</v>
      </c>
      <c r="EE25" s="24">
        <v>0</v>
      </c>
      <c r="EF25" s="25">
        <v>0</v>
      </c>
      <c r="EG25" s="26">
        <v>0</v>
      </c>
      <c r="EH25" s="404">
        <v>0</v>
      </c>
      <c r="EI25" s="25">
        <v>13950</v>
      </c>
      <c r="EJ25" s="25">
        <v>55260</v>
      </c>
      <c r="EK25" s="25">
        <v>22952</v>
      </c>
      <c r="EL25" s="25">
        <v>42060</v>
      </c>
      <c r="EM25" s="25">
        <v>1050</v>
      </c>
      <c r="EN25" s="28">
        <v>135272</v>
      </c>
      <c r="EO25" s="29">
        <v>135272</v>
      </c>
      <c r="EP25" s="24">
        <v>0</v>
      </c>
      <c r="EQ25" s="25">
        <v>0</v>
      </c>
      <c r="ER25" s="26">
        <v>0</v>
      </c>
      <c r="ES25" s="404">
        <v>0</v>
      </c>
      <c r="ET25" s="25">
        <v>0</v>
      </c>
      <c r="EU25" s="25">
        <v>0</v>
      </c>
      <c r="EV25" s="25">
        <v>0</v>
      </c>
      <c r="EW25" s="25">
        <v>0</v>
      </c>
      <c r="EX25" s="25">
        <v>0</v>
      </c>
      <c r="EY25" s="28">
        <v>0</v>
      </c>
      <c r="EZ25" s="29">
        <v>0</v>
      </c>
      <c r="FA25" s="24">
        <v>0</v>
      </c>
      <c r="FB25" s="25">
        <v>0</v>
      </c>
      <c r="FC25" s="26">
        <v>0</v>
      </c>
      <c r="FD25" s="404">
        <v>0</v>
      </c>
      <c r="FE25" s="25">
        <v>0</v>
      </c>
      <c r="FF25" s="25">
        <v>0</v>
      </c>
      <c r="FG25" s="25">
        <v>0</v>
      </c>
      <c r="FH25" s="25">
        <v>10950</v>
      </c>
      <c r="FI25" s="25">
        <v>420</v>
      </c>
      <c r="FJ25" s="28">
        <v>11370</v>
      </c>
      <c r="FK25" s="29">
        <v>11370</v>
      </c>
      <c r="FL25" s="24">
        <v>0</v>
      </c>
      <c r="FM25" s="25">
        <v>0</v>
      </c>
      <c r="FN25" s="26">
        <v>0</v>
      </c>
      <c r="FO25" s="404">
        <v>0</v>
      </c>
      <c r="FP25" s="25">
        <v>0</v>
      </c>
      <c r="FQ25" s="25">
        <v>0</v>
      </c>
      <c r="FR25" s="25">
        <v>62640</v>
      </c>
      <c r="FS25" s="25">
        <v>104400</v>
      </c>
      <c r="FT25" s="25">
        <v>92040</v>
      </c>
      <c r="FU25" s="28">
        <v>259080</v>
      </c>
      <c r="FV25" s="29">
        <v>259080</v>
      </c>
      <c r="FW25" s="24">
        <v>0</v>
      </c>
      <c r="FX25" s="25">
        <v>0</v>
      </c>
      <c r="FY25" s="26">
        <v>0</v>
      </c>
      <c r="FZ25" s="27">
        <v>0</v>
      </c>
      <c r="GA25" s="25">
        <v>47045</v>
      </c>
      <c r="GB25" s="25">
        <v>3755</v>
      </c>
      <c r="GC25" s="25">
        <v>58401</v>
      </c>
      <c r="GD25" s="25">
        <v>17630</v>
      </c>
      <c r="GE25" s="25">
        <v>21779</v>
      </c>
      <c r="GF25" s="28">
        <v>148610</v>
      </c>
      <c r="GG25" s="29">
        <v>148610</v>
      </c>
      <c r="GH25" s="24">
        <v>0</v>
      </c>
      <c r="GI25" s="25">
        <v>0</v>
      </c>
      <c r="GJ25" s="26">
        <v>0</v>
      </c>
      <c r="GK25" s="27">
        <v>0</v>
      </c>
      <c r="GL25" s="25">
        <v>0</v>
      </c>
      <c r="GM25" s="25">
        <v>0</v>
      </c>
      <c r="GN25" s="25">
        <v>0</v>
      </c>
      <c r="GO25" s="25">
        <v>0</v>
      </c>
      <c r="GP25" s="25">
        <v>716</v>
      </c>
      <c r="GQ25" s="28">
        <v>716</v>
      </c>
      <c r="GR25" s="29">
        <v>716</v>
      </c>
      <c r="GS25" s="24">
        <v>0</v>
      </c>
      <c r="GT25" s="25">
        <v>0</v>
      </c>
      <c r="GU25" s="26">
        <v>0</v>
      </c>
      <c r="GV25" s="27">
        <v>0</v>
      </c>
      <c r="GW25" s="25">
        <v>0</v>
      </c>
      <c r="GX25" s="25">
        <v>0</v>
      </c>
      <c r="GY25" s="25">
        <v>0</v>
      </c>
      <c r="GZ25" s="25">
        <v>0</v>
      </c>
      <c r="HA25" s="25">
        <v>0</v>
      </c>
      <c r="HB25" s="28">
        <v>0</v>
      </c>
      <c r="HC25" s="29">
        <v>0</v>
      </c>
      <c r="HD25" s="24">
        <v>0</v>
      </c>
      <c r="HE25" s="25">
        <v>0</v>
      </c>
      <c r="HF25" s="26">
        <v>0</v>
      </c>
      <c r="HG25" s="404">
        <v>0</v>
      </c>
      <c r="HH25" s="25">
        <v>0</v>
      </c>
      <c r="HI25" s="25">
        <v>0</v>
      </c>
      <c r="HJ25" s="25">
        <v>0</v>
      </c>
      <c r="HK25" s="25">
        <v>0</v>
      </c>
      <c r="HL25" s="25">
        <v>0</v>
      </c>
      <c r="HM25" s="28">
        <v>0</v>
      </c>
      <c r="HN25" s="29">
        <v>0</v>
      </c>
      <c r="HO25" s="24">
        <v>0</v>
      </c>
      <c r="HP25" s="25">
        <v>0</v>
      </c>
      <c r="HQ25" s="26">
        <v>0</v>
      </c>
      <c r="HR25" s="27">
        <v>0</v>
      </c>
      <c r="HS25" s="25">
        <v>247475</v>
      </c>
      <c r="HT25" s="25">
        <v>303470</v>
      </c>
      <c r="HU25" s="25">
        <v>1336414</v>
      </c>
      <c r="HV25" s="25">
        <v>2026553</v>
      </c>
      <c r="HW25" s="25">
        <v>719480</v>
      </c>
      <c r="HX25" s="28">
        <v>4633392</v>
      </c>
      <c r="HY25" s="29">
        <v>4633392</v>
      </c>
    </row>
    <row r="26" spans="2:233" ht="21" customHeight="1" x14ac:dyDescent="0.2">
      <c r="B26" s="106" t="s">
        <v>23</v>
      </c>
      <c r="C26" s="24">
        <v>0</v>
      </c>
      <c r="D26" s="25">
        <v>0</v>
      </c>
      <c r="E26" s="26">
        <v>0</v>
      </c>
      <c r="F26" s="27">
        <v>0</v>
      </c>
      <c r="G26" s="25">
        <v>253014</v>
      </c>
      <c r="H26" s="25">
        <v>177695</v>
      </c>
      <c r="I26" s="25">
        <v>1030500</v>
      </c>
      <c r="J26" s="25">
        <v>1413187</v>
      </c>
      <c r="K26" s="25">
        <v>963905</v>
      </c>
      <c r="L26" s="28">
        <v>3838301</v>
      </c>
      <c r="M26" s="29">
        <v>3838301</v>
      </c>
      <c r="N26" s="24">
        <v>0</v>
      </c>
      <c r="O26" s="25">
        <v>0</v>
      </c>
      <c r="P26" s="26">
        <v>0</v>
      </c>
      <c r="Q26" s="404">
        <v>0</v>
      </c>
      <c r="R26" s="25">
        <v>60535</v>
      </c>
      <c r="S26" s="25">
        <v>127225</v>
      </c>
      <c r="T26" s="25">
        <v>709345</v>
      </c>
      <c r="U26" s="25">
        <v>1019205</v>
      </c>
      <c r="V26" s="25">
        <v>613150</v>
      </c>
      <c r="W26" s="28">
        <v>2529460</v>
      </c>
      <c r="X26" s="29">
        <v>2529460</v>
      </c>
      <c r="Y26" s="24">
        <v>0</v>
      </c>
      <c r="Z26" s="25">
        <v>0</v>
      </c>
      <c r="AA26" s="26">
        <v>0</v>
      </c>
      <c r="AB26" s="404">
        <v>0</v>
      </c>
      <c r="AC26" s="25">
        <v>179200</v>
      </c>
      <c r="AD26" s="25">
        <v>41785</v>
      </c>
      <c r="AE26" s="25">
        <v>242850</v>
      </c>
      <c r="AF26" s="25">
        <v>264520</v>
      </c>
      <c r="AG26" s="25">
        <v>232070</v>
      </c>
      <c r="AH26" s="28">
        <v>960425</v>
      </c>
      <c r="AI26" s="29">
        <v>960425</v>
      </c>
      <c r="AJ26" s="24">
        <v>0</v>
      </c>
      <c r="AK26" s="25">
        <v>0</v>
      </c>
      <c r="AL26" s="26">
        <v>0</v>
      </c>
      <c r="AM26" s="404">
        <v>0</v>
      </c>
      <c r="AN26" s="25">
        <v>0</v>
      </c>
      <c r="AO26" s="25">
        <v>0</v>
      </c>
      <c r="AP26" s="25">
        <v>0</v>
      </c>
      <c r="AQ26" s="25">
        <v>0</v>
      </c>
      <c r="AR26" s="25">
        <v>0</v>
      </c>
      <c r="AS26" s="28">
        <v>0</v>
      </c>
      <c r="AT26" s="29">
        <v>0</v>
      </c>
      <c r="AU26" s="24">
        <v>0</v>
      </c>
      <c r="AV26" s="25">
        <v>0</v>
      </c>
      <c r="AW26" s="26">
        <v>0</v>
      </c>
      <c r="AX26" s="404">
        <v>0</v>
      </c>
      <c r="AY26" s="25">
        <v>0</v>
      </c>
      <c r="AZ26" s="25">
        <v>0</v>
      </c>
      <c r="BA26" s="25">
        <v>0</v>
      </c>
      <c r="BB26" s="25">
        <v>47700</v>
      </c>
      <c r="BC26" s="25">
        <v>106860</v>
      </c>
      <c r="BD26" s="28">
        <v>154560</v>
      </c>
      <c r="BE26" s="29">
        <v>154560</v>
      </c>
      <c r="BF26" s="24">
        <v>0</v>
      </c>
      <c r="BG26" s="25">
        <v>0</v>
      </c>
      <c r="BH26" s="26">
        <v>0</v>
      </c>
      <c r="BI26" s="404">
        <v>0</v>
      </c>
      <c r="BJ26" s="25">
        <v>0</v>
      </c>
      <c r="BK26" s="25">
        <v>0</v>
      </c>
      <c r="BL26" s="25">
        <v>0</v>
      </c>
      <c r="BM26" s="25">
        <v>0</v>
      </c>
      <c r="BN26" s="25">
        <v>0</v>
      </c>
      <c r="BO26" s="28">
        <v>0</v>
      </c>
      <c r="BP26" s="29">
        <v>0</v>
      </c>
      <c r="BQ26" s="24">
        <v>0</v>
      </c>
      <c r="BR26" s="25">
        <v>0</v>
      </c>
      <c r="BS26" s="26">
        <v>0</v>
      </c>
      <c r="BT26" s="27">
        <v>0</v>
      </c>
      <c r="BU26" s="25">
        <v>13279</v>
      </c>
      <c r="BV26" s="25">
        <v>8685</v>
      </c>
      <c r="BW26" s="25">
        <v>77870</v>
      </c>
      <c r="BX26" s="25">
        <v>81762</v>
      </c>
      <c r="BY26" s="25">
        <v>11825</v>
      </c>
      <c r="BZ26" s="28">
        <v>193421</v>
      </c>
      <c r="CA26" s="29">
        <v>193421</v>
      </c>
      <c r="CB26" s="24">
        <v>0</v>
      </c>
      <c r="CC26" s="25">
        <v>0</v>
      </c>
      <c r="CD26" s="26">
        <v>0</v>
      </c>
      <c r="CE26" s="27">
        <v>0</v>
      </c>
      <c r="CF26" s="25">
        <v>0</v>
      </c>
      <c r="CG26" s="25">
        <v>0</v>
      </c>
      <c r="CH26" s="25">
        <v>435</v>
      </c>
      <c r="CI26" s="25">
        <v>0</v>
      </c>
      <c r="CJ26" s="25">
        <v>0</v>
      </c>
      <c r="CK26" s="28">
        <v>435</v>
      </c>
      <c r="CL26" s="29">
        <v>435</v>
      </c>
      <c r="CM26" s="24">
        <v>0</v>
      </c>
      <c r="CN26" s="25">
        <v>0</v>
      </c>
      <c r="CO26" s="26">
        <v>0</v>
      </c>
      <c r="CP26" s="27">
        <v>0</v>
      </c>
      <c r="CQ26" s="25">
        <v>0</v>
      </c>
      <c r="CR26" s="25">
        <v>0</v>
      </c>
      <c r="CS26" s="25">
        <v>0</v>
      </c>
      <c r="CT26" s="25">
        <v>0</v>
      </c>
      <c r="CU26" s="25">
        <v>0</v>
      </c>
      <c r="CV26" s="28">
        <v>0</v>
      </c>
      <c r="CW26" s="29">
        <v>0</v>
      </c>
      <c r="CX26" s="24">
        <v>0</v>
      </c>
      <c r="CY26" s="25">
        <v>0</v>
      </c>
      <c r="CZ26" s="26">
        <v>0</v>
      </c>
      <c r="DA26" s="404">
        <v>0</v>
      </c>
      <c r="DB26" s="25">
        <v>0</v>
      </c>
      <c r="DC26" s="25">
        <v>0</v>
      </c>
      <c r="DD26" s="25">
        <v>0</v>
      </c>
      <c r="DE26" s="25">
        <v>0</v>
      </c>
      <c r="DF26" s="25">
        <v>0</v>
      </c>
      <c r="DG26" s="28">
        <v>0</v>
      </c>
      <c r="DH26" s="29">
        <v>0</v>
      </c>
      <c r="DI26" s="24">
        <v>0</v>
      </c>
      <c r="DJ26" s="25">
        <v>0</v>
      </c>
      <c r="DK26" s="26">
        <v>0</v>
      </c>
      <c r="DL26" s="27">
        <v>0</v>
      </c>
      <c r="DM26" s="25">
        <v>137646</v>
      </c>
      <c r="DN26" s="25">
        <v>180828</v>
      </c>
      <c r="DO26" s="25">
        <v>1086906</v>
      </c>
      <c r="DP26" s="25">
        <v>1433358</v>
      </c>
      <c r="DQ26" s="25">
        <v>672501</v>
      </c>
      <c r="DR26" s="28">
        <v>3511239</v>
      </c>
      <c r="DS26" s="30">
        <v>3511239</v>
      </c>
      <c r="DT26" s="24">
        <v>0</v>
      </c>
      <c r="DU26" s="25">
        <v>0</v>
      </c>
      <c r="DV26" s="26">
        <v>0</v>
      </c>
      <c r="DW26" s="404">
        <v>0</v>
      </c>
      <c r="DX26" s="25">
        <v>65400</v>
      </c>
      <c r="DY26" s="25">
        <v>147448</v>
      </c>
      <c r="DZ26" s="25">
        <v>955590</v>
      </c>
      <c r="EA26" s="25">
        <v>1301302</v>
      </c>
      <c r="EB26" s="25">
        <v>624690</v>
      </c>
      <c r="EC26" s="28">
        <v>3094430</v>
      </c>
      <c r="ED26" s="29">
        <v>3094430</v>
      </c>
      <c r="EE26" s="24">
        <v>0</v>
      </c>
      <c r="EF26" s="25">
        <v>0</v>
      </c>
      <c r="EG26" s="26">
        <v>0</v>
      </c>
      <c r="EH26" s="404">
        <v>0</v>
      </c>
      <c r="EI26" s="25">
        <v>38169</v>
      </c>
      <c r="EJ26" s="25">
        <v>1729</v>
      </c>
      <c r="EK26" s="25">
        <v>37530</v>
      </c>
      <c r="EL26" s="25">
        <v>4606</v>
      </c>
      <c r="EM26" s="25">
        <v>38618</v>
      </c>
      <c r="EN26" s="28">
        <v>120652</v>
      </c>
      <c r="EO26" s="29">
        <v>120652</v>
      </c>
      <c r="EP26" s="24">
        <v>0</v>
      </c>
      <c r="EQ26" s="25">
        <v>0</v>
      </c>
      <c r="ER26" s="26">
        <v>0</v>
      </c>
      <c r="ES26" s="404">
        <v>0</v>
      </c>
      <c r="ET26" s="25">
        <v>0</v>
      </c>
      <c r="EU26" s="25">
        <v>0</v>
      </c>
      <c r="EV26" s="25">
        <v>0</v>
      </c>
      <c r="EW26" s="25">
        <v>0</v>
      </c>
      <c r="EX26" s="25">
        <v>0</v>
      </c>
      <c r="EY26" s="28">
        <v>0</v>
      </c>
      <c r="EZ26" s="29">
        <v>0</v>
      </c>
      <c r="FA26" s="24">
        <v>0</v>
      </c>
      <c r="FB26" s="25">
        <v>0</v>
      </c>
      <c r="FC26" s="26">
        <v>0</v>
      </c>
      <c r="FD26" s="404">
        <v>0</v>
      </c>
      <c r="FE26" s="25">
        <v>0</v>
      </c>
      <c r="FF26" s="25">
        <v>0</v>
      </c>
      <c r="FG26" s="25">
        <v>0</v>
      </c>
      <c r="FH26" s="25">
        <v>210</v>
      </c>
      <c r="FI26" s="25">
        <v>13740</v>
      </c>
      <c r="FJ26" s="28">
        <v>13950</v>
      </c>
      <c r="FK26" s="29">
        <v>13950</v>
      </c>
      <c r="FL26" s="24">
        <v>0</v>
      </c>
      <c r="FM26" s="25">
        <v>0</v>
      </c>
      <c r="FN26" s="26">
        <v>0</v>
      </c>
      <c r="FO26" s="404">
        <v>0</v>
      </c>
      <c r="FP26" s="25">
        <v>0</v>
      </c>
      <c r="FQ26" s="25">
        <v>0</v>
      </c>
      <c r="FR26" s="25">
        <v>0</v>
      </c>
      <c r="FS26" s="25">
        <v>0</v>
      </c>
      <c r="FT26" s="25">
        <v>0</v>
      </c>
      <c r="FU26" s="28">
        <v>0</v>
      </c>
      <c r="FV26" s="29">
        <v>0</v>
      </c>
      <c r="FW26" s="24">
        <v>0</v>
      </c>
      <c r="FX26" s="25">
        <v>0</v>
      </c>
      <c r="FY26" s="26">
        <v>0</v>
      </c>
      <c r="FZ26" s="27">
        <v>0</v>
      </c>
      <c r="GA26" s="25">
        <v>34077</v>
      </c>
      <c r="GB26" s="25">
        <v>31651</v>
      </c>
      <c r="GC26" s="25">
        <v>91698</v>
      </c>
      <c r="GD26" s="25">
        <v>127240</v>
      </c>
      <c r="GE26" s="25">
        <v>-4547</v>
      </c>
      <c r="GF26" s="28">
        <v>280119</v>
      </c>
      <c r="GG26" s="29">
        <v>280119</v>
      </c>
      <c r="GH26" s="24">
        <v>0</v>
      </c>
      <c r="GI26" s="25">
        <v>0</v>
      </c>
      <c r="GJ26" s="26">
        <v>0</v>
      </c>
      <c r="GK26" s="27">
        <v>0</v>
      </c>
      <c r="GL26" s="25">
        <v>0</v>
      </c>
      <c r="GM26" s="25">
        <v>0</v>
      </c>
      <c r="GN26" s="25">
        <v>2088</v>
      </c>
      <c r="GO26" s="25">
        <v>0</v>
      </c>
      <c r="GP26" s="25">
        <v>0</v>
      </c>
      <c r="GQ26" s="28">
        <v>2088</v>
      </c>
      <c r="GR26" s="29">
        <v>2088</v>
      </c>
      <c r="GS26" s="24">
        <v>0</v>
      </c>
      <c r="GT26" s="25">
        <v>0</v>
      </c>
      <c r="GU26" s="26">
        <v>0</v>
      </c>
      <c r="GV26" s="27">
        <v>0</v>
      </c>
      <c r="GW26" s="25">
        <v>0</v>
      </c>
      <c r="GX26" s="25">
        <v>0</v>
      </c>
      <c r="GY26" s="25">
        <v>0</v>
      </c>
      <c r="GZ26" s="25">
        <v>0</v>
      </c>
      <c r="HA26" s="25">
        <v>0</v>
      </c>
      <c r="HB26" s="28">
        <v>0</v>
      </c>
      <c r="HC26" s="29">
        <v>0</v>
      </c>
      <c r="HD26" s="24">
        <v>0</v>
      </c>
      <c r="HE26" s="25">
        <v>0</v>
      </c>
      <c r="HF26" s="26">
        <v>0</v>
      </c>
      <c r="HG26" s="404">
        <v>0</v>
      </c>
      <c r="HH26" s="25">
        <v>0</v>
      </c>
      <c r="HI26" s="25">
        <v>0</v>
      </c>
      <c r="HJ26" s="25">
        <v>0</v>
      </c>
      <c r="HK26" s="25">
        <v>0</v>
      </c>
      <c r="HL26" s="25">
        <v>0</v>
      </c>
      <c r="HM26" s="28">
        <v>0</v>
      </c>
      <c r="HN26" s="29">
        <v>0</v>
      </c>
      <c r="HO26" s="24">
        <v>0</v>
      </c>
      <c r="HP26" s="25">
        <v>0</v>
      </c>
      <c r="HQ26" s="26">
        <v>0</v>
      </c>
      <c r="HR26" s="27">
        <v>0</v>
      </c>
      <c r="HS26" s="25">
        <v>390660</v>
      </c>
      <c r="HT26" s="25">
        <v>358523</v>
      </c>
      <c r="HU26" s="25">
        <v>2117406</v>
      </c>
      <c r="HV26" s="25">
        <v>2846545</v>
      </c>
      <c r="HW26" s="25">
        <v>1636406</v>
      </c>
      <c r="HX26" s="28">
        <v>7349540</v>
      </c>
      <c r="HY26" s="29">
        <v>7349540</v>
      </c>
    </row>
    <row r="27" spans="2:233" ht="21" customHeight="1" x14ac:dyDescent="0.2">
      <c r="B27" s="106" t="s">
        <v>24</v>
      </c>
      <c r="C27" s="24">
        <v>0</v>
      </c>
      <c r="D27" s="25">
        <v>0</v>
      </c>
      <c r="E27" s="26">
        <v>0</v>
      </c>
      <c r="F27" s="27">
        <v>0</v>
      </c>
      <c r="G27" s="25">
        <v>72360</v>
      </c>
      <c r="H27" s="25">
        <v>58285</v>
      </c>
      <c r="I27" s="25">
        <v>185740</v>
      </c>
      <c r="J27" s="25">
        <v>699995</v>
      </c>
      <c r="K27" s="25">
        <v>330075</v>
      </c>
      <c r="L27" s="28">
        <v>1346455</v>
      </c>
      <c r="M27" s="29">
        <v>1346455</v>
      </c>
      <c r="N27" s="24">
        <v>0</v>
      </c>
      <c r="O27" s="25">
        <v>0</v>
      </c>
      <c r="P27" s="26">
        <v>0</v>
      </c>
      <c r="Q27" s="404">
        <v>0</v>
      </c>
      <c r="R27" s="25">
        <v>0</v>
      </c>
      <c r="S27" s="25">
        <v>2550</v>
      </c>
      <c r="T27" s="25">
        <v>119585</v>
      </c>
      <c r="U27" s="25">
        <v>657020</v>
      </c>
      <c r="V27" s="25">
        <v>210300</v>
      </c>
      <c r="W27" s="28">
        <v>989455</v>
      </c>
      <c r="X27" s="29">
        <v>989455</v>
      </c>
      <c r="Y27" s="24">
        <v>0</v>
      </c>
      <c r="Z27" s="25">
        <v>0</v>
      </c>
      <c r="AA27" s="26">
        <v>0</v>
      </c>
      <c r="AB27" s="404">
        <v>0</v>
      </c>
      <c r="AC27" s="25">
        <v>56945</v>
      </c>
      <c r="AD27" s="25">
        <v>50640</v>
      </c>
      <c r="AE27" s="25">
        <v>38215</v>
      </c>
      <c r="AF27" s="25">
        <v>28950</v>
      </c>
      <c r="AG27" s="25">
        <v>71250</v>
      </c>
      <c r="AH27" s="28">
        <v>246000</v>
      </c>
      <c r="AI27" s="29">
        <v>246000</v>
      </c>
      <c r="AJ27" s="24">
        <v>0</v>
      </c>
      <c r="AK27" s="25">
        <v>0</v>
      </c>
      <c r="AL27" s="26">
        <v>0</v>
      </c>
      <c r="AM27" s="404">
        <v>0</v>
      </c>
      <c r="AN27" s="25">
        <v>0</v>
      </c>
      <c r="AO27" s="25">
        <v>0</v>
      </c>
      <c r="AP27" s="25">
        <v>0</v>
      </c>
      <c r="AQ27" s="25">
        <v>0</v>
      </c>
      <c r="AR27" s="25">
        <v>0</v>
      </c>
      <c r="AS27" s="28">
        <v>0</v>
      </c>
      <c r="AT27" s="29">
        <v>0</v>
      </c>
      <c r="AU27" s="24">
        <v>0</v>
      </c>
      <c r="AV27" s="25">
        <v>0</v>
      </c>
      <c r="AW27" s="26">
        <v>0</v>
      </c>
      <c r="AX27" s="404">
        <v>0</v>
      </c>
      <c r="AY27" s="25">
        <v>0</v>
      </c>
      <c r="AZ27" s="25">
        <v>0</v>
      </c>
      <c r="BA27" s="25">
        <v>0</v>
      </c>
      <c r="BB27" s="25">
        <v>0</v>
      </c>
      <c r="BC27" s="25">
        <v>31650</v>
      </c>
      <c r="BD27" s="28">
        <v>31650</v>
      </c>
      <c r="BE27" s="29">
        <v>31650</v>
      </c>
      <c r="BF27" s="24">
        <v>0</v>
      </c>
      <c r="BG27" s="25">
        <v>0</v>
      </c>
      <c r="BH27" s="26">
        <v>0</v>
      </c>
      <c r="BI27" s="404">
        <v>0</v>
      </c>
      <c r="BJ27" s="25">
        <v>0</v>
      </c>
      <c r="BK27" s="25">
        <v>0</v>
      </c>
      <c r="BL27" s="25">
        <v>0</v>
      </c>
      <c r="BM27" s="25">
        <v>0</v>
      </c>
      <c r="BN27" s="25">
        <v>0</v>
      </c>
      <c r="BO27" s="28">
        <v>0</v>
      </c>
      <c r="BP27" s="29">
        <v>0</v>
      </c>
      <c r="BQ27" s="24">
        <v>0</v>
      </c>
      <c r="BR27" s="25">
        <v>0</v>
      </c>
      <c r="BS27" s="26">
        <v>0</v>
      </c>
      <c r="BT27" s="27">
        <v>0</v>
      </c>
      <c r="BU27" s="25">
        <v>14860</v>
      </c>
      <c r="BV27" s="25">
        <v>5095</v>
      </c>
      <c r="BW27" s="25">
        <v>26450</v>
      </c>
      <c r="BX27" s="25">
        <v>14025</v>
      </c>
      <c r="BY27" s="25">
        <v>12940</v>
      </c>
      <c r="BZ27" s="28">
        <v>73370</v>
      </c>
      <c r="CA27" s="29">
        <v>73370</v>
      </c>
      <c r="CB27" s="24">
        <v>0</v>
      </c>
      <c r="CC27" s="25">
        <v>0</v>
      </c>
      <c r="CD27" s="26">
        <v>0</v>
      </c>
      <c r="CE27" s="27">
        <v>0</v>
      </c>
      <c r="CF27" s="25">
        <v>555</v>
      </c>
      <c r="CG27" s="25">
        <v>0</v>
      </c>
      <c r="CH27" s="25">
        <v>1490</v>
      </c>
      <c r="CI27" s="25">
        <v>0</v>
      </c>
      <c r="CJ27" s="25">
        <v>3935</v>
      </c>
      <c r="CK27" s="28">
        <v>5980</v>
      </c>
      <c r="CL27" s="29">
        <v>5980</v>
      </c>
      <c r="CM27" s="24">
        <v>0</v>
      </c>
      <c r="CN27" s="25">
        <v>0</v>
      </c>
      <c r="CO27" s="26">
        <v>0</v>
      </c>
      <c r="CP27" s="27">
        <v>0</v>
      </c>
      <c r="CQ27" s="25">
        <v>0</v>
      </c>
      <c r="CR27" s="25">
        <v>0</v>
      </c>
      <c r="CS27" s="25">
        <v>0</v>
      </c>
      <c r="CT27" s="25">
        <v>0</v>
      </c>
      <c r="CU27" s="25">
        <v>0</v>
      </c>
      <c r="CV27" s="28">
        <v>0</v>
      </c>
      <c r="CW27" s="29">
        <v>0</v>
      </c>
      <c r="CX27" s="24">
        <v>0</v>
      </c>
      <c r="CY27" s="25">
        <v>0</v>
      </c>
      <c r="CZ27" s="26">
        <v>0</v>
      </c>
      <c r="DA27" s="404">
        <v>0</v>
      </c>
      <c r="DB27" s="25">
        <v>0</v>
      </c>
      <c r="DC27" s="25">
        <v>0</v>
      </c>
      <c r="DD27" s="25">
        <v>0</v>
      </c>
      <c r="DE27" s="25">
        <v>0</v>
      </c>
      <c r="DF27" s="25">
        <v>0</v>
      </c>
      <c r="DG27" s="28">
        <v>0</v>
      </c>
      <c r="DH27" s="29">
        <v>0</v>
      </c>
      <c r="DI27" s="24">
        <v>0</v>
      </c>
      <c r="DJ27" s="25">
        <v>0</v>
      </c>
      <c r="DK27" s="26">
        <v>0</v>
      </c>
      <c r="DL27" s="27">
        <v>0</v>
      </c>
      <c r="DM27" s="25">
        <v>32355</v>
      </c>
      <c r="DN27" s="25">
        <v>54140</v>
      </c>
      <c r="DO27" s="25">
        <v>251310</v>
      </c>
      <c r="DP27" s="25">
        <v>876594</v>
      </c>
      <c r="DQ27" s="25">
        <v>382892</v>
      </c>
      <c r="DR27" s="28">
        <v>1597291</v>
      </c>
      <c r="DS27" s="30">
        <v>1597291</v>
      </c>
      <c r="DT27" s="24">
        <v>0</v>
      </c>
      <c r="DU27" s="25">
        <v>0</v>
      </c>
      <c r="DV27" s="26">
        <v>0</v>
      </c>
      <c r="DW27" s="404">
        <v>0</v>
      </c>
      <c r="DX27" s="25">
        <v>0</v>
      </c>
      <c r="DY27" s="25">
        <v>20880</v>
      </c>
      <c r="DZ27" s="25">
        <v>134676</v>
      </c>
      <c r="EA27" s="25">
        <v>860232</v>
      </c>
      <c r="EB27" s="25">
        <v>320340</v>
      </c>
      <c r="EC27" s="28">
        <v>1336128</v>
      </c>
      <c r="ED27" s="29">
        <v>1336128</v>
      </c>
      <c r="EE27" s="24">
        <v>0</v>
      </c>
      <c r="EF27" s="25">
        <v>0</v>
      </c>
      <c r="EG27" s="26">
        <v>0</v>
      </c>
      <c r="EH27" s="404">
        <v>0</v>
      </c>
      <c r="EI27" s="25">
        <v>539</v>
      </c>
      <c r="EJ27" s="25">
        <v>19001</v>
      </c>
      <c r="EK27" s="25">
        <v>73940</v>
      </c>
      <c r="EL27" s="25">
        <v>630</v>
      </c>
      <c r="EM27" s="25">
        <v>36960</v>
      </c>
      <c r="EN27" s="28">
        <v>131070</v>
      </c>
      <c r="EO27" s="29">
        <v>131070</v>
      </c>
      <c r="EP27" s="24">
        <v>0</v>
      </c>
      <c r="EQ27" s="25">
        <v>0</v>
      </c>
      <c r="ER27" s="26">
        <v>0</v>
      </c>
      <c r="ES27" s="404">
        <v>0</v>
      </c>
      <c r="ET27" s="25">
        <v>0</v>
      </c>
      <c r="EU27" s="25">
        <v>0</v>
      </c>
      <c r="EV27" s="25">
        <v>0</v>
      </c>
      <c r="EW27" s="25">
        <v>0</v>
      </c>
      <c r="EX27" s="25">
        <v>0</v>
      </c>
      <c r="EY27" s="28">
        <v>0</v>
      </c>
      <c r="EZ27" s="29">
        <v>0</v>
      </c>
      <c r="FA27" s="24">
        <v>0</v>
      </c>
      <c r="FB27" s="25">
        <v>0</v>
      </c>
      <c r="FC27" s="26">
        <v>0</v>
      </c>
      <c r="FD27" s="404">
        <v>0</v>
      </c>
      <c r="FE27" s="25">
        <v>0</v>
      </c>
      <c r="FF27" s="25">
        <v>0</v>
      </c>
      <c r="FG27" s="25">
        <v>0</v>
      </c>
      <c r="FH27" s="25">
        <v>0</v>
      </c>
      <c r="FI27" s="25">
        <v>210</v>
      </c>
      <c r="FJ27" s="28">
        <v>210</v>
      </c>
      <c r="FK27" s="29">
        <v>210</v>
      </c>
      <c r="FL27" s="24">
        <v>0</v>
      </c>
      <c r="FM27" s="25">
        <v>0</v>
      </c>
      <c r="FN27" s="26">
        <v>0</v>
      </c>
      <c r="FO27" s="404">
        <v>0</v>
      </c>
      <c r="FP27" s="25">
        <v>0</v>
      </c>
      <c r="FQ27" s="25">
        <v>0</v>
      </c>
      <c r="FR27" s="25">
        <v>0</v>
      </c>
      <c r="FS27" s="25">
        <v>0</v>
      </c>
      <c r="FT27" s="25">
        <v>0</v>
      </c>
      <c r="FU27" s="28">
        <v>0</v>
      </c>
      <c r="FV27" s="29">
        <v>0</v>
      </c>
      <c r="FW27" s="24">
        <v>0</v>
      </c>
      <c r="FX27" s="25">
        <v>0</v>
      </c>
      <c r="FY27" s="26">
        <v>0</v>
      </c>
      <c r="FZ27" s="27">
        <v>0</v>
      </c>
      <c r="GA27" s="25">
        <v>31781</v>
      </c>
      <c r="GB27" s="25">
        <v>14259</v>
      </c>
      <c r="GC27" s="25">
        <v>42666</v>
      </c>
      <c r="GD27" s="25">
        <v>15732</v>
      </c>
      <c r="GE27" s="25">
        <v>25347</v>
      </c>
      <c r="GF27" s="28">
        <v>129785</v>
      </c>
      <c r="GG27" s="29">
        <v>129785</v>
      </c>
      <c r="GH27" s="24">
        <v>0</v>
      </c>
      <c r="GI27" s="25">
        <v>0</v>
      </c>
      <c r="GJ27" s="26">
        <v>0</v>
      </c>
      <c r="GK27" s="27">
        <v>0</v>
      </c>
      <c r="GL27" s="25">
        <v>35</v>
      </c>
      <c r="GM27" s="25">
        <v>0</v>
      </c>
      <c r="GN27" s="25">
        <v>28</v>
      </c>
      <c r="GO27" s="25">
        <v>0</v>
      </c>
      <c r="GP27" s="25">
        <v>35</v>
      </c>
      <c r="GQ27" s="28">
        <v>98</v>
      </c>
      <c r="GR27" s="29">
        <v>98</v>
      </c>
      <c r="GS27" s="24">
        <v>0</v>
      </c>
      <c r="GT27" s="25">
        <v>0</v>
      </c>
      <c r="GU27" s="26">
        <v>0</v>
      </c>
      <c r="GV27" s="27">
        <v>0</v>
      </c>
      <c r="GW27" s="25">
        <v>0</v>
      </c>
      <c r="GX27" s="25">
        <v>0</v>
      </c>
      <c r="GY27" s="25">
        <v>0</v>
      </c>
      <c r="GZ27" s="25">
        <v>0</v>
      </c>
      <c r="HA27" s="25">
        <v>0</v>
      </c>
      <c r="HB27" s="28">
        <v>0</v>
      </c>
      <c r="HC27" s="29">
        <v>0</v>
      </c>
      <c r="HD27" s="24">
        <v>0</v>
      </c>
      <c r="HE27" s="25">
        <v>0</v>
      </c>
      <c r="HF27" s="26">
        <v>0</v>
      </c>
      <c r="HG27" s="404">
        <v>0</v>
      </c>
      <c r="HH27" s="25">
        <v>0</v>
      </c>
      <c r="HI27" s="25">
        <v>0</v>
      </c>
      <c r="HJ27" s="25">
        <v>0</v>
      </c>
      <c r="HK27" s="25">
        <v>0</v>
      </c>
      <c r="HL27" s="25">
        <v>0</v>
      </c>
      <c r="HM27" s="28">
        <v>0</v>
      </c>
      <c r="HN27" s="29">
        <v>0</v>
      </c>
      <c r="HO27" s="24">
        <v>0</v>
      </c>
      <c r="HP27" s="25">
        <v>0</v>
      </c>
      <c r="HQ27" s="26">
        <v>0</v>
      </c>
      <c r="HR27" s="27">
        <v>0</v>
      </c>
      <c r="HS27" s="25">
        <v>104715</v>
      </c>
      <c r="HT27" s="25">
        <v>112425</v>
      </c>
      <c r="HU27" s="25">
        <v>437050</v>
      </c>
      <c r="HV27" s="25">
        <v>1576589</v>
      </c>
      <c r="HW27" s="25">
        <v>712967</v>
      </c>
      <c r="HX27" s="28">
        <v>2943746</v>
      </c>
      <c r="HY27" s="29">
        <v>2943746</v>
      </c>
    </row>
    <row r="28" spans="2:233" ht="21" customHeight="1" x14ac:dyDescent="0.2">
      <c r="B28" s="106" t="s">
        <v>25</v>
      </c>
      <c r="C28" s="24">
        <v>0</v>
      </c>
      <c r="D28" s="25">
        <v>0</v>
      </c>
      <c r="E28" s="26">
        <v>0</v>
      </c>
      <c r="F28" s="27">
        <v>0</v>
      </c>
      <c r="G28" s="25">
        <v>52550</v>
      </c>
      <c r="H28" s="25">
        <v>242899</v>
      </c>
      <c r="I28" s="25">
        <v>661105</v>
      </c>
      <c r="J28" s="25">
        <v>606692</v>
      </c>
      <c r="K28" s="25">
        <v>305805</v>
      </c>
      <c r="L28" s="28">
        <v>1869051</v>
      </c>
      <c r="M28" s="29">
        <v>1869051</v>
      </c>
      <c r="N28" s="24">
        <v>0</v>
      </c>
      <c r="O28" s="25">
        <v>0</v>
      </c>
      <c r="P28" s="26">
        <v>0</v>
      </c>
      <c r="Q28" s="404">
        <v>0</v>
      </c>
      <c r="R28" s="25">
        <v>0</v>
      </c>
      <c r="S28" s="25">
        <v>2465</v>
      </c>
      <c r="T28" s="25">
        <v>484145</v>
      </c>
      <c r="U28" s="25">
        <v>390020</v>
      </c>
      <c r="V28" s="25">
        <v>217935</v>
      </c>
      <c r="W28" s="28">
        <v>1094565</v>
      </c>
      <c r="X28" s="29">
        <v>1094565</v>
      </c>
      <c r="Y28" s="24">
        <v>0</v>
      </c>
      <c r="Z28" s="25">
        <v>0</v>
      </c>
      <c r="AA28" s="26">
        <v>0</v>
      </c>
      <c r="AB28" s="404">
        <v>0</v>
      </c>
      <c r="AC28" s="25">
        <v>31650</v>
      </c>
      <c r="AD28" s="25">
        <v>230330</v>
      </c>
      <c r="AE28" s="25">
        <v>166855</v>
      </c>
      <c r="AF28" s="25">
        <v>207515</v>
      </c>
      <c r="AG28" s="25">
        <v>30650</v>
      </c>
      <c r="AH28" s="28">
        <v>667000</v>
      </c>
      <c r="AI28" s="29">
        <v>667000</v>
      </c>
      <c r="AJ28" s="24">
        <v>0</v>
      </c>
      <c r="AK28" s="25">
        <v>0</v>
      </c>
      <c r="AL28" s="26">
        <v>0</v>
      </c>
      <c r="AM28" s="404">
        <v>0</v>
      </c>
      <c r="AN28" s="25">
        <v>0</v>
      </c>
      <c r="AO28" s="25">
        <v>0</v>
      </c>
      <c r="AP28" s="25">
        <v>0</v>
      </c>
      <c r="AQ28" s="25">
        <v>0</v>
      </c>
      <c r="AR28" s="25">
        <v>0</v>
      </c>
      <c r="AS28" s="28">
        <v>0</v>
      </c>
      <c r="AT28" s="29">
        <v>0</v>
      </c>
      <c r="AU28" s="24">
        <v>0</v>
      </c>
      <c r="AV28" s="25">
        <v>0</v>
      </c>
      <c r="AW28" s="26">
        <v>0</v>
      </c>
      <c r="AX28" s="404">
        <v>0</v>
      </c>
      <c r="AY28" s="25">
        <v>0</v>
      </c>
      <c r="AZ28" s="25">
        <v>0</v>
      </c>
      <c r="BA28" s="25">
        <v>0</v>
      </c>
      <c r="BB28" s="25">
        <v>0</v>
      </c>
      <c r="BC28" s="25">
        <v>31650</v>
      </c>
      <c r="BD28" s="28">
        <v>31650</v>
      </c>
      <c r="BE28" s="29">
        <v>31650</v>
      </c>
      <c r="BF28" s="24">
        <v>0</v>
      </c>
      <c r="BG28" s="25">
        <v>0</v>
      </c>
      <c r="BH28" s="26">
        <v>0</v>
      </c>
      <c r="BI28" s="404">
        <v>0</v>
      </c>
      <c r="BJ28" s="25">
        <v>0</v>
      </c>
      <c r="BK28" s="25">
        <v>0</v>
      </c>
      <c r="BL28" s="25">
        <v>0</v>
      </c>
      <c r="BM28" s="25">
        <v>0</v>
      </c>
      <c r="BN28" s="25">
        <v>0</v>
      </c>
      <c r="BO28" s="28">
        <v>0</v>
      </c>
      <c r="BP28" s="29">
        <v>0</v>
      </c>
      <c r="BQ28" s="24">
        <v>0</v>
      </c>
      <c r="BR28" s="25">
        <v>0</v>
      </c>
      <c r="BS28" s="26">
        <v>0</v>
      </c>
      <c r="BT28" s="27">
        <v>0</v>
      </c>
      <c r="BU28" s="25">
        <v>20900</v>
      </c>
      <c r="BV28" s="25">
        <v>9959</v>
      </c>
      <c r="BW28" s="25">
        <v>9660</v>
      </c>
      <c r="BX28" s="25">
        <v>6692</v>
      </c>
      <c r="BY28" s="25">
        <v>25570</v>
      </c>
      <c r="BZ28" s="28">
        <v>72781</v>
      </c>
      <c r="CA28" s="29">
        <v>72781</v>
      </c>
      <c r="CB28" s="24">
        <v>0</v>
      </c>
      <c r="CC28" s="25">
        <v>0</v>
      </c>
      <c r="CD28" s="26">
        <v>0</v>
      </c>
      <c r="CE28" s="27">
        <v>0</v>
      </c>
      <c r="CF28" s="25">
        <v>0</v>
      </c>
      <c r="CG28" s="25">
        <v>145</v>
      </c>
      <c r="CH28" s="25">
        <v>445</v>
      </c>
      <c r="CI28" s="25">
        <v>2465</v>
      </c>
      <c r="CJ28" s="25">
        <v>0</v>
      </c>
      <c r="CK28" s="28">
        <v>3055</v>
      </c>
      <c r="CL28" s="29">
        <v>3055</v>
      </c>
      <c r="CM28" s="24">
        <v>0</v>
      </c>
      <c r="CN28" s="25">
        <v>0</v>
      </c>
      <c r="CO28" s="26">
        <v>0</v>
      </c>
      <c r="CP28" s="27">
        <v>0</v>
      </c>
      <c r="CQ28" s="25">
        <v>0</v>
      </c>
      <c r="CR28" s="25">
        <v>0</v>
      </c>
      <c r="CS28" s="25">
        <v>0</v>
      </c>
      <c r="CT28" s="25">
        <v>0</v>
      </c>
      <c r="CU28" s="25">
        <v>0</v>
      </c>
      <c r="CV28" s="28">
        <v>0</v>
      </c>
      <c r="CW28" s="29">
        <v>0</v>
      </c>
      <c r="CX28" s="24">
        <v>0</v>
      </c>
      <c r="CY28" s="25">
        <v>0</v>
      </c>
      <c r="CZ28" s="26">
        <v>0</v>
      </c>
      <c r="DA28" s="404">
        <v>0</v>
      </c>
      <c r="DB28" s="25">
        <v>0</v>
      </c>
      <c r="DC28" s="25">
        <v>0</v>
      </c>
      <c r="DD28" s="25">
        <v>0</v>
      </c>
      <c r="DE28" s="25">
        <v>0</v>
      </c>
      <c r="DF28" s="25">
        <v>0</v>
      </c>
      <c r="DG28" s="28">
        <v>0</v>
      </c>
      <c r="DH28" s="29">
        <v>0</v>
      </c>
      <c r="DI28" s="24">
        <v>0</v>
      </c>
      <c r="DJ28" s="25">
        <v>0</v>
      </c>
      <c r="DK28" s="26">
        <v>0</v>
      </c>
      <c r="DL28" s="27">
        <v>0</v>
      </c>
      <c r="DM28" s="25">
        <v>17098</v>
      </c>
      <c r="DN28" s="25">
        <v>78003</v>
      </c>
      <c r="DO28" s="25">
        <v>764616</v>
      </c>
      <c r="DP28" s="25">
        <v>830054</v>
      </c>
      <c r="DQ28" s="25">
        <v>301461</v>
      </c>
      <c r="DR28" s="28">
        <v>1991232</v>
      </c>
      <c r="DS28" s="30">
        <v>1991232</v>
      </c>
      <c r="DT28" s="24">
        <v>0</v>
      </c>
      <c r="DU28" s="25">
        <v>0</v>
      </c>
      <c r="DV28" s="26">
        <v>0</v>
      </c>
      <c r="DW28" s="404">
        <v>0</v>
      </c>
      <c r="DX28" s="25">
        <v>0</v>
      </c>
      <c r="DY28" s="25">
        <v>14550</v>
      </c>
      <c r="DZ28" s="25">
        <v>682077</v>
      </c>
      <c r="EA28" s="25">
        <v>779948</v>
      </c>
      <c r="EB28" s="25">
        <v>270422</v>
      </c>
      <c r="EC28" s="28">
        <v>1746997</v>
      </c>
      <c r="ED28" s="29">
        <v>1746997</v>
      </c>
      <c r="EE28" s="24">
        <v>0</v>
      </c>
      <c r="EF28" s="25">
        <v>0</v>
      </c>
      <c r="EG28" s="26">
        <v>0</v>
      </c>
      <c r="EH28" s="404">
        <v>0</v>
      </c>
      <c r="EI28" s="25">
        <v>210</v>
      </c>
      <c r="EJ28" s="25">
        <v>16162</v>
      </c>
      <c r="EK28" s="25">
        <v>60865</v>
      </c>
      <c r="EL28" s="25">
        <v>29671</v>
      </c>
      <c r="EM28" s="25">
        <v>770</v>
      </c>
      <c r="EN28" s="28">
        <v>107678</v>
      </c>
      <c r="EO28" s="29">
        <v>107678</v>
      </c>
      <c r="EP28" s="24">
        <v>0</v>
      </c>
      <c r="EQ28" s="25">
        <v>0</v>
      </c>
      <c r="ER28" s="26">
        <v>0</v>
      </c>
      <c r="ES28" s="404">
        <v>0</v>
      </c>
      <c r="ET28" s="25">
        <v>0</v>
      </c>
      <c r="EU28" s="25">
        <v>0</v>
      </c>
      <c r="EV28" s="25">
        <v>0</v>
      </c>
      <c r="EW28" s="25">
        <v>0</v>
      </c>
      <c r="EX28" s="25">
        <v>0</v>
      </c>
      <c r="EY28" s="28">
        <v>0</v>
      </c>
      <c r="EZ28" s="29">
        <v>0</v>
      </c>
      <c r="FA28" s="24">
        <v>0</v>
      </c>
      <c r="FB28" s="25">
        <v>0</v>
      </c>
      <c r="FC28" s="26">
        <v>0</v>
      </c>
      <c r="FD28" s="404">
        <v>0</v>
      </c>
      <c r="FE28" s="25">
        <v>0</v>
      </c>
      <c r="FF28" s="25">
        <v>0</v>
      </c>
      <c r="FG28" s="25">
        <v>0</v>
      </c>
      <c r="FH28" s="25">
        <v>0</v>
      </c>
      <c r="FI28" s="25">
        <v>210</v>
      </c>
      <c r="FJ28" s="28">
        <v>210</v>
      </c>
      <c r="FK28" s="29">
        <v>210</v>
      </c>
      <c r="FL28" s="24">
        <v>0</v>
      </c>
      <c r="FM28" s="25">
        <v>0</v>
      </c>
      <c r="FN28" s="26">
        <v>0</v>
      </c>
      <c r="FO28" s="404">
        <v>0</v>
      </c>
      <c r="FP28" s="25">
        <v>0</v>
      </c>
      <c r="FQ28" s="25">
        <v>0</v>
      </c>
      <c r="FR28" s="25">
        <v>0</v>
      </c>
      <c r="FS28" s="25">
        <v>0</v>
      </c>
      <c r="FT28" s="25">
        <v>0</v>
      </c>
      <c r="FU28" s="28">
        <v>0</v>
      </c>
      <c r="FV28" s="29">
        <v>0</v>
      </c>
      <c r="FW28" s="24">
        <v>0</v>
      </c>
      <c r="FX28" s="25">
        <v>0</v>
      </c>
      <c r="FY28" s="26">
        <v>0</v>
      </c>
      <c r="FZ28" s="27">
        <v>0</v>
      </c>
      <c r="GA28" s="25">
        <v>16888</v>
      </c>
      <c r="GB28" s="25">
        <v>47270</v>
      </c>
      <c r="GC28" s="25">
        <v>20600</v>
      </c>
      <c r="GD28" s="25">
        <v>20288</v>
      </c>
      <c r="GE28" s="25">
        <v>30059</v>
      </c>
      <c r="GF28" s="28">
        <v>135105</v>
      </c>
      <c r="GG28" s="29">
        <v>135105</v>
      </c>
      <c r="GH28" s="24">
        <v>0</v>
      </c>
      <c r="GI28" s="25">
        <v>0</v>
      </c>
      <c r="GJ28" s="26">
        <v>0</v>
      </c>
      <c r="GK28" s="27">
        <v>0</v>
      </c>
      <c r="GL28" s="25">
        <v>0</v>
      </c>
      <c r="GM28" s="25">
        <v>21</v>
      </c>
      <c r="GN28" s="25">
        <v>1074</v>
      </c>
      <c r="GO28" s="25">
        <v>147</v>
      </c>
      <c r="GP28" s="25">
        <v>0</v>
      </c>
      <c r="GQ28" s="28">
        <v>1242</v>
      </c>
      <c r="GR28" s="29">
        <v>1242</v>
      </c>
      <c r="GS28" s="24">
        <v>0</v>
      </c>
      <c r="GT28" s="25">
        <v>0</v>
      </c>
      <c r="GU28" s="26">
        <v>0</v>
      </c>
      <c r="GV28" s="27">
        <v>0</v>
      </c>
      <c r="GW28" s="25">
        <v>0</v>
      </c>
      <c r="GX28" s="25">
        <v>0</v>
      </c>
      <c r="GY28" s="25">
        <v>0</v>
      </c>
      <c r="GZ28" s="25">
        <v>0</v>
      </c>
      <c r="HA28" s="25">
        <v>0</v>
      </c>
      <c r="HB28" s="28">
        <v>0</v>
      </c>
      <c r="HC28" s="29">
        <v>0</v>
      </c>
      <c r="HD28" s="24">
        <v>0</v>
      </c>
      <c r="HE28" s="25">
        <v>0</v>
      </c>
      <c r="HF28" s="26">
        <v>0</v>
      </c>
      <c r="HG28" s="404">
        <v>0</v>
      </c>
      <c r="HH28" s="25">
        <v>0</v>
      </c>
      <c r="HI28" s="25">
        <v>0</v>
      </c>
      <c r="HJ28" s="25">
        <v>0</v>
      </c>
      <c r="HK28" s="25">
        <v>0</v>
      </c>
      <c r="HL28" s="25">
        <v>0</v>
      </c>
      <c r="HM28" s="28">
        <v>0</v>
      </c>
      <c r="HN28" s="29">
        <v>0</v>
      </c>
      <c r="HO28" s="24">
        <v>0</v>
      </c>
      <c r="HP28" s="25">
        <v>0</v>
      </c>
      <c r="HQ28" s="26">
        <v>0</v>
      </c>
      <c r="HR28" s="27">
        <v>0</v>
      </c>
      <c r="HS28" s="25">
        <v>69648</v>
      </c>
      <c r="HT28" s="25">
        <v>320902</v>
      </c>
      <c r="HU28" s="25">
        <v>1425721</v>
      </c>
      <c r="HV28" s="25">
        <v>1436746</v>
      </c>
      <c r="HW28" s="25">
        <v>607266</v>
      </c>
      <c r="HX28" s="28">
        <v>3860283</v>
      </c>
      <c r="HY28" s="29">
        <v>3860283</v>
      </c>
    </row>
    <row r="29" spans="2:233" ht="21" customHeight="1" x14ac:dyDescent="0.2">
      <c r="B29" s="106" t="s">
        <v>26</v>
      </c>
      <c r="C29" s="24">
        <v>0</v>
      </c>
      <c r="D29" s="25">
        <v>0</v>
      </c>
      <c r="E29" s="26">
        <v>0</v>
      </c>
      <c r="F29" s="27">
        <v>0</v>
      </c>
      <c r="G29" s="25">
        <v>35680</v>
      </c>
      <c r="H29" s="25">
        <v>201569</v>
      </c>
      <c r="I29" s="25">
        <v>418525</v>
      </c>
      <c r="J29" s="25">
        <v>598950</v>
      </c>
      <c r="K29" s="25">
        <v>649775</v>
      </c>
      <c r="L29" s="28">
        <v>1904499</v>
      </c>
      <c r="M29" s="29">
        <v>1904499</v>
      </c>
      <c r="N29" s="24">
        <v>0</v>
      </c>
      <c r="O29" s="25">
        <v>0</v>
      </c>
      <c r="P29" s="26">
        <v>0</v>
      </c>
      <c r="Q29" s="404">
        <v>0</v>
      </c>
      <c r="R29" s="25">
        <v>2550</v>
      </c>
      <c r="S29" s="25">
        <v>29700</v>
      </c>
      <c r="T29" s="25">
        <v>169205</v>
      </c>
      <c r="U29" s="25">
        <v>266940</v>
      </c>
      <c r="V29" s="25">
        <v>585215</v>
      </c>
      <c r="W29" s="28">
        <v>1053610</v>
      </c>
      <c r="X29" s="29">
        <v>1053610</v>
      </c>
      <c r="Y29" s="24">
        <v>0</v>
      </c>
      <c r="Z29" s="25">
        <v>0</v>
      </c>
      <c r="AA29" s="26">
        <v>0</v>
      </c>
      <c r="AB29" s="404">
        <v>0</v>
      </c>
      <c r="AC29" s="25">
        <v>31650</v>
      </c>
      <c r="AD29" s="25">
        <v>147525</v>
      </c>
      <c r="AE29" s="25">
        <v>168230</v>
      </c>
      <c r="AF29" s="25">
        <v>281415</v>
      </c>
      <c r="AG29" s="25">
        <v>36750</v>
      </c>
      <c r="AH29" s="28">
        <v>665570</v>
      </c>
      <c r="AI29" s="29">
        <v>665570</v>
      </c>
      <c r="AJ29" s="24">
        <v>0</v>
      </c>
      <c r="AK29" s="25">
        <v>0</v>
      </c>
      <c r="AL29" s="26">
        <v>0</v>
      </c>
      <c r="AM29" s="404">
        <v>0</v>
      </c>
      <c r="AN29" s="25">
        <v>0</v>
      </c>
      <c r="AO29" s="25">
        <v>0</v>
      </c>
      <c r="AP29" s="25">
        <v>0</v>
      </c>
      <c r="AQ29" s="25">
        <v>0</v>
      </c>
      <c r="AR29" s="25">
        <v>0</v>
      </c>
      <c r="AS29" s="28">
        <v>0</v>
      </c>
      <c r="AT29" s="29">
        <v>0</v>
      </c>
      <c r="AU29" s="24">
        <v>0</v>
      </c>
      <c r="AV29" s="25">
        <v>0</v>
      </c>
      <c r="AW29" s="26">
        <v>0</v>
      </c>
      <c r="AX29" s="404">
        <v>0</v>
      </c>
      <c r="AY29" s="25">
        <v>0</v>
      </c>
      <c r="AZ29" s="25">
        <v>0</v>
      </c>
      <c r="BA29" s="25">
        <v>2550</v>
      </c>
      <c r="BB29" s="25">
        <v>0</v>
      </c>
      <c r="BC29" s="25">
        <v>5100</v>
      </c>
      <c r="BD29" s="28">
        <v>7650</v>
      </c>
      <c r="BE29" s="29">
        <v>7650</v>
      </c>
      <c r="BF29" s="24">
        <v>0</v>
      </c>
      <c r="BG29" s="25">
        <v>0</v>
      </c>
      <c r="BH29" s="26">
        <v>0</v>
      </c>
      <c r="BI29" s="404">
        <v>0</v>
      </c>
      <c r="BJ29" s="25">
        <v>0</v>
      </c>
      <c r="BK29" s="25">
        <v>0</v>
      </c>
      <c r="BL29" s="25">
        <v>0</v>
      </c>
      <c r="BM29" s="25">
        <v>0</v>
      </c>
      <c r="BN29" s="25">
        <v>0</v>
      </c>
      <c r="BO29" s="28">
        <v>0</v>
      </c>
      <c r="BP29" s="29">
        <v>0</v>
      </c>
      <c r="BQ29" s="24">
        <v>0</v>
      </c>
      <c r="BR29" s="25">
        <v>0</v>
      </c>
      <c r="BS29" s="26">
        <v>0</v>
      </c>
      <c r="BT29" s="27">
        <v>0</v>
      </c>
      <c r="BU29" s="25">
        <v>1480</v>
      </c>
      <c r="BV29" s="25">
        <v>23039</v>
      </c>
      <c r="BW29" s="25">
        <v>76655</v>
      </c>
      <c r="BX29" s="25">
        <v>49000</v>
      </c>
      <c r="BY29" s="25">
        <v>22710</v>
      </c>
      <c r="BZ29" s="28">
        <v>172884</v>
      </c>
      <c r="CA29" s="29">
        <v>172884</v>
      </c>
      <c r="CB29" s="24">
        <v>0</v>
      </c>
      <c r="CC29" s="25">
        <v>0</v>
      </c>
      <c r="CD29" s="26">
        <v>0</v>
      </c>
      <c r="CE29" s="27">
        <v>0</v>
      </c>
      <c r="CF29" s="25">
        <v>0</v>
      </c>
      <c r="CG29" s="25">
        <v>1305</v>
      </c>
      <c r="CH29" s="25">
        <v>1885</v>
      </c>
      <c r="CI29" s="25">
        <v>1595</v>
      </c>
      <c r="CJ29" s="25">
        <v>0</v>
      </c>
      <c r="CK29" s="28">
        <v>4785</v>
      </c>
      <c r="CL29" s="29">
        <v>4785</v>
      </c>
      <c r="CM29" s="24">
        <v>0</v>
      </c>
      <c r="CN29" s="25">
        <v>0</v>
      </c>
      <c r="CO29" s="26">
        <v>0</v>
      </c>
      <c r="CP29" s="27">
        <v>0</v>
      </c>
      <c r="CQ29" s="25">
        <v>0</v>
      </c>
      <c r="CR29" s="25">
        <v>0</v>
      </c>
      <c r="CS29" s="25">
        <v>0</v>
      </c>
      <c r="CT29" s="25">
        <v>0</v>
      </c>
      <c r="CU29" s="25">
        <v>0</v>
      </c>
      <c r="CV29" s="28">
        <v>0</v>
      </c>
      <c r="CW29" s="29">
        <v>0</v>
      </c>
      <c r="CX29" s="24">
        <v>0</v>
      </c>
      <c r="CY29" s="25">
        <v>0</v>
      </c>
      <c r="CZ29" s="26">
        <v>0</v>
      </c>
      <c r="DA29" s="404">
        <v>0</v>
      </c>
      <c r="DB29" s="25">
        <v>0</v>
      </c>
      <c r="DC29" s="25">
        <v>0</v>
      </c>
      <c r="DD29" s="25">
        <v>0</v>
      </c>
      <c r="DE29" s="25">
        <v>0</v>
      </c>
      <c r="DF29" s="25">
        <v>0</v>
      </c>
      <c r="DG29" s="28">
        <v>0</v>
      </c>
      <c r="DH29" s="29">
        <v>0</v>
      </c>
      <c r="DI29" s="24">
        <v>0</v>
      </c>
      <c r="DJ29" s="25">
        <v>0</v>
      </c>
      <c r="DK29" s="26">
        <v>0</v>
      </c>
      <c r="DL29" s="27">
        <v>0</v>
      </c>
      <c r="DM29" s="25">
        <v>24933</v>
      </c>
      <c r="DN29" s="25">
        <v>82987</v>
      </c>
      <c r="DO29" s="25">
        <v>375718</v>
      </c>
      <c r="DP29" s="25">
        <v>587458</v>
      </c>
      <c r="DQ29" s="25">
        <v>577013</v>
      </c>
      <c r="DR29" s="28">
        <v>1648109</v>
      </c>
      <c r="DS29" s="30">
        <v>1648109</v>
      </c>
      <c r="DT29" s="24">
        <v>0</v>
      </c>
      <c r="DU29" s="25">
        <v>0</v>
      </c>
      <c r="DV29" s="26">
        <v>0</v>
      </c>
      <c r="DW29" s="404">
        <v>0</v>
      </c>
      <c r="DX29" s="25">
        <v>20880</v>
      </c>
      <c r="DY29" s="25">
        <v>32700</v>
      </c>
      <c r="DZ29" s="25">
        <v>292175</v>
      </c>
      <c r="EA29" s="25">
        <v>459760</v>
      </c>
      <c r="EB29" s="25">
        <v>529146</v>
      </c>
      <c r="EC29" s="28">
        <v>1334661</v>
      </c>
      <c r="ED29" s="29">
        <v>1334661</v>
      </c>
      <c r="EE29" s="24">
        <v>0</v>
      </c>
      <c r="EF29" s="25">
        <v>0</v>
      </c>
      <c r="EG29" s="26">
        <v>0</v>
      </c>
      <c r="EH29" s="404">
        <v>0</v>
      </c>
      <c r="EI29" s="25">
        <v>210</v>
      </c>
      <c r="EJ29" s="25">
        <v>1666</v>
      </c>
      <c r="EK29" s="25">
        <v>14510</v>
      </c>
      <c r="EL29" s="25">
        <v>50669</v>
      </c>
      <c r="EM29" s="25">
        <v>630</v>
      </c>
      <c r="EN29" s="28">
        <v>67685</v>
      </c>
      <c r="EO29" s="29">
        <v>67685</v>
      </c>
      <c r="EP29" s="24">
        <v>0</v>
      </c>
      <c r="EQ29" s="25">
        <v>0</v>
      </c>
      <c r="ER29" s="26">
        <v>0</v>
      </c>
      <c r="ES29" s="404">
        <v>0</v>
      </c>
      <c r="ET29" s="25">
        <v>0</v>
      </c>
      <c r="EU29" s="25">
        <v>0</v>
      </c>
      <c r="EV29" s="25">
        <v>0</v>
      </c>
      <c r="EW29" s="25">
        <v>0</v>
      </c>
      <c r="EX29" s="25">
        <v>0</v>
      </c>
      <c r="EY29" s="28">
        <v>0</v>
      </c>
      <c r="EZ29" s="29">
        <v>0</v>
      </c>
      <c r="FA29" s="24">
        <v>0</v>
      </c>
      <c r="FB29" s="25">
        <v>0</v>
      </c>
      <c r="FC29" s="26">
        <v>0</v>
      </c>
      <c r="FD29" s="404">
        <v>0</v>
      </c>
      <c r="FE29" s="25">
        <v>0</v>
      </c>
      <c r="FF29" s="25">
        <v>0</v>
      </c>
      <c r="FG29" s="25">
        <v>210</v>
      </c>
      <c r="FH29" s="25">
        <v>0</v>
      </c>
      <c r="FI29" s="25">
        <v>420</v>
      </c>
      <c r="FJ29" s="28">
        <v>630</v>
      </c>
      <c r="FK29" s="29">
        <v>630</v>
      </c>
      <c r="FL29" s="24">
        <v>0</v>
      </c>
      <c r="FM29" s="25">
        <v>0</v>
      </c>
      <c r="FN29" s="26">
        <v>0</v>
      </c>
      <c r="FO29" s="404">
        <v>0</v>
      </c>
      <c r="FP29" s="25">
        <v>0</v>
      </c>
      <c r="FQ29" s="25">
        <v>0</v>
      </c>
      <c r="FR29" s="25">
        <v>0</v>
      </c>
      <c r="FS29" s="25">
        <v>0</v>
      </c>
      <c r="FT29" s="25">
        <v>0</v>
      </c>
      <c r="FU29" s="28">
        <v>0</v>
      </c>
      <c r="FV29" s="29">
        <v>0</v>
      </c>
      <c r="FW29" s="24">
        <v>0</v>
      </c>
      <c r="FX29" s="25">
        <v>0</v>
      </c>
      <c r="FY29" s="26">
        <v>0</v>
      </c>
      <c r="FZ29" s="27">
        <v>0</v>
      </c>
      <c r="GA29" s="25">
        <v>3843</v>
      </c>
      <c r="GB29" s="25">
        <v>47505</v>
      </c>
      <c r="GC29" s="25">
        <v>68725</v>
      </c>
      <c r="GD29" s="25">
        <v>76952</v>
      </c>
      <c r="GE29" s="25">
        <v>46817</v>
      </c>
      <c r="GF29" s="28">
        <v>243842</v>
      </c>
      <c r="GG29" s="29">
        <v>243842</v>
      </c>
      <c r="GH29" s="24">
        <v>0</v>
      </c>
      <c r="GI29" s="25">
        <v>0</v>
      </c>
      <c r="GJ29" s="26">
        <v>0</v>
      </c>
      <c r="GK29" s="27">
        <v>0</v>
      </c>
      <c r="GL29" s="25">
        <v>0</v>
      </c>
      <c r="GM29" s="25">
        <v>1116</v>
      </c>
      <c r="GN29" s="25">
        <v>98</v>
      </c>
      <c r="GO29" s="25">
        <v>77</v>
      </c>
      <c r="GP29" s="25">
        <v>0</v>
      </c>
      <c r="GQ29" s="28">
        <v>1291</v>
      </c>
      <c r="GR29" s="29">
        <v>1291</v>
      </c>
      <c r="GS29" s="24">
        <v>0</v>
      </c>
      <c r="GT29" s="25">
        <v>0</v>
      </c>
      <c r="GU29" s="26">
        <v>0</v>
      </c>
      <c r="GV29" s="27">
        <v>0</v>
      </c>
      <c r="GW29" s="25">
        <v>0</v>
      </c>
      <c r="GX29" s="25">
        <v>0</v>
      </c>
      <c r="GY29" s="25">
        <v>0</v>
      </c>
      <c r="GZ29" s="25">
        <v>0</v>
      </c>
      <c r="HA29" s="25">
        <v>0</v>
      </c>
      <c r="HB29" s="28">
        <v>0</v>
      </c>
      <c r="HC29" s="29">
        <v>0</v>
      </c>
      <c r="HD29" s="24">
        <v>0</v>
      </c>
      <c r="HE29" s="25">
        <v>0</v>
      </c>
      <c r="HF29" s="26">
        <v>0</v>
      </c>
      <c r="HG29" s="404">
        <v>0</v>
      </c>
      <c r="HH29" s="25">
        <v>0</v>
      </c>
      <c r="HI29" s="25">
        <v>0</v>
      </c>
      <c r="HJ29" s="25">
        <v>0</v>
      </c>
      <c r="HK29" s="25">
        <v>0</v>
      </c>
      <c r="HL29" s="25">
        <v>0</v>
      </c>
      <c r="HM29" s="28">
        <v>0</v>
      </c>
      <c r="HN29" s="29">
        <v>0</v>
      </c>
      <c r="HO29" s="24">
        <v>0</v>
      </c>
      <c r="HP29" s="25">
        <v>0</v>
      </c>
      <c r="HQ29" s="26">
        <v>0</v>
      </c>
      <c r="HR29" s="27">
        <v>0</v>
      </c>
      <c r="HS29" s="25">
        <v>60613</v>
      </c>
      <c r="HT29" s="25">
        <v>284556</v>
      </c>
      <c r="HU29" s="25">
        <v>794243</v>
      </c>
      <c r="HV29" s="25">
        <v>1186408</v>
      </c>
      <c r="HW29" s="25">
        <v>1226788</v>
      </c>
      <c r="HX29" s="28">
        <v>3552608</v>
      </c>
      <c r="HY29" s="29">
        <v>3552608</v>
      </c>
    </row>
    <row r="30" spans="2:233" ht="21" customHeight="1" x14ac:dyDescent="0.2">
      <c r="B30" s="106" t="s">
        <v>27</v>
      </c>
      <c r="C30" s="24">
        <v>0</v>
      </c>
      <c r="D30" s="25">
        <v>0</v>
      </c>
      <c r="E30" s="26">
        <v>0</v>
      </c>
      <c r="F30" s="27">
        <v>0</v>
      </c>
      <c r="G30" s="25">
        <v>142645</v>
      </c>
      <c r="H30" s="25">
        <v>88340</v>
      </c>
      <c r="I30" s="25">
        <v>572012</v>
      </c>
      <c r="J30" s="25">
        <v>786990</v>
      </c>
      <c r="K30" s="25">
        <v>447740</v>
      </c>
      <c r="L30" s="28">
        <v>2037727</v>
      </c>
      <c r="M30" s="29">
        <v>2037727</v>
      </c>
      <c r="N30" s="24">
        <v>0</v>
      </c>
      <c r="O30" s="25">
        <v>0</v>
      </c>
      <c r="P30" s="26">
        <v>0</v>
      </c>
      <c r="Q30" s="404">
        <v>0</v>
      </c>
      <c r="R30" s="25">
        <v>96005</v>
      </c>
      <c r="S30" s="25">
        <v>0</v>
      </c>
      <c r="T30" s="25">
        <v>380945</v>
      </c>
      <c r="U30" s="25">
        <v>545545</v>
      </c>
      <c r="V30" s="25">
        <v>445190</v>
      </c>
      <c r="W30" s="28">
        <v>1467685</v>
      </c>
      <c r="X30" s="29">
        <v>1467685</v>
      </c>
      <c r="Y30" s="24">
        <v>0</v>
      </c>
      <c r="Z30" s="25">
        <v>0</v>
      </c>
      <c r="AA30" s="26">
        <v>0</v>
      </c>
      <c r="AB30" s="404">
        <v>0</v>
      </c>
      <c r="AC30" s="25">
        <v>34200</v>
      </c>
      <c r="AD30" s="25">
        <v>81900</v>
      </c>
      <c r="AE30" s="25">
        <v>76135</v>
      </c>
      <c r="AF30" s="25">
        <v>199625</v>
      </c>
      <c r="AG30" s="25">
        <v>2550</v>
      </c>
      <c r="AH30" s="28">
        <v>394410</v>
      </c>
      <c r="AI30" s="29">
        <v>394410</v>
      </c>
      <c r="AJ30" s="24">
        <v>0</v>
      </c>
      <c r="AK30" s="25">
        <v>0</v>
      </c>
      <c r="AL30" s="26">
        <v>0</v>
      </c>
      <c r="AM30" s="404">
        <v>0</v>
      </c>
      <c r="AN30" s="25">
        <v>0</v>
      </c>
      <c r="AO30" s="25">
        <v>0</v>
      </c>
      <c r="AP30" s="25">
        <v>0</v>
      </c>
      <c r="AQ30" s="25">
        <v>0</v>
      </c>
      <c r="AR30" s="25">
        <v>0</v>
      </c>
      <c r="AS30" s="28">
        <v>0</v>
      </c>
      <c r="AT30" s="29">
        <v>0</v>
      </c>
      <c r="AU30" s="24">
        <v>0</v>
      </c>
      <c r="AV30" s="25">
        <v>0</v>
      </c>
      <c r="AW30" s="26">
        <v>0</v>
      </c>
      <c r="AX30" s="404">
        <v>0</v>
      </c>
      <c r="AY30" s="25">
        <v>0</v>
      </c>
      <c r="AZ30" s="25">
        <v>0</v>
      </c>
      <c r="BA30" s="25">
        <v>0</v>
      </c>
      <c r="BB30" s="25">
        <v>0</v>
      </c>
      <c r="BC30" s="25">
        <v>0</v>
      </c>
      <c r="BD30" s="28">
        <v>0</v>
      </c>
      <c r="BE30" s="29">
        <v>0</v>
      </c>
      <c r="BF30" s="24">
        <v>0</v>
      </c>
      <c r="BG30" s="25">
        <v>0</v>
      </c>
      <c r="BH30" s="26">
        <v>0</v>
      </c>
      <c r="BI30" s="404">
        <v>0</v>
      </c>
      <c r="BJ30" s="25">
        <v>0</v>
      </c>
      <c r="BK30" s="25">
        <v>0</v>
      </c>
      <c r="BL30" s="25">
        <v>58050</v>
      </c>
      <c r="BM30" s="25">
        <v>36750</v>
      </c>
      <c r="BN30" s="25">
        <v>0</v>
      </c>
      <c r="BO30" s="28">
        <v>94800</v>
      </c>
      <c r="BP30" s="29">
        <v>94800</v>
      </c>
      <c r="BQ30" s="24">
        <v>0</v>
      </c>
      <c r="BR30" s="25">
        <v>0</v>
      </c>
      <c r="BS30" s="26">
        <v>0</v>
      </c>
      <c r="BT30" s="27">
        <v>0</v>
      </c>
      <c r="BU30" s="25">
        <v>12440</v>
      </c>
      <c r="BV30" s="25">
        <v>6440</v>
      </c>
      <c r="BW30" s="25">
        <v>56437</v>
      </c>
      <c r="BX30" s="25">
        <v>5070</v>
      </c>
      <c r="BY30" s="25">
        <v>0</v>
      </c>
      <c r="BZ30" s="28">
        <v>80387</v>
      </c>
      <c r="CA30" s="29">
        <v>80387</v>
      </c>
      <c r="CB30" s="24">
        <v>0</v>
      </c>
      <c r="CC30" s="25">
        <v>0</v>
      </c>
      <c r="CD30" s="26">
        <v>0</v>
      </c>
      <c r="CE30" s="27">
        <v>0</v>
      </c>
      <c r="CF30" s="25">
        <v>0</v>
      </c>
      <c r="CG30" s="25">
        <v>0</v>
      </c>
      <c r="CH30" s="25">
        <v>445</v>
      </c>
      <c r="CI30" s="25">
        <v>0</v>
      </c>
      <c r="CJ30" s="25">
        <v>0</v>
      </c>
      <c r="CK30" s="28">
        <v>445</v>
      </c>
      <c r="CL30" s="29">
        <v>445</v>
      </c>
      <c r="CM30" s="24">
        <v>0</v>
      </c>
      <c r="CN30" s="25">
        <v>0</v>
      </c>
      <c r="CO30" s="26">
        <v>0</v>
      </c>
      <c r="CP30" s="27">
        <v>0</v>
      </c>
      <c r="CQ30" s="25">
        <v>0</v>
      </c>
      <c r="CR30" s="25">
        <v>0</v>
      </c>
      <c r="CS30" s="25">
        <v>0</v>
      </c>
      <c r="CT30" s="25">
        <v>0</v>
      </c>
      <c r="CU30" s="25">
        <v>0</v>
      </c>
      <c r="CV30" s="28">
        <v>0</v>
      </c>
      <c r="CW30" s="29">
        <v>0</v>
      </c>
      <c r="CX30" s="24">
        <v>0</v>
      </c>
      <c r="CY30" s="25">
        <v>0</v>
      </c>
      <c r="CZ30" s="26">
        <v>0</v>
      </c>
      <c r="DA30" s="404">
        <v>0</v>
      </c>
      <c r="DB30" s="25">
        <v>0</v>
      </c>
      <c r="DC30" s="25">
        <v>0</v>
      </c>
      <c r="DD30" s="25">
        <v>0</v>
      </c>
      <c r="DE30" s="25">
        <v>0</v>
      </c>
      <c r="DF30" s="25">
        <v>0</v>
      </c>
      <c r="DG30" s="28">
        <v>0</v>
      </c>
      <c r="DH30" s="29">
        <v>0</v>
      </c>
      <c r="DI30" s="24">
        <v>0</v>
      </c>
      <c r="DJ30" s="25">
        <v>0</v>
      </c>
      <c r="DK30" s="26">
        <v>0</v>
      </c>
      <c r="DL30" s="27">
        <v>0</v>
      </c>
      <c r="DM30" s="25">
        <v>78810</v>
      </c>
      <c r="DN30" s="25">
        <v>16010</v>
      </c>
      <c r="DO30" s="25">
        <v>526521</v>
      </c>
      <c r="DP30" s="25">
        <v>658403</v>
      </c>
      <c r="DQ30" s="25">
        <v>387460</v>
      </c>
      <c r="DR30" s="28">
        <v>1667204</v>
      </c>
      <c r="DS30" s="30">
        <v>1667204</v>
      </c>
      <c r="DT30" s="24">
        <v>0</v>
      </c>
      <c r="DU30" s="25">
        <v>0</v>
      </c>
      <c r="DV30" s="26">
        <v>0</v>
      </c>
      <c r="DW30" s="404">
        <v>0</v>
      </c>
      <c r="DX30" s="25">
        <v>60590</v>
      </c>
      <c r="DY30" s="25">
        <v>0</v>
      </c>
      <c r="DZ30" s="25">
        <v>324999</v>
      </c>
      <c r="EA30" s="25">
        <v>511276</v>
      </c>
      <c r="EB30" s="25">
        <v>379360</v>
      </c>
      <c r="EC30" s="28">
        <v>1276225</v>
      </c>
      <c r="ED30" s="29">
        <v>1276225</v>
      </c>
      <c r="EE30" s="24">
        <v>0</v>
      </c>
      <c r="EF30" s="25">
        <v>0</v>
      </c>
      <c r="EG30" s="26">
        <v>0</v>
      </c>
      <c r="EH30" s="404">
        <v>0</v>
      </c>
      <c r="EI30" s="25">
        <v>420</v>
      </c>
      <c r="EJ30" s="25">
        <v>840</v>
      </c>
      <c r="EK30" s="25">
        <v>62527</v>
      </c>
      <c r="EL30" s="25">
        <v>66877</v>
      </c>
      <c r="EM30" s="25">
        <v>8100</v>
      </c>
      <c r="EN30" s="28">
        <v>138764</v>
      </c>
      <c r="EO30" s="29">
        <v>138764</v>
      </c>
      <c r="EP30" s="24">
        <v>0</v>
      </c>
      <c r="EQ30" s="25">
        <v>0</v>
      </c>
      <c r="ER30" s="26">
        <v>0</v>
      </c>
      <c r="ES30" s="404">
        <v>0</v>
      </c>
      <c r="ET30" s="25">
        <v>0</v>
      </c>
      <c r="EU30" s="25">
        <v>0</v>
      </c>
      <c r="EV30" s="25">
        <v>0</v>
      </c>
      <c r="EW30" s="25">
        <v>0</v>
      </c>
      <c r="EX30" s="25">
        <v>0</v>
      </c>
      <c r="EY30" s="28">
        <v>0</v>
      </c>
      <c r="EZ30" s="29">
        <v>0</v>
      </c>
      <c r="FA30" s="24">
        <v>0</v>
      </c>
      <c r="FB30" s="25">
        <v>0</v>
      </c>
      <c r="FC30" s="26">
        <v>0</v>
      </c>
      <c r="FD30" s="404">
        <v>0</v>
      </c>
      <c r="FE30" s="25">
        <v>0</v>
      </c>
      <c r="FF30" s="25">
        <v>0</v>
      </c>
      <c r="FG30" s="25">
        <v>0</v>
      </c>
      <c r="FH30" s="25">
        <v>0</v>
      </c>
      <c r="FI30" s="25">
        <v>0</v>
      </c>
      <c r="FJ30" s="28">
        <v>0</v>
      </c>
      <c r="FK30" s="29">
        <v>0</v>
      </c>
      <c r="FL30" s="24">
        <v>0</v>
      </c>
      <c r="FM30" s="25">
        <v>0</v>
      </c>
      <c r="FN30" s="26">
        <v>0</v>
      </c>
      <c r="FO30" s="404">
        <v>0</v>
      </c>
      <c r="FP30" s="25">
        <v>0</v>
      </c>
      <c r="FQ30" s="25">
        <v>0</v>
      </c>
      <c r="FR30" s="25">
        <v>77340</v>
      </c>
      <c r="FS30" s="25">
        <v>77340</v>
      </c>
      <c r="FT30" s="25">
        <v>0</v>
      </c>
      <c r="FU30" s="28">
        <v>154680</v>
      </c>
      <c r="FV30" s="29">
        <v>154680</v>
      </c>
      <c r="FW30" s="24">
        <v>0</v>
      </c>
      <c r="FX30" s="25">
        <v>0</v>
      </c>
      <c r="FY30" s="26">
        <v>0</v>
      </c>
      <c r="FZ30" s="27">
        <v>0</v>
      </c>
      <c r="GA30" s="25">
        <v>17800</v>
      </c>
      <c r="GB30" s="25">
        <v>15170</v>
      </c>
      <c r="GC30" s="25">
        <v>60845</v>
      </c>
      <c r="GD30" s="25">
        <v>2910</v>
      </c>
      <c r="GE30" s="25">
        <v>0</v>
      </c>
      <c r="GF30" s="28">
        <v>96725</v>
      </c>
      <c r="GG30" s="29">
        <v>96725</v>
      </c>
      <c r="GH30" s="24">
        <v>0</v>
      </c>
      <c r="GI30" s="25">
        <v>0</v>
      </c>
      <c r="GJ30" s="26">
        <v>0</v>
      </c>
      <c r="GK30" s="27">
        <v>0</v>
      </c>
      <c r="GL30" s="25">
        <v>0</v>
      </c>
      <c r="GM30" s="25">
        <v>0</v>
      </c>
      <c r="GN30" s="25">
        <v>810</v>
      </c>
      <c r="GO30" s="25">
        <v>0</v>
      </c>
      <c r="GP30" s="25">
        <v>0</v>
      </c>
      <c r="GQ30" s="28">
        <v>810</v>
      </c>
      <c r="GR30" s="29">
        <v>810</v>
      </c>
      <c r="GS30" s="24">
        <v>0</v>
      </c>
      <c r="GT30" s="25">
        <v>0</v>
      </c>
      <c r="GU30" s="26">
        <v>0</v>
      </c>
      <c r="GV30" s="27">
        <v>0</v>
      </c>
      <c r="GW30" s="25">
        <v>0</v>
      </c>
      <c r="GX30" s="25">
        <v>0</v>
      </c>
      <c r="GY30" s="25">
        <v>0</v>
      </c>
      <c r="GZ30" s="25">
        <v>0</v>
      </c>
      <c r="HA30" s="25">
        <v>0</v>
      </c>
      <c r="HB30" s="28">
        <v>0</v>
      </c>
      <c r="HC30" s="29">
        <v>0</v>
      </c>
      <c r="HD30" s="24">
        <v>0</v>
      </c>
      <c r="HE30" s="25">
        <v>0</v>
      </c>
      <c r="HF30" s="26">
        <v>0</v>
      </c>
      <c r="HG30" s="404">
        <v>0</v>
      </c>
      <c r="HH30" s="25">
        <v>0</v>
      </c>
      <c r="HI30" s="25">
        <v>0</v>
      </c>
      <c r="HJ30" s="25">
        <v>0</v>
      </c>
      <c r="HK30" s="25">
        <v>0</v>
      </c>
      <c r="HL30" s="25">
        <v>0</v>
      </c>
      <c r="HM30" s="28">
        <v>0</v>
      </c>
      <c r="HN30" s="29">
        <v>0</v>
      </c>
      <c r="HO30" s="24">
        <v>0</v>
      </c>
      <c r="HP30" s="25">
        <v>0</v>
      </c>
      <c r="HQ30" s="26">
        <v>0</v>
      </c>
      <c r="HR30" s="27">
        <v>0</v>
      </c>
      <c r="HS30" s="25">
        <v>221455</v>
      </c>
      <c r="HT30" s="25">
        <v>104350</v>
      </c>
      <c r="HU30" s="25">
        <v>1098533</v>
      </c>
      <c r="HV30" s="25">
        <v>1445393</v>
      </c>
      <c r="HW30" s="25">
        <v>835200</v>
      </c>
      <c r="HX30" s="28">
        <v>3704931</v>
      </c>
      <c r="HY30" s="29">
        <v>3704931</v>
      </c>
    </row>
    <row r="31" spans="2:233" ht="21" customHeight="1" x14ac:dyDescent="0.2">
      <c r="B31" s="106" t="s">
        <v>28</v>
      </c>
      <c r="C31" s="24">
        <v>0</v>
      </c>
      <c r="D31" s="25">
        <v>0</v>
      </c>
      <c r="E31" s="26">
        <v>0</v>
      </c>
      <c r="F31" s="27">
        <v>0</v>
      </c>
      <c r="G31" s="25">
        <v>0</v>
      </c>
      <c r="H31" s="25">
        <v>23850</v>
      </c>
      <c r="I31" s="25">
        <v>258535</v>
      </c>
      <c r="J31" s="25">
        <v>308752</v>
      </c>
      <c r="K31" s="25">
        <v>88020</v>
      </c>
      <c r="L31" s="28">
        <v>679157</v>
      </c>
      <c r="M31" s="29">
        <v>679157</v>
      </c>
      <c r="N31" s="24">
        <v>0</v>
      </c>
      <c r="O31" s="25">
        <v>0</v>
      </c>
      <c r="P31" s="26">
        <v>0</v>
      </c>
      <c r="Q31" s="404">
        <v>0</v>
      </c>
      <c r="R31" s="25">
        <v>0</v>
      </c>
      <c r="S31" s="25">
        <v>0</v>
      </c>
      <c r="T31" s="25">
        <v>201690</v>
      </c>
      <c r="U31" s="25">
        <v>300045</v>
      </c>
      <c r="V31" s="25">
        <v>73545</v>
      </c>
      <c r="W31" s="28">
        <v>575280</v>
      </c>
      <c r="X31" s="29">
        <v>575280</v>
      </c>
      <c r="Y31" s="24">
        <v>0</v>
      </c>
      <c r="Z31" s="25">
        <v>0</v>
      </c>
      <c r="AA31" s="26">
        <v>0</v>
      </c>
      <c r="AB31" s="404">
        <v>0</v>
      </c>
      <c r="AC31" s="25">
        <v>0</v>
      </c>
      <c r="AD31" s="25">
        <v>23850</v>
      </c>
      <c r="AE31" s="25">
        <v>55975</v>
      </c>
      <c r="AF31" s="25">
        <v>5440</v>
      </c>
      <c r="AG31" s="25">
        <v>13680</v>
      </c>
      <c r="AH31" s="28">
        <v>98945</v>
      </c>
      <c r="AI31" s="29">
        <v>98945</v>
      </c>
      <c r="AJ31" s="24">
        <v>0</v>
      </c>
      <c r="AK31" s="25">
        <v>0</v>
      </c>
      <c r="AL31" s="26">
        <v>0</v>
      </c>
      <c r="AM31" s="404">
        <v>0</v>
      </c>
      <c r="AN31" s="25">
        <v>0</v>
      </c>
      <c r="AO31" s="25">
        <v>0</v>
      </c>
      <c r="AP31" s="25">
        <v>0</v>
      </c>
      <c r="AQ31" s="25">
        <v>0</v>
      </c>
      <c r="AR31" s="25">
        <v>0</v>
      </c>
      <c r="AS31" s="28">
        <v>0</v>
      </c>
      <c r="AT31" s="29">
        <v>0</v>
      </c>
      <c r="AU31" s="24">
        <v>0</v>
      </c>
      <c r="AV31" s="25">
        <v>0</v>
      </c>
      <c r="AW31" s="26">
        <v>0</v>
      </c>
      <c r="AX31" s="404">
        <v>0</v>
      </c>
      <c r="AY31" s="25">
        <v>0</v>
      </c>
      <c r="AZ31" s="25">
        <v>0</v>
      </c>
      <c r="BA31" s="25">
        <v>0</v>
      </c>
      <c r="BB31" s="25">
        <v>0</v>
      </c>
      <c r="BC31" s="25">
        <v>0</v>
      </c>
      <c r="BD31" s="28">
        <v>0</v>
      </c>
      <c r="BE31" s="29">
        <v>0</v>
      </c>
      <c r="BF31" s="24">
        <v>0</v>
      </c>
      <c r="BG31" s="25">
        <v>0</v>
      </c>
      <c r="BH31" s="26">
        <v>0</v>
      </c>
      <c r="BI31" s="404">
        <v>0</v>
      </c>
      <c r="BJ31" s="25">
        <v>0</v>
      </c>
      <c r="BK31" s="25">
        <v>0</v>
      </c>
      <c r="BL31" s="25">
        <v>0</v>
      </c>
      <c r="BM31" s="25">
        <v>0</v>
      </c>
      <c r="BN31" s="25">
        <v>0</v>
      </c>
      <c r="BO31" s="28">
        <v>0</v>
      </c>
      <c r="BP31" s="29">
        <v>0</v>
      </c>
      <c r="BQ31" s="24">
        <v>0</v>
      </c>
      <c r="BR31" s="25">
        <v>0</v>
      </c>
      <c r="BS31" s="26">
        <v>0</v>
      </c>
      <c r="BT31" s="27">
        <v>0</v>
      </c>
      <c r="BU31" s="25">
        <v>0</v>
      </c>
      <c r="BV31" s="25">
        <v>0</v>
      </c>
      <c r="BW31" s="25">
        <v>870</v>
      </c>
      <c r="BX31" s="25">
        <v>3267</v>
      </c>
      <c r="BY31" s="25">
        <v>0</v>
      </c>
      <c r="BZ31" s="28">
        <v>4137</v>
      </c>
      <c r="CA31" s="29">
        <v>4137</v>
      </c>
      <c r="CB31" s="24">
        <v>0</v>
      </c>
      <c r="CC31" s="25">
        <v>0</v>
      </c>
      <c r="CD31" s="26">
        <v>0</v>
      </c>
      <c r="CE31" s="27">
        <v>0</v>
      </c>
      <c r="CF31" s="25">
        <v>0</v>
      </c>
      <c r="CG31" s="25">
        <v>0</v>
      </c>
      <c r="CH31" s="25">
        <v>0</v>
      </c>
      <c r="CI31" s="25">
        <v>0</v>
      </c>
      <c r="CJ31" s="25">
        <v>795</v>
      </c>
      <c r="CK31" s="28">
        <v>795</v>
      </c>
      <c r="CL31" s="29">
        <v>795</v>
      </c>
      <c r="CM31" s="24">
        <v>0</v>
      </c>
      <c r="CN31" s="25">
        <v>0</v>
      </c>
      <c r="CO31" s="26">
        <v>0</v>
      </c>
      <c r="CP31" s="27">
        <v>0</v>
      </c>
      <c r="CQ31" s="25">
        <v>0</v>
      </c>
      <c r="CR31" s="25">
        <v>0</v>
      </c>
      <c r="CS31" s="25">
        <v>0</v>
      </c>
      <c r="CT31" s="25">
        <v>0</v>
      </c>
      <c r="CU31" s="25">
        <v>0</v>
      </c>
      <c r="CV31" s="28">
        <v>0</v>
      </c>
      <c r="CW31" s="29">
        <v>0</v>
      </c>
      <c r="CX31" s="24">
        <v>0</v>
      </c>
      <c r="CY31" s="25">
        <v>0</v>
      </c>
      <c r="CZ31" s="26">
        <v>0</v>
      </c>
      <c r="DA31" s="404">
        <v>0</v>
      </c>
      <c r="DB31" s="25">
        <v>0</v>
      </c>
      <c r="DC31" s="25">
        <v>0</v>
      </c>
      <c r="DD31" s="25">
        <v>0</v>
      </c>
      <c r="DE31" s="25">
        <v>0</v>
      </c>
      <c r="DF31" s="25">
        <v>0</v>
      </c>
      <c r="DG31" s="28">
        <v>0</v>
      </c>
      <c r="DH31" s="29">
        <v>0</v>
      </c>
      <c r="DI31" s="24">
        <v>0</v>
      </c>
      <c r="DJ31" s="25">
        <v>0</v>
      </c>
      <c r="DK31" s="26">
        <v>0</v>
      </c>
      <c r="DL31" s="27">
        <v>0</v>
      </c>
      <c r="DM31" s="25">
        <v>0</v>
      </c>
      <c r="DN31" s="25">
        <v>210</v>
      </c>
      <c r="DO31" s="25">
        <v>171882</v>
      </c>
      <c r="DP31" s="25">
        <v>248080</v>
      </c>
      <c r="DQ31" s="25">
        <v>76520</v>
      </c>
      <c r="DR31" s="28">
        <v>496692</v>
      </c>
      <c r="DS31" s="30">
        <v>496692</v>
      </c>
      <c r="DT31" s="24">
        <v>0</v>
      </c>
      <c r="DU31" s="25">
        <v>0</v>
      </c>
      <c r="DV31" s="26">
        <v>0</v>
      </c>
      <c r="DW31" s="404">
        <v>0</v>
      </c>
      <c r="DX31" s="25">
        <v>0</v>
      </c>
      <c r="DY31" s="25">
        <v>0</v>
      </c>
      <c r="DZ31" s="25">
        <v>148125</v>
      </c>
      <c r="EA31" s="25">
        <v>232730</v>
      </c>
      <c r="EB31" s="25">
        <v>70490</v>
      </c>
      <c r="EC31" s="28">
        <v>451345</v>
      </c>
      <c r="ED31" s="29">
        <v>451345</v>
      </c>
      <c r="EE31" s="24">
        <v>0</v>
      </c>
      <c r="EF31" s="25">
        <v>0</v>
      </c>
      <c r="EG31" s="26">
        <v>0</v>
      </c>
      <c r="EH31" s="404">
        <v>0</v>
      </c>
      <c r="EI31" s="25">
        <v>0</v>
      </c>
      <c r="EJ31" s="25">
        <v>210</v>
      </c>
      <c r="EK31" s="25">
        <v>21300</v>
      </c>
      <c r="EL31" s="25">
        <v>10985</v>
      </c>
      <c r="EM31" s="25">
        <v>4260</v>
      </c>
      <c r="EN31" s="28">
        <v>36755</v>
      </c>
      <c r="EO31" s="29">
        <v>36755</v>
      </c>
      <c r="EP31" s="24">
        <v>0</v>
      </c>
      <c r="EQ31" s="25">
        <v>0</v>
      </c>
      <c r="ER31" s="26">
        <v>0</v>
      </c>
      <c r="ES31" s="404">
        <v>0</v>
      </c>
      <c r="ET31" s="25">
        <v>0</v>
      </c>
      <c r="EU31" s="25">
        <v>0</v>
      </c>
      <c r="EV31" s="25">
        <v>0</v>
      </c>
      <c r="EW31" s="25">
        <v>0</v>
      </c>
      <c r="EX31" s="25">
        <v>0</v>
      </c>
      <c r="EY31" s="28">
        <v>0</v>
      </c>
      <c r="EZ31" s="29">
        <v>0</v>
      </c>
      <c r="FA31" s="24">
        <v>0</v>
      </c>
      <c r="FB31" s="25">
        <v>0</v>
      </c>
      <c r="FC31" s="26">
        <v>0</v>
      </c>
      <c r="FD31" s="404">
        <v>0</v>
      </c>
      <c r="FE31" s="25">
        <v>0</v>
      </c>
      <c r="FF31" s="25">
        <v>0</v>
      </c>
      <c r="FG31" s="25">
        <v>0</v>
      </c>
      <c r="FH31" s="25">
        <v>0</v>
      </c>
      <c r="FI31" s="25">
        <v>0</v>
      </c>
      <c r="FJ31" s="28">
        <v>0</v>
      </c>
      <c r="FK31" s="29">
        <v>0</v>
      </c>
      <c r="FL31" s="24">
        <v>0</v>
      </c>
      <c r="FM31" s="25">
        <v>0</v>
      </c>
      <c r="FN31" s="26">
        <v>0</v>
      </c>
      <c r="FO31" s="404">
        <v>0</v>
      </c>
      <c r="FP31" s="25">
        <v>0</v>
      </c>
      <c r="FQ31" s="25">
        <v>0</v>
      </c>
      <c r="FR31" s="25">
        <v>0</v>
      </c>
      <c r="FS31" s="25">
        <v>0</v>
      </c>
      <c r="FT31" s="25">
        <v>0</v>
      </c>
      <c r="FU31" s="28">
        <v>0</v>
      </c>
      <c r="FV31" s="29">
        <v>0</v>
      </c>
      <c r="FW31" s="24">
        <v>0</v>
      </c>
      <c r="FX31" s="25">
        <v>0</v>
      </c>
      <c r="FY31" s="26">
        <v>0</v>
      </c>
      <c r="FZ31" s="27">
        <v>0</v>
      </c>
      <c r="GA31" s="25">
        <v>0</v>
      </c>
      <c r="GB31" s="25">
        <v>0</v>
      </c>
      <c r="GC31" s="25">
        <v>2457</v>
      </c>
      <c r="GD31" s="25">
        <v>4365</v>
      </c>
      <c r="GE31" s="25">
        <v>1230</v>
      </c>
      <c r="GF31" s="28">
        <v>8052</v>
      </c>
      <c r="GG31" s="29">
        <v>8052</v>
      </c>
      <c r="GH31" s="24">
        <v>0</v>
      </c>
      <c r="GI31" s="25">
        <v>0</v>
      </c>
      <c r="GJ31" s="26">
        <v>0</v>
      </c>
      <c r="GK31" s="27">
        <v>0</v>
      </c>
      <c r="GL31" s="25">
        <v>0</v>
      </c>
      <c r="GM31" s="25">
        <v>0</v>
      </c>
      <c r="GN31" s="25">
        <v>0</v>
      </c>
      <c r="GO31" s="25">
        <v>0</v>
      </c>
      <c r="GP31" s="25">
        <v>540</v>
      </c>
      <c r="GQ31" s="28">
        <v>540</v>
      </c>
      <c r="GR31" s="29">
        <v>540</v>
      </c>
      <c r="GS31" s="24">
        <v>0</v>
      </c>
      <c r="GT31" s="25">
        <v>0</v>
      </c>
      <c r="GU31" s="26">
        <v>0</v>
      </c>
      <c r="GV31" s="27">
        <v>0</v>
      </c>
      <c r="GW31" s="25">
        <v>0</v>
      </c>
      <c r="GX31" s="25">
        <v>0</v>
      </c>
      <c r="GY31" s="25">
        <v>0</v>
      </c>
      <c r="GZ31" s="25">
        <v>0</v>
      </c>
      <c r="HA31" s="25">
        <v>0</v>
      </c>
      <c r="HB31" s="28">
        <v>0</v>
      </c>
      <c r="HC31" s="29">
        <v>0</v>
      </c>
      <c r="HD31" s="24">
        <v>0</v>
      </c>
      <c r="HE31" s="25">
        <v>0</v>
      </c>
      <c r="HF31" s="26">
        <v>0</v>
      </c>
      <c r="HG31" s="404">
        <v>0</v>
      </c>
      <c r="HH31" s="25">
        <v>0</v>
      </c>
      <c r="HI31" s="25">
        <v>0</v>
      </c>
      <c r="HJ31" s="25">
        <v>0</v>
      </c>
      <c r="HK31" s="25">
        <v>0</v>
      </c>
      <c r="HL31" s="25">
        <v>0</v>
      </c>
      <c r="HM31" s="28">
        <v>0</v>
      </c>
      <c r="HN31" s="29">
        <v>0</v>
      </c>
      <c r="HO31" s="24">
        <v>0</v>
      </c>
      <c r="HP31" s="25">
        <v>0</v>
      </c>
      <c r="HQ31" s="26">
        <v>0</v>
      </c>
      <c r="HR31" s="27">
        <v>0</v>
      </c>
      <c r="HS31" s="25">
        <v>0</v>
      </c>
      <c r="HT31" s="25">
        <v>24060</v>
      </c>
      <c r="HU31" s="25">
        <v>430417</v>
      </c>
      <c r="HV31" s="25">
        <v>556832</v>
      </c>
      <c r="HW31" s="25">
        <v>164540</v>
      </c>
      <c r="HX31" s="28">
        <v>1175849</v>
      </c>
      <c r="HY31" s="29">
        <v>1175849</v>
      </c>
    </row>
    <row r="32" spans="2:233" ht="21" customHeight="1" x14ac:dyDescent="0.2">
      <c r="B32" s="106" t="s">
        <v>29</v>
      </c>
      <c r="C32" s="24">
        <v>0</v>
      </c>
      <c r="D32" s="25">
        <v>0</v>
      </c>
      <c r="E32" s="26">
        <v>0</v>
      </c>
      <c r="F32" s="27">
        <v>0</v>
      </c>
      <c r="G32" s="25">
        <v>23850</v>
      </c>
      <c r="H32" s="25">
        <v>61615</v>
      </c>
      <c r="I32" s="25">
        <v>250990</v>
      </c>
      <c r="J32" s="25">
        <v>315105</v>
      </c>
      <c r="K32" s="25">
        <v>189840</v>
      </c>
      <c r="L32" s="28">
        <v>841400</v>
      </c>
      <c r="M32" s="29">
        <v>841400</v>
      </c>
      <c r="N32" s="24">
        <v>0</v>
      </c>
      <c r="O32" s="25">
        <v>0</v>
      </c>
      <c r="P32" s="26">
        <v>0</v>
      </c>
      <c r="Q32" s="404">
        <v>0</v>
      </c>
      <c r="R32" s="25">
        <v>0</v>
      </c>
      <c r="S32" s="25">
        <v>31650</v>
      </c>
      <c r="T32" s="25">
        <v>111480</v>
      </c>
      <c r="U32" s="25">
        <v>166500</v>
      </c>
      <c r="V32" s="25">
        <v>182900</v>
      </c>
      <c r="W32" s="28">
        <v>492530</v>
      </c>
      <c r="X32" s="29">
        <v>492530</v>
      </c>
      <c r="Y32" s="24">
        <v>0</v>
      </c>
      <c r="Z32" s="25">
        <v>0</v>
      </c>
      <c r="AA32" s="26">
        <v>0</v>
      </c>
      <c r="AB32" s="404">
        <v>0</v>
      </c>
      <c r="AC32" s="25">
        <v>23850</v>
      </c>
      <c r="AD32" s="25">
        <v>28950</v>
      </c>
      <c r="AE32" s="25">
        <v>84450</v>
      </c>
      <c r="AF32" s="25">
        <v>44400</v>
      </c>
      <c r="AG32" s="25">
        <v>0</v>
      </c>
      <c r="AH32" s="28">
        <v>181650</v>
      </c>
      <c r="AI32" s="29">
        <v>181650</v>
      </c>
      <c r="AJ32" s="24">
        <v>0</v>
      </c>
      <c r="AK32" s="25">
        <v>0</v>
      </c>
      <c r="AL32" s="26">
        <v>0</v>
      </c>
      <c r="AM32" s="404">
        <v>0</v>
      </c>
      <c r="AN32" s="25">
        <v>0</v>
      </c>
      <c r="AO32" s="25">
        <v>0</v>
      </c>
      <c r="AP32" s="25">
        <v>0</v>
      </c>
      <c r="AQ32" s="25">
        <v>0</v>
      </c>
      <c r="AR32" s="25">
        <v>0</v>
      </c>
      <c r="AS32" s="28">
        <v>0</v>
      </c>
      <c r="AT32" s="29">
        <v>0</v>
      </c>
      <c r="AU32" s="24">
        <v>0</v>
      </c>
      <c r="AV32" s="25">
        <v>0</v>
      </c>
      <c r="AW32" s="26">
        <v>0</v>
      </c>
      <c r="AX32" s="404">
        <v>0</v>
      </c>
      <c r="AY32" s="25">
        <v>0</v>
      </c>
      <c r="AZ32" s="25">
        <v>0</v>
      </c>
      <c r="BA32" s="25">
        <v>0</v>
      </c>
      <c r="BB32" s="25">
        <v>0</v>
      </c>
      <c r="BC32" s="25">
        <v>0</v>
      </c>
      <c r="BD32" s="28">
        <v>0</v>
      </c>
      <c r="BE32" s="29">
        <v>0</v>
      </c>
      <c r="BF32" s="24">
        <v>0</v>
      </c>
      <c r="BG32" s="25">
        <v>0</v>
      </c>
      <c r="BH32" s="26">
        <v>0</v>
      </c>
      <c r="BI32" s="404">
        <v>0</v>
      </c>
      <c r="BJ32" s="25">
        <v>0</v>
      </c>
      <c r="BK32" s="25">
        <v>0</v>
      </c>
      <c r="BL32" s="25">
        <v>36750</v>
      </c>
      <c r="BM32" s="25">
        <v>65850</v>
      </c>
      <c r="BN32" s="25">
        <v>2550</v>
      </c>
      <c r="BO32" s="28">
        <v>105150</v>
      </c>
      <c r="BP32" s="29">
        <v>105150</v>
      </c>
      <c r="BQ32" s="24">
        <v>0</v>
      </c>
      <c r="BR32" s="25">
        <v>0</v>
      </c>
      <c r="BS32" s="26">
        <v>0</v>
      </c>
      <c r="BT32" s="27">
        <v>0</v>
      </c>
      <c r="BU32" s="25">
        <v>0</v>
      </c>
      <c r="BV32" s="25">
        <v>1015</v>
      </c>
      <c r="BW32" s="25">
        <v>18310</v>
      </c>
      <c r="BX32" s="25">
        <v>27370</v>
      </c>
      <c r="BY32" s="25">
        <v>4390</v>
      </c>
      <c r="BZ32" s="28">
        <v>51085</v>
      </c>
      <c r="CA32" s="29">
        <v>51085</v>
      </c>
      <c r="CB32" s="24">
        <v>0</v>
      </c>
      <c r="CC32" s="25">
        <v>0</v>
      </c>
      <c r="CD32" s="26">
        <v>0</v>
      </c>
      <c r="CE32" s="27">
        <v>0</v>
      </c>
      <c r="CF32" s="25">
        <v>0</v>
      </c>
      <c r="CG32" s="25">
        <v>0</v>
      </c>
      <c r="CH32" s="25">
        <v>0</v>
      </c>
      <c r="CI32" s="25">
        <v>10985</v>
      </c>
      <c r="CJ32" s="25">
        <v>0</v>
      </c>
      <c r="CK32" s="28">
        <v>10985</v>
      </c>
      <c r="CL32" s="29">
        <v>10985</v>
      </c>
      <c r="CM32" s="24">
        <v>0</v>
      </c>
      <c r="CN32" s="25">
        <v>0</v>
      </c>
      <c r="CO32" s="26">
        <v>0</v>
      </c>
      <c r="CP32" s="27">
        <v>0</v>
      </c>
      <c r="CQ32" s="25">
        <v>0</v>
      </c>
      <c r="CR32" s="25">
        <v>0</v>
      </c>
      <c r="CS32" s="25">
        <v>0</v>
      </c>
      <c r="CT32" s="25">
        <v>0</v>
      </c>
      <c r="CU32" s="25">
        <v>0</v>
      </c>
      <c r="CV32" s="28">
        <v>0</v>
      </c>
      <c r="CW32" s="29">
        <v>0</v>
      </c>
      <c r="CX32" s="24">
        <v>0</v>
      </c>
      <c r="CY32" s="25">
        <v>0</v>
      </c>
      <c r="CZ32" s="26">
        <v>0</v>
      </c>
      <c r="DA32" s="404">
        <v>0</v>
      </c>
      <c r="DB32" s="25">
        <v>0</v>
      </c>
      <c r="DC32" s="25">
        <v>0</v>
      </c>
      <c r="DD32" s="25">
        <v>0</v>
      </c>
      <c r="DE32" s="25">
        <v>0</v>
      </c>
      <c r="DF32" s="25">
        <v>0</v>
      </c>
      <c r="DG32" s="28">
        <v>0</v>
      </c>
      <c r="DH32" s="29">
        <v>0</v>
      </c>
      <c r="DI32" s="24">
        <v>0</v>
      </c>
      <c r="DJ32" s="25">
        <v>0</v>
      </c>
      <c r="DK32" s="26">
        <v>0</v>
      </c>
      <c r="DL32" s="27">
        <v>0</v>
      </c>
      <c r="DM32" s="25">
        <v>210</v>
      </c>
      <c r="DN32" s="25">
        <v>32730</v>
      </c>
      <c r="DO32" s="25">
        <v>194440</v>
      </c>
      <c r="DP32" s="25">
        <v>318927</v>
      </c>
      <c r="DQ32" s="25">
        <v>174515</v>
      </c>
      <c r="DR32" s="28">
        <v>720822</v>
      </c>
      <c r="DS32" s="30">
        <v>720822</v>
      </c>
      <c r="DT32" s="24">
        <v>0</v>
      </c>
      <c r="DU32" s="25">
        <v>0</v>
      </c>
      <c r="DV32" s="26">
        <v>0</v>
      </c>
      <c r="DW32" s="404">
        <v>0</v>
      </c>
      <c r="DX32" s="25">
        <v>0</v>
      </c>
      <c r="DY32" s="25">
        <v>14550</v>
      </c>
      <c r="DZ32" s="25">
        <v>82161</v>
      </c>
      <c r="EA32" s="25">
        <v>183360</v>
      </c>
      <c r="EB32" s="25">
        <v>160590</v>
      </c>
      <c r="EC32" s="28">
        <v>440661</v>
      </c>
      <c r="ED32" s="29">
        <v>440661</v>
      </c>
      <c r="EE32" s="24">
        <v>0</v>
      </c>
      <c r="EF32" s="25">
        <v>0</v>
      </c>
      <c r="EG32" s="26">
        <v>0</v>
      </c>
      <c r="EH32" s="404">
        <v>0</v>
      </c>
      <c r="EI32" s="25">
        <v>210</v>
      </c>
      <c r="EJ32" s="25">
        <v>11160</v>
      </c>
      <c r="EK32" s="25">
        <v>8940</v>
      </c>
      <c r="EL32" s="25">
        <v>1260</v>
      </c>
      <c r="EM32" s="25">
        <v>0</v>
      </c>
      <c r="EN32" s="28">
        <v>21570</v>
      </c>
      <c r="EO32" s="29">
        <v>21570</v>
      </c>
      <c r="EP32" s="24">
        <v>0</v>
      </c>
      <c r="EQ32" s="25">
        <v>0</v>
      </c>
      <c r="ER32" s="26">
        <v>0</v>
      </c>
      <c r="ES32" s="404">
        <v>0</v>
      </c>
      <c r="ET32" s="25">
        <v>0</v>
      </c>
      <c r="EU32" s="25">
        <v>0</v>
      </c>
      <c r="EV32" s="25">
        <v>0</v>
      </c>
      <c r="EW32" s="25">
        <v>0</v>
      </c>
      <c r="EX32" s="25">
        <v>0</v>
      </c>
      <c r="EY32" s="28">
        <v>0</v>
      </c>
      <c r="EZ32" s="29">
        <v>0</v>
      </c>
      <c r="FA32" s="24">
        <v>0</v>
      </c>
      <c r="FB32" s="25">
        <v>0</v>
      </c>
      <c r="FC32" s="26">
        <v>0</v>
      </c>
      <c r="FD32" s="404">
        <v>0</v>
      </c>
      <c r="FE32" s="25">
        <v>0</v>
      </c>
      <c r="FF32" s="25">
        <v>0</v>
      </c>
      <c r="FG32" s="25">
        <v>0</v>
      </c>
      <c r="FH32" s="25">
        <v>0</v>
      </c>
      <c r="FI32" s="25">
        <v>0</v>
      </c>
      <c r="FJ32" s="28">
        <v>0</v>
      </c>
      <c r="FK32" s="29">
        <v>0</v>
      </c>
      <c r="FL32" s="24">
        <v>0</v>
      </c>
      <c r="FM32" s="25">
        <v>0</v>
      </c>
      <c r="FN32" s="26">
        <v>0</v>
      </c>
      <c r="FO32" s="404">
        <v>0</v>
      </c>
      <c r="FP32" s="25">
        <v>0</v>
      </c>
      <c r="FQ32" s="25">
        <v>0</v>
      </c>
      <c r="FR32" s="25">
        <v>77340</v>
      </c>
      <c r="FS32" s="25">
        <v>92040</v>
      </c>
      <c r="FT32" s="25">
        <v>10530</v>
      </c>
      <c r="FU32" s="28">
        <v>179910</v>
      </c>
      <c r="FV32" s="29">
        <v>179910</v>
      </c>
      <c r="FW32" s="24">
        <v>0</v>
      </c>
      <c r="FX32" s="25">
        <v>0</v>
      </c>
      <c r="FY32" s="26">
        <v>0</v>
      </c>
      <c r="FZ32" s="27">
        <v>0</v>
      </c>
      <c r="GA32" s="25">
        <v>0</v>
      </c>
      <c r="GB32" s="25">
        <v>7020</v>
      </c>
      <c r="GC32" s="25">
        <v>25999</v>
      </c>
      <c r="GD32" s="25">
        <v>27317</v>
      </c>
      <c r="GE32" s="25">
        <v>3395</v>
      </c>
      <c r="GF32" s="28">
        <v>63731</v>
      </c>
      <c r="GG32" s="29">
        <v>63731</v>
      </c>
      <c r="GH32" s="24">
        <v>0</v>
      </c>
      <c r="GI32" s="25">
        <v>0</v>
      </c>
      <c r="GJ32" s="26">
        <v>0</v>
      </c>
      <c r="GK32" s="27">
        <v>0</v>
      </c>
      <c r="GL32" s="25">
        <v>0</v>
      </c>
      <c r="GM32" s="25">
        <v>0</v>
      </c>
      <c r="GN32" s="25">
        <v>0</v>
      </c>
      <c r="GO32" s="25">
        <v>14950</v>
      </c>
      <c r="GP32" s="25">
        <v>0</v>
      </c>
      <c r="GQ32" s="28">
        <v>14950</v>
      </c>
      <c r="GR32" s="29">
        <v>14950</v>
      </c>
      <c r="GS32" s="24">
        <v>0</v>
      </c>
      <c r="GT32" s="25">
        <v>0</v>
      </c>
      <c r="GU32" s="26">
        <v>0</v>
      </c>
      <c r="GV32" s="27">
        <v>0</v>
      </c>
      <c r="GW32" s="25">
        <v>0</v>
      </c>
      <c r="GX32" s="25">
        <v>0</v>
      </c>
      <c r="GY32" s="25">
        <v>0</v>
      </c>
      <c r="GZ32" s="25">
        <v>0</v>
      </c>
      <c r="HA32" s="25">
        <v>0</v>
      </c>
      <c r="HB32" s="28">
        <v>0</v>
      </c>
      <c r="HC32" s="29">
        <v>0</v>
      </c>
      <c r="HD32" s="24">
        <v>0</v>
      </c>
      <c r="HE32" s="25">
        <v>0</v>
      </c>
      <c r="HF32" s="26">
        <v>0</v>
      </c>
      <c r="HG32" s="404">
        <v>0</v>
      </c>
      <c r="HH32" s="25">
        <v>0</v>
      </c>
      <c r="HI32" s="25">
        <v>0</v>
      </c>
      <c r="HJ32" s="25">
        <v>0</v>
      </c>
      <c r="HK32" s="25">
        <v>0</v>
      </c>
      <c r="HL32" s="25">
        <v>0</v>
      </c>
      <c r="HM32" s="28">
        <v>0</v>
      </c>
      <c r="HN32" s="29">
        <v>0</v>
      </c>
      <c r="HO32" s="24">
        <v>0</v>
      </c>
      <c r="HP32" s="25">
        <v>0</v>
      </c>
      <c r="HQ32" s="26">
        <v>0</v>
      </c>
      <c r="HR32" s="27">
        <v>0</v>
      </c>
      <c r="HS32" s="25">
        <v>24060</v>
      </c>
      <c r="HT32" s="25">
        <v>94345</v>
      </c>
      <c r="HU32" s="25">
        <v>445430</v>
      </c>
      <c r="HV32" s="25">
        <v>634032</v>
      </c>
      <c r="HW32" s="25">
        <v>364355</v>
      </c>
      <c r="HX32" s="28">
        <v>1562222</v>
      </c>
      <c r="HY32" s="29">
        <v>1562222</v>
      </c>
    </row>
    <row r="33" spans="2:233" ht="21" customHeight="1" x14ac:dyDescent="0.2">
      <c r="B33" s="106" t="s">
        <v>30</v>
      </c>
      <c r="C33" s="24">
        <v>0</v>
      </c>
      <c r="D33" s="25">
        <v>0</v>
      </c>
      <c r="E33" s="26">
        <v>0</v>
      </c>
      <c r="F33" s="27">
        <v>0</v>
      </c>
      <c r="G33" s="25">
        <v>95040</v>
      </c>
      <c r="H33" s="25">
        <v>44710</v>
      </c>
      <c r="I33" s="25">
        <v>250470</v>
      </c>
      <c r="J33" s="25">
        <v>288300</v>
      </c>
      <c r="K33" s="25">
        <v>214200</v>
      </c>
      <c r="L33" s="28">
        <v>892720</v>
      </c>
      <c r="M33" s="29">
        <v>892720</v>
      </c>
      <c r="N33" s="24">
        <v>0</v>
      </c>
      <c r="O33" s="25">
        <v>0</v>
      </c>
      <c r="P33" s="26">
        <v>0</v>
      </c>
      <c r="Q33" s="404">
        <v>0</v>
      </c>
      <c r="R33" s="25">
        <v>0</v>
      </c>
      <c r="S33" s="25">
        <v>2550</v>
      </c>
      <c r="T33" s="25">
        <v>213600</v>
      </c>
      <c r="U33" s="25">
        <v>264015</v>
      </c>
      <c r="V33" s="25">
        <v>177300</v>
      </c>
      <c r="W33" s="28">
        <v>657465</v>
      </c>
      <c r="X33" s="29">
        <v>657465</v>
      </c>
      <c r="Y33" s="24">
        <v>0</v>
      </c>
      <c r="Z33" s="25">
        <v>0</v>
      </c>
      <c r="AA33" s="26">
        <v>0</v>
      </c>
      <c r="AB33" s="404">
        <v>0</v>
      </c>
      <c r="AC33" s="25">
        <v>94460</v>
      </c>
      <c r="AD33" s="25">
        <v>28950</v>
      </c>
      <c r="AE33" s="25">
        <v>31650</v>
      </c>
      <c r="AF33" s="25">
        <v>23850</v>
      </c>
      <c r="AG33" s="25">
        <v>2550</v>
      </c>
      <c r="AH33" s="28">
        <v>181460</v>
      </c>
      <c r="AI33" s="29">
        <v>181460</v>
      </c>
      <c r="AJ33" s="24">
        <v>0</v>
      </c>
      <c r="AK33" s="25">
        <v>0</v>
      </c>
      <c r="AL33" s="26">
        <v>0</v>
      </c>
      <c r="AM33" s="404">
        <v>0</v>
      </c>
      <c r="AN33" s="25">
        <v>0</v>
      </c>
      <c r="AO33" s="25">
        <v>0</v>
      </c>
      <c r="AP33" s="25">
        <v>0</v>
      </c>
      <c r="AQ33" s="25">
        <v>0</v>
      </c>
      <c r="AR33" s="25">
        <v>0</v>
      </c>
      <c r="AS33" s="28">
        <v>0</v>
      </c>
      <c r="AT33" s="29">
        <v>0</v>
      </c>
      <c r="AU33" s="24">
        <v>0</v>
      </c>
      <c r="AV33" s="25">
        <v>0</v>
      </c>
      <c r="AW33" s="26">
        <v>0</v>
      </c>
      <c r="AX33" s="404">
        <v>0</v>
      </c>
      <c r="AY33" s="25">
        <v>0</v>
      </c>
      <c r="AZ33" s="25">
        <v>0</v>
      </c>
      <c r="BA33" s="25">
        <v>0</v>
      </c>
      <c r="BB33" s="25">
        <v>0</v>
      </c>
      <c r="BC33" s="25">
        <v>34350</v>
      </c>
      <c r="BD33" s="28">
        <v>34350</v>
      </c>
      <c r="BE33" s="29">
        <v>34350</v>
      </c>
      <c r="BF33" s="24">
        <v>0</v>
      </c>
      <c r="BG33" s="25">
        <v>0</v>
      </c>
      <c r="BH33" s="26">
        <v>0</v>
      </c>
      <c r="BI33" s="404">
        <v>0</v>
      </c>
      <c r="BJ33" s="25">
        <v>0</v>
      </c>
      <c r="BK33" s="25">
        <v>0</v>
      </c>
      <c r="BL33" s="25">
        <v>0</v>
      </c>
      <c r="BM33" s="25">
        <v>0</v>
      </c>
      <c r="BN33" s="25">
        <v>0</v>
      </c>
      <c r="BO33" s="28">
        <v>0</v>
      </c>
      <c r="BP33" s="29">
        <v>0</v>
      </c>
      <c r="BQ33" s="24">
        <v>0</v>
      </c>
      <c r="BR33" s="25">
        <v>0</v>
      </c>
      <c r="BS33" s="26">
        <v>0</v>
      </c>
      <c r="BT33" s="27">
        <v>0</v>
      </c>
      <c r="BU33" s="25">
        <v>0</v>
      </c>
      <c r="BV33" s="25">
        <v>13210</v>
      </c>
      <c r="BW33" s="25">
        <v>5220</v>
      </c>
      <c r="BX33" s="25">
        <v>435</v>
      </c>
      <c r="BY33" s="25">
        <v>0</v>
      </c>
      <c r="BZ33" s="28">
        <v>18865</v>
      </c>
      <c r="CA33" s="29">
        <v>18865</v>
      </c>
      <c r="CB33" s="24">
        <v>0</v>
      </c>
      <c r="CC33" s="25">
        <v>0</v>
      </c>
      <c r="CD33" s="26">
        <v>0</v>
      </c>
      <c r="CE33" s="27">
        <v>0</v>
      </c>
      <c r="CF33" s="25">
        <v>580</v>
      </c>
      <c r="CG33" s="25">
        <v>0</v>
      </c>
      <c r="CH33" s="25">
        <v>0</v>
      </c>
      <c r="CI33" s="25">
        <v>0</v>
      </c>
      <c r="CJ33" s="25">
        <v>0</v>
      </c>
      <c r="CK33" s="28">
        <v>580</v>
      </c>
      <c r="CL33" s="29">
        <v>580</v>
      </c>
      <c r="CM33" s="24">
        <v>0</v>
      </c>
      <c r="CN33" s="25">
        <v>0</v>
      </c>
      <c r="CO33" s="26">
        <v>0</v>
      </c>
      <c r="CP33" s="27">
        <v>0</v>
      </c>
      <c r="CQ33" s="25">
        <v>0</v>
      </c>
      <c r="CR33" s="25">
        <v>0</v>
      </c>
      <c r="CS33" s="25">
        <v>0</v>
      </c>
      <c r="CT33" s="25">
        <v>0</v>
      </c>
      <c r="CU33" s="25">
        <v>0</v>
      </c>
      <c r="CV33" s="28">
        <v>0</v>
      </c>
      <c r="CW33" s="29">
        <v>0</v>
      </c>
      <c r="CX33" s="24">
        <v>0</v>
      </c>
      <c r="CY33" s="25">
        <v>0</v>
      </c>
      <c r="CZ33" s="26">
        <v>0</v>
      </c>
      <c r="DA33" s="404">
        <v>0</v>
      </c>
      <c r="DB33" s="25">
        <v>0</v>
      </c>
      <c r="DC33" s="25">
        <v>0</v>
      </c>
      <c r="DD33" s="25">
        <v>0</v>
      </c>
      <c r="DE33" s="25">
        <v>0</v>
      </c>
      <c r="DF33" s="25">
        <v>0</v>
      </c>
      <c r="DG33" s="28">
        <v>0</v>
      </c>
      <c r="DH33" s="29">
        <v>0</v>
      </c>
      <c r="DI33" s="24">
        <v>0</v>
      </c>
      <c r="DJ33" s="25">
        <v>0</v>
      </c>
      <c r="DK33" s="26">
        <v>0</v>
      </c>
      <c r="DL33" s="27">
        <v>0</v>
      </c>
      <c r="DM33" s="25">
        <v>33750</v>
      </c>
      <c r="DN33" s="25">
        <v>45155</v>
      </c>
      <c r="DO33" s="25">
        <v>314316</v>
      </c>
      <c r="DP33" s="25">
        <v>353715</v>
      </c>
      <c r="DQ33" s="25">
        <v>204810</v>
      </c>
      <c r="DR33" s="28">
        <v>951746</v>
      </c>
      <c r="DS33" s="30">
        <v>951746</v>
      </c>
      <c r="DT33" s="24">
        <v>0</v>
      </c>
      <c r="DU33" s="25">
        <v>0</v>
      </c>
      <c r="DV33" s="26">
        <v>0</v>
      </c>
      <c r="DW33" s="404">
        <v>0</v>
      </c>
      <c r="DX33" s="25">
        <v>0</v>
      </c>
      <c r="DY33" s="25">
        <v>20880</v>
      </c>
      <c r="DZ33" s="25">
        <v>286650</v>
      </c>
      <c r="EA33" s="25">
        <v>344730</v>
      </c>
      <c r="EB33" s="25">
        <v>191490</v>
      </c>
      <c r="EC33" s="28">
        <v>843750</v>
      </c>
      <c r="ED33" s="29">
        <v>843750</v>
      </c>
      <c r="EE33" s="24">
        <v>0</v>
      </c>
      <c r="EF33" s="25">
        <v>0</v>
      </c>
      <c r="EG33" s="26">
        <v>0</v>
      </c>
      <c r="EH33" s="404">
        <v>0</v>
      </c>
      <c r="EI33" s="25">
        <v>33722</v>
      </c>
      <c r="EJ33" s="25">
        <v>10320</v>
      </c>
      <c r="EK33" s="25">
        <v>210</v>
      </c>
      <c r="EL33" s="25">
        <v>210</v>
      </c>
      <c r="EM33" s="25">
        <v>210</v>
      </c>
      <c r="EN33" s="28">
        <v>44672</v>
      </c>
      <c r="EO33" s="29">
        <v>44672</v>
      </c>
      <c r="EP33" s="24">
        <v>0</v>
      </c>
      <c r="EQ33" s="25">
        <v>0</v>
      </c>
      <c r="ER33" s="26">
        <v>0</v>
      </c>
      <c r="ES33" s="404">
        <v>0</v>
      </c>
      <c r="ET33" s="25">
        <v>0</v>
      </c>
      <c r="EU33" s="25">
        <v>0</v>
      </c>
      <c r="EV33" s="25">
        <v>0</v>
      </c>
      <c r="EW33" s="25">
        <v>0</v>
      </c>
      <c r="EX33" s="25">
        <v>0</v>
      </c>
      <c r="EY33" s="28">
        <v>0</v>
      </c>
      <c r="EZ33" s="29">
        <v>0</v>
      </c>
      <c r="FA33" s="24">
        <v>0</v>
      </c>
      <c r="FB33" s="25">
        <v>0</v>
      </c>
      <c r="FC33" s="26">
        <v>0</v>
      </c>
      <c r="FD33" s="404">
        <v>0</v>
      </c>
      <c r="FE33" s="25">
        <v>0</v>
      </c>
      <c r="FF33" s="25">
        <v>0</v>
      </c>
      <c r="FG33" s="25">
        <v>0</v>
      </c>
      <c r="FH33" s="25">
        <v>0</v>
      </c>
      <c r="FI33" s="25">
        <v>13110</v>
      </c>
      <c r="FJ33" s="28">
        <v>13110</v>
      </c>
      <c r="FK33" s="29">
        <v>13110</v>
      </c>
      <c r="FL33" s="24">
        <v>0</v>
      </c>
      <c r="FM33" s="25">
        <v>0</v>
      </c>
      <c r="FN33" s="26">
        <v>0</v>
      </c>
      <c r="FO33" s="404">
        <v>0</v>
      </c>
      <c r="FP33" s="25">
        <v>0</v>
      </c>
      <c r="FQ33" s="25">
        <v>0</v>
      </c>
      <c r="FR33" s="25">
        <v>0</v>
      </c>
      <c r="FS33" s="25">
        <v>0</v>
      </c>
      <c r="FT33" s="25">
        <v>0</v>
      </c>
      <c r="FU33" s="28">
        <v>0</v>
      </c>
      <c r="FV33" s="29">
        <v>0</v>
      </c>
      <c r="FW33" s="24">
        <v>0</v>
      </c>
      <c r="FX33" s="25">
        <v>0</v>
      </c>
      <c r="FY33" s="26">
        <v>0</v>
      </c>
      <c r="FZ33" s="27">
        <v>0</v>
      </c>
      <c r="GA33" s="25">
        <v>0</v>
      </c>
      <c r="GB33" s="25">
        <v>13955</v>
      </c>
      <c r="GC33" s="25">
        <v>27456</v>
      </c>
      <c r="GD33" s="25">
        <v>8775</v>
      </c>
      <c r="GE33" s="25">
        <v>0</v>
      </c>
      <c r="GF33" s="28">
        <v>50186</v>
      </c>
      <c r="GG33" s="29">
        <v>50186</v>
      </c>
      <c r="GH33" s="24">
        <v>0</v>
      </c>
      <c r="GI33" s="25">
        <v>0</v>
      </c>
      <c r="GJ33" s="26">
        <v>0</v>
      </c>
      <c r="GK33" s="27">
        <v>0</v>
      </c>
      <c r="GL33" s="25">
        <v>28</v>
      </c>
      <c r="GM33" s="25">
        <v>0</v>
      </c>
      <c r="GN33" s="25">
        <v>0</v>
      </c>
      <c r="GO33" s="25">
        <v>0</v>
      </c>
      <c r="GP33" s="25">
        <v>0</v>
      </c>
      <c r="GQ33" s="28">
        <v>28</v>
      </c>
      <c r="GR33" s="29">
        <v>28</v>
      </c>
      <c r="GS33" s="24">
        <v>0</v>
      </c>
      <c r="GT33" s="25">
        <v>0</v>
      </c>
      <c r="GU33" s="26">
        <v>0</v>
      </c>
      <c r="GV33" s="27">
        <v>0</v>
      </c>
      <c r="GW33" s="25">
        <v>0</v>
      </c>
      <c r="GX33" s="25">
        <v>0</v>
      </c>
      <c r="GY33" s="25">
        <v>0</v>
      </c>
      <c r="GZ33" s="25">
        <v>0</v>
      </c>
      <c r="HA33" s="25">
        <v>0</v>
      </c>
      <c r="HB33" s="28">
        <v>0</v>
      </c>
      <c r="HC33" s="29">
        <v>0</v>
      </c>
      <c r="HD33" s="24">
        <v>0</v>
      </c>
      <c r="HE33" s="25">
        <v>0</v>
      </c>
      <c r="HF33" s="26">
        <v>0</v>
      </c>
      <c r="HG33" s="404">
        <v>0</v>
      </c>
      <c r="HH33" s="25">
        <v>0</v>
      </c>
      <c r="HI33" s="25">
        <v>0</v>
      </c>
      <c r="HJ33" s="25">
        <v>0</v>
      </c>
      <c r="HK33" s="25">
        <v>0</v>
      </c>
      <c r="HL33" s="25">
        <v>0</v>
      </c>
      <c r="HM33" s="28">
        <v>0</v>
      </c>
      <c r="HN33" s="29">
        <v>0</v>
      </c>
      <c r="HO33" s="24">
        <v>0</v>
      </c>
      <c r="HP33" s="25">
        <v>0</v>
      </c>
      <c r="HQ33" s="26">
        <v>0</v>
      </c>
      <c r="HR33" s="27">
        <v>0</v>
      </c>
      <c r="HS33" s="25">
        <v>128790</v>
      </c>
      <c r="HT33" s="25">
        <v>89865</v>
      </c>
      <c r="HU33" s="25">
        <v>564786</v>
      </c>
      <c r="HV33" s="25">
        <v>642015</v>
      </c>
      <c r="HW33" s="25">
        <v>419010</v>
      </c>
      <c r="HX33" s="28">
        <v>1844466</v>
      </c>
      <c r="HY33" s="29">
        <v>1844466</v>
      </c>
    </row>
    <row r="34" spans="2:233" ht="21" customHeight="1" x14ac:dyDescent="0.2">
      <c r="B34" s="106" t="s">
        <v>31</v>
      </c>
      <c r="C34" s="24">
        <v>0</v>
      </c>
      <c r="D34" s="25">
        <v>0</v>
      </c>
      <c r="E34" s="26">
        <v>0</v>
      </c>
      <c r="F34" s="27">
        <v>0</v>
      </c>
      <c r="G34" s="25">
        <v>39880</v>
      </c>
      <c r="H34" s="25">
        <v>112455</v>
      </c>
      <c r="I34" s="25">
        <v>189760</v>
      </c>
      <c r="J34" s="25">
        <v>188655</v>
      </c>
      <c r="K34" s="25">
        <v>183445</v>
      </c>
      <c r="L34" s="28">
        <v>714195</v>
      </c>
      <c r="M34" s="29">
        <v>714195</v>
      </c>
      <c r="N34" s="24">
        <v>0</v>
      </c>
      <c r="O34" s="25">
        <v>0</v>
      </c>
      <c r="P34" s="26">
        <v>0</v>
      </c>
      <c r="Q34" s="404">
        <v>0</v>
      </c>
      <c r="R34" s="25">
        <v>5100</v>
      </c>
      <c r="S34" s="25">
        <v>49300</v>
      </c>
      <c r="T34" s="25">
        <v>175005</v>
      </c>
      <c r="U34" s="25">
        <v>125355</v>
      </c>
      <c r="V34" s="25">
        <v>146695</v>
      </c>
      <c r="W34" s="28">
        <v>501455</v>
      </c>
      <c r="X34" s="29">
        <v>501455</v>
      </c>
      <c r="Y34" s="24">
        <v>0</v>
      </c>
      <c r="Z34" s="25">
        <v>0</v>
      </c>
      <c r="AA34" s="26">
        <v>0</v>
      </c>
      <c r="AB34" s="404">
        <v>0</v>
      </c>
      <c r="AC34" s="25">
        <v>2550</v>
      </c>
      <c r="AD34" s="25">
        <v>50250</v>
      </c>
      <c r="AE34" s="25">
        <v>7650</v>
      </c>
      <c r="AF34" s="25">
        <v>63300</v>
      </c>
      <c r="AG34" s="25">
        <v>5100</v>
      </c>
      <c r="AH34" s="28">
        <v>128850</v>
      </c>
      <c r="AI34" s="29">
        <v>128850</v>
      </c>
      <c r="AJ34" s="24">
        <v>0</v>
      </c>
      <c r="AK34" s="25">
        <v>0</v>
      </c>
      <c r="AL34" s="26">
        <v>0</v>
      </c>
      <c r="AM34" s="404">
        <v>0</v>
      </c>
      <c r="AN34" s="25">
        <v>0</v>
      </c>
      <c r="AO34" s="25">
        <v>0</v>
      </c>
      <c r="AP34" s="25">
        <v>0</v>
      </c>
      <c r="AQ34" s="25">
        <v>0</v>
      </c>
      <c r="AR34" s="25">
        <v>0</v>
      </c>
      <c r="AS34" s="28">
        <v>0</v>
      </c>
      <c r="AT34" s="29">
        <v>0</v>
      </c>
      <c r="AU34" s="24">
        <v>0</v>
      </c>
      <c r="AV34" s="25">
        <v>0</v>
      </c>
      <c r="AW34" s="26">
        <v>0</v>
      </c>
      <c r="AX34" s="404">
        <v>0</v>
      </c>
      <c r="AY34" s="25">
        <v>31650</v>
      </c>
      <c r="AZ34" s="25">
        <v>0</v>
      </c>
      <c r="BA34" s="25">
        <v>0</v>
      </c>
      <c r="BB34" s="25">
        <v>0</v>
      </c>
      <c r="BC34" s="25">
        <v>31650</v>
      </c>
      <c r="BD34" s="28">
        <v>63300</v>
      </c>
      <c r="BE34" s="29">
        <v>63300</v>
      </c>
      <c r="BF34" s="24">
        <v>0</v>
      </c>
      <c r="BG34" s="25">
        <v>0</v>
      </c>
      <c r="BH34" s="26">
        <v>0</v>
      </c>
      <c r="BI34" s="404">
        <v>0</v>
      </c>
      <c r="BJ34" s="25">
        <v>0</v>
      </c>
      <c r="BK34" s="25">
        <v>0</v>
      </c>
      <c r="BL34" s="25">
        <v>0</v>
      </c>
      <c r="BM34" s="25">
        <v>0</v>
      </c>
      <c r="BN34" s="25">
        <v>0</v>
      </c>
      <c r="BO34" s="28">
        <v>0</v>
      </c>
      <c r="BP34" s="29">
        <v>0</v>
      </c>
      <c r="BQ34" s="24">
        <v>0</v>
      </c>
      <c r="BR34" s="25">
        <v>0</v>
      </c>
      <c r="BS34" s="26">
        <v>0</v>
      </c>
      <c r="BT34" s="27">
        <v>0</v>
      </c>
      <c r="BU34" s="25">
        <v>580</v>
      </c>
      <c r="BV34" s="25">
        <v>12905</v>
      </c>
      <c r="BW34" s="25">
        <v>6815</v>
      </c>
      <c r="BX34" s="25">
        <v>0</v>
      </c>
      <c r="BY34" s="25">
        <v>0</v>
      </c>
      <c r="BZ34" s="28">
        <v>20300</v>
      </c>
      <c r="CA34" s="29">
        <v>20300</v>
      </c>
      <c r="CB34" s="24">
        <v>0</v>
      </c>
      <c r="CC34" s="25">
        <v>0</v>
      </c>
      <c r="CD34" s="26">
        <v>0</v>
      </c>
      <c r="CE34" s="27">
        <v>0</v>
      </c>
      <c r="CF34" s="25">
        <v>0</v>
      </c>
      <c r="CG34" s="25">
        <v>0</v>
      </c>
      <c r="CH34" s="25">
        <v>290</v>
      </c>
      <c r="CI34" s="25">
        <v>0</v>
      </c>
      <c r="CJ34" s="25">
        <v>0</v>
      </c>
      <c r="CK34" s="28">
        <v>290</v>
      </c>
      <c r="CL34" s="29">
        <v>290</v>
      </c>
      <c r="CM34" s="24">
        <v>0</v>
      </c>
      <c r="CN34" s="25">
        <v>0</v>
      </c>
      <c r="CO34" s="26">
        <v>0</v>
      </c>
      <c r="CP34" s="27">
        <v>0</v>
      </c>
      <c r="CQ34" s="25">
        <v>0</v>
      </c>
      <c r="CR34" s="25">
        <v>0</v>
      </c>
      <c r="CS34" s="25">
        <v>0</v>
      </c>
      <c r="CT34" s="25">
        <v>0</v>
      </c>
      <c r="CU34" s="25">
        <v>0</v>
      </c>
      <c r="CV34" s="28">
        <v>0</v>
      </c>
      <c r="CW34" s="29">
        <v>0</v>
      </c>
      <c r="CX34" s="24">
        <v>0</v>
      </c>
      <c r="CY34" s="25">
        <v>0</v>
      </c>
      <c r="CZ34" s="26">
        <v>0</v>
      </c>
      <c r="DA34" s="404">
        <v>0</v>
      </c>
      <c r="DB34" s="25">
        <v>0</v>
      </c>
      <c r="DC34" s="25">
        <v>0</v>
      </c>
      <c r="DD34" s="25">
        <v>0</v>
      </c>
      <c r="DE34" s="25">
        <v>0</v>
      </c>
      <c r="DF34" s="25">
        <v>0</v>
      </c>
      <c r="DG34" s="28">
        <v>0</v>
      </c>
      <c r="DH34" s="29">
        <v>0</v>
      </c>
      <c r="DI34" s="24">
        <v>0</v>
      </c>
      <c r="DJ34" s="25">
        <v>0</v>
      </c>
      <c r="DK34" s="26">
        <v>0</v>
      </c>
      <c r="DL34" s="27">
        <v>0</v>
      </c>
      <c r="DM34" s="25">
        <v>37956</v>
      </c>
      <c r="DN34" s="25">
        <v>58209</v>
      </c>
      <c r="DO34" s="25">
        <v>248264</v>
      </c>
      <c r="DP34" s="25">
        <v>216071</v>
      </c>
      <c r="DQ34" s="25">
        <v>213225</v>
      </c>
      <c r="DR34" s="28">
        <v>773725</v>
      </c>
      <c r="DS34" s="30">
        <v>773725</v>
      </c>
      <c r="DT34" s="24">
        <v>0</v>
      </c>
      <c r="DU34" s="25">
        <v>0</v>
      </c>
      <c r="DV34" s="26">
        <v>0</v>
      </c>
      <c r="DW34" s="404">
        <v>0</v>
      </c>
      <c r="DX34" s="25">
        <v>35430</v>
      </c>
      <c r="DY34" s="25">
        <v>47400</v>
      </c>
      <c r="DZ34" s="25">
        <v>226235</v>
      </c>
      <c r="EA34" s="25">
        <v>215651</v>
      </c>
      <c r="EB34" s="25">
        <v>212595</v>
      </c>
      <c r="EC34" s="28">
        <v>737311</v>
      </c>
      <c r="ED34" s="29">
        <v>737311</v>
      </c>
      <c r="EE34" s="24">
        <v>0</v>
      </c>
      <c r="EF34" s="25">
        <v>0</v>
      </c>
      <c r="EG34" s="26">
        <v>0</v>
      </c>
      <c r="EH34" s="404">
        <v>0</v>
      </c>
      <c r="EI34" s="25">
        <v>210</v>
      </c>
      <c r="EJ34" s="25">
        <v>630</v>
      </c>
      <c r="EK34" s="25">
        <v>630</v>
      </c>
      <c r="EL34" s="25">
        <v>420</v>
      </c>
      <c r="EM34" s="25">
        <v>420</v>
      </c>
      <c r="EN34" s="28">
        <v>2310</v>
      </c>
      <c r="EO34" s="29">
        <v>2310</v>
      </c>
      <c r="EP34" s="24">
        <v>0</v>
      </c>
      <c r="EQ34" s="25">
        <v>0</v>
      </c>
      <c r="ER34" s="26">
        <v>0</v>
      </c>
      <c r="ES34" s="404">
        <v>0</v>
      </c>
      <c r="ET34" s="25">
        <v>0</v>
      </c>
      <c r="EU34" s="25">
        <v>0</v>
      </c>
      <c r="EV34" s="25">
        <v>0</v>
      </c>
      <c r="EW34" s="25">
        <v>0</v>
      </c>
      <c r="EX34" s="25">
        <v>0</v>
      </c>
      <c r="EY34" s="28">
        <v>0</v>
      </c>
      <c r="EZ34" s="29">
        <v>0</v>
      </c>
      <c r="FA34" s="24">
        <v>0</v>
      </c>
      <c r="FB34" s="25">
        <v>0</v>
      </c>
      <c r="FC34" s="26">
        <v>0</v>
      </c>
      <c r="FD34" s="404">
        <v>0</v>
      </c>
      <c r="FE34" s="25">
        <v>210</v>
      </c>
      <c r="FF34" s="25">
        <v>0</v>
      </c>
      <c r="FG34" s="25">
        <v>0</v>
      </c>
      <c r="FH34" s="25">
        <v>0</v>
      </c>
      <c r="FI34" s="25">
        <v>210</v>
      </c>
      <c r="FJ34" s="28">
        <v>420</v>
      </c>
      <c r="FK34" s="29">
        <v>420</v>
      </c>
      <c r="FL34" s="24">
        <v>0</v>
      </c>
      <c r="FM34" s="25">
        <v>0</v>
      </c>
      <c r="FN34" s="26">
        <v>0</v>
      </c>
      <c r="FO34" s="404">
        <v>0</v>
      </c>
      <c r="FP34" s="25">
        <v>0</v>
      </c>
      <c r="FQ34" s="25">
        <v>0</v>
      </c>
      <c r="FR34" s="25">
        <v>0</v>
      </c>
      <c r="FS34" s="25">
        <v>0</v>
      </c>
      <c r="FT34" s="25">
        <v>0</v>
      </c>
      <c r="FU34" s="28">
        <v>0</v>
      </c>
      <c r="FV34" s="29">
        <v>0</v>
      </c>
      <c r="FW34" s="24">
        <v>0</v>
      </c>
      <c r="FX34" s="25">
        <v>0</v>
      </c>
      <c r="FY34" s="26">
        <v>0</v>
      </c>
      <c r="FZ34" s="27">
        <v>0</v>
      </c>
      <c r="GA34" s="25">
        <v>2106</v>
      </c>
      <c r="GB34" s="25">
        <v>10179</v>
      </c>
      <c r="GC34" s="25">
        <v>21385</v>
      </c>
      <c r="GD34" s="25">
        <v>0</v>
      </c>
      <c r="GE34" s="25">
        <v>0</v>
      </c>
      <c r="GF34" s="28">
        <v>33670</v>
      </c>
      <c r="GG34" s="29">
        <v>33670</v>
      </c>
      <c r="GH34" s="24">
        <v>0</v>
      </c>
      <c r="GI34" s="25">
        <v>0</v>
      </c>
      <c r="GJ34" s="26">
        <v>0</v>
      </c>
      <c r="GK34" s="27">
        <v>0</v>
      </c>
      <c r="GL34" s="25">
        <v>0</v>
      </c>
      <c r="GM34" s="25">
        <v>0</v>
      </c>
      <c r="GN34" s="25">
        <v>14</v>
      </c>
      <c r="GO34" s="25">
        <v>0</v>
      </c>
      <c r="GP34" s="25">
        <v>0</v>
      </c>
      <c r="GQ34" s="28">
        <v>14</v>
      </c>
      <c r="GR34" s="29">
        <v>14</v>
      </c>
      <c r="GS34" s="24">
        <v>0</v>
      </c>
      <c r="GT34" s="25">
        <v>0</v>
      </c>
      <c r="GU34" s="26">
        <v>0</v>
      </c>
      <c r="GV34" s="27">
        <v>0</v>
      </c>
      <c r="GW34" s="25">
        <v>0</v>
      </c>
      <c r="GX34" s="25">
        <v>0</v>
      </c>
      <c r="GY34" s="25">
        <v>0</v>
      </c>
      <c r="GZ34" s="25">
        <v>0</v>
      </c>
      <c r="HA34" s="25">
        <v>0</v>
      </c>
      <c r="HB34" s="28">
        <v>0</v>
      </c>
      <c r="HC34" s="29">
        <v>0</v>
      </c>
      <c r="HD34" s="24">
        <v>0</v>
      </c>
      <c r="HE34" s="25">
        <v>0</v>
      </c>
      <c r="HF34" s="26">
        <v>0</v>
      </c>
      <c r="HG34" s="404">
        <v>0</v>
      </c>
      <c r="HH34" s="25">
        <v>0</v>
      </c>
      <c r="HI34" s="25">
        <v>0</v>
      </c>
      <c r="HJ34" s="25">
        <v>0</v>
      </c>
      <c r="HK34" s="25">
        <v>0</v>
      </c>
      <c r="HL34" s="25">
        <v>0</v>
      </c>
      <c r="HM34" s="28">
        <v>0</v>
      </c>
      <c r="HN34" s="29">
        <v>0</v>
      </c>
      <c r="HO34" s="24">
        <v>0</v>
      </c>
      <c r="HP34" s="25">
        <v>0</v>
      </c>
      <c r="HQ34" s="26">
        <v>0</v>
      </c>
      <c r="HR34" s="27">
        <v>0</v>
      </c>
      <c r="HS34" s="25">
        <v>77836</v>
      </c>
      <c r="HT34" s="25">
        <v>170664</v>
      </c>
      <c r="HU34" s="25">
        <v>438024</v>
      </c>
      <c r="HV34" s="25">
        <v>404726</v>
      </c>
      <c r="HW34" s="25">
        <v>396670</v>
      </c>
      <c r="HX34" s="28">
        <v>1487920</v>
      </c>
      <c r="HY34" s="29">
        <v>1487920</v>
      </c>
    </row>
    <row r="35" spans="2:233" ht="21" customHeight="1" x14ac:dyDescent="0.2">
      <c r="B35" s="106" t="s">
        <v>32</v>
      </c>
      <c r="C35" s="24">
        <v>0</v>
      </c>
      <c r="D35" s="25">
        <v>0</v>
      </c>
      <c r="E35" s="26">
        <v>0</v>
      </c>
      <c r="F35" s="27">
        <v>0</v>
      </c>
      <c r="G35" s="25">
        <v>34780</v>
      </c>
      <c r="H35" s="25">
        <v>118800</v>
      </c>
      <c r="I35" s="25">
        <v>204835</v>
      </c>
      <c r="J35" s="25">
        <v>466220</v>
      </c>
      <c r="K35" s="25">
        <v>250710</v>
      </c>
      <c r="L35" s="28">
        <v>1075345</v>
      </c>
      <c r="M35" s="29">
        <v>1075345</v>
      </c>
      <c r="N35" s="24">
        <v>0</v>
      </c>
      <c r="O35" s="25">
        <v>0</v>
      </c>
      <c r="P35" s="26">
        <v>0</v>
      </c>
      <c r="Q35" s="404">
        <v>0</v>
      </c>
      <c r="R35" s="25">
        <v>0</v>
      </c>
      <c r="S35" s="25">
        <v>0</v>
      </c>
      <c r="T35" s="25">
        <v>63130</v>
      </c>
      <c r="U35" s="25">
        <v>289800</v>
      </c>
      <c r="V35" s="25">
        <v>187790</v>
      </c>
      <c r="W35" s="28">
        <v>540720</v>
      </c>
      <c r="X35" s="29">
        <v>540720</v>
      </c>
      <c r="Y35" s="24">
        <v>0</v>
      </c>
      <c r="Z35" s="25">
        <v>0</v>
      </c>
      <c r="AA35" s="26">
        <v>0</v>
      </c>
      <c r="AB35" s="404">
        <v>0</v>
      </c>
      <c r="AC35" s="25">
        <v>34200</v>
      </c>
      <c r="AD35" s="25">
        <v>118800</v>
      </c>
      <c r="AE35" s="25">
        <v>7650</v>
      </c>
      <c r="AF35" s="25">
        <v>136950</v>
      </c>
      <c r="AG35" s="25">
        <v>0</v>
      </c>
      <c r="AH35" s="28">
        <v>297600</v>
      </c>
      <c r="AI35" s="29">
        <v>297600</v>
      </c>
      <c r="AJ35" s="24">
        <v>0</v>
      </c>
      <c r="AK35" s="25">
        <v>0</v>
      </c>
      <c r="AL35" s="26">
        <v>0</v>
      </c>
      <c r="AM35" s="404">
        <v>0</v>
      </c>
      <c r="AN35" s="25">
        <v>0</v>
      </c>
      <c r="AO35" s="25">
        <v>0</v>
      </c>
      <c r="AP35" s="25">
        <v>0</v>
      </c>
      <c r="AQ35" s="25">
        <v>0</v>
      </c>
      <c r="AR35" s="25">
        <v>0</v>
      </c>
      <c r="AS35" s="28">
        <v>0</v>
      </c>
      <c r="AT35" s="29">
        <v>0</v>
      </c>
      <c r="AU35" s="24">
        <v>0</v>
      </c>
      <c r="AV35" s="25">
        <v>0</v>
      </c>
      <c r="AW35" s="26">
        <v>0</v>
      </c>
      <c r="AX35" s="404">
        <v>0</v>
      </c>
      <c r="AY35" s="25">
        <v>0</v>
      </c>
      <c r="AZ35" s="25">
        <v>0</v>
      </c>
      <c r="BA35" s="25">
        <v>0</v>
      </c>
      <c r="BB35" s="25">
        <v>0</v>
      </c>
      <c r="BC35" s="25">
        <v>31650</v>
      </c>
      <c r="BD35" s="28">
        <v>31650</v>
      </c>
      <c r="BE35" s="29">
        <v>31650</v>
      </c>
      <c r="BF35" s="24">
        <v>0</v>
      </c>
      <c r="BG35" s="25">
        <v>0</v>
      </c>
      <c r="BH35" s="26">
        <v>0</v>
      </c>
      <c r="BI35" s="404">
        <v>0</v>
      </c>
      <c r="BJ35" s="25">
        <v>0</v>
      </c>
      <c r="BK35" s="25">
        <v>0</v>
      </c>
      <c r="BL35" s="25">
        <v>128045</v>
      </c>
      <c r="BM35" s="25">
        <v>39470</v>
      </c>
      <c r="BN35" s="25">
        <v>28950</v>
      </c>
      <c r="BO35" s="28">
        <v>196465</v>
      </c>
      <c r="BP35" s="29">
        <v>196465</v>
      </c>
      <c r="BQ35" s="24">
        <v>0</v>
      </c>
      <c r="BR35" s="25">
        <v>0</v>
      </c>
      <c r="BS35" s="26">
        <v>0</v>
      </c>
      <c r="BT35" s="27">
        <v>0</v>
      </c>
      <c r="BU35" s="25">
        <v>580</v>
      </c>
      <c r="BV35" s="25">
        <v>0</v>
      </c>
      <c r="BW35" s="25">
        <v>6010</v>
      </c>
      <c r="BX35" s="25">
        <v>0</v>
      </c>
      <c r="BY35" s="25">
        <v>2320</v>
      </c>
      <c r="BZ35" s="28">
        <v>8910</v>
      </c>
      <c r="CA35" s="29">
        <v>8910</v>
      </c>
      <c r="CB35" s="24">
        <v>0</v>
      </c>
      <c r="CC35" s="25">
        <v>0</v>
      </c>
      <c r="CD35" s="26">
        <v>0</v>
      </c>
      <c r="CE35" s="27">
        <v>0</v>
      </c>
      <c r="CF35" s="25">
        <v>0</v>
      </c>
      <c r="CG35" s="25">
        <v>0</v>
      </c>
      <c r="CH35" s="25">
        <v>0</v>
      </c>
      <c r="CI35" s="25">
        <v>0</v>
      </c>
      <c r="CJ35" s="25">
        <v>0</v>
      </c>
      <c r="CK35" s="28">
        <v>0</v>
      </c>
      <c r="CL35" s="29">
        <v>0</v>
      </c>
      <c r="CM35" s="24">
        <v>0</v>
      </c>
      <c r="CN35" s="25">
        <v>0</v>
      </c>
      <c r="CO35" s="26">
        <v>0</v>
      </c>
      <c r="CP35" s="27">
        <v>0</v>
      </c>
      <c r="CQ35" s="25">
        <v>0</v>
      </c>
      <c r="CR35" s="25">
        <v>0</v>
      </c>
      <c r="CS35" s="25">
        <v>0</v>
      </c>
      <c r="CT35" s="25">
        <v>0</v>
      </c>
      <c r="CU35" s="25">
        <v>0</v>
      </c>
      <c r="CV35" s="28">
        <v>0</v>
      </c>
      <c r="CW35" s="29">
        <v>0</v>
      </c>
      <c r="CX35" s="24">
        <v>0</v>
      </c>
      <c r="CY35" s="25">
        <v>0</v>
      </c>
      <c r="CZ35" s="26">
        <v>0</v>
      </c>
      <c r="DA35" s="404">
        <v>0</v>
      </c>
      <c r="DB35" s="25">
        <v>0</v>
      </c>
      <c r="DC35" s="25">
        <v>0</v>
      </c>
      <c r="DD35" s="25">
        <v>0</v>
      </c>
      <c r="DE35" s="25">
        <v>0</v>
      </c>
      <c r="DF35" s="25">
        <v>0</v>
      </c>
      <c r="DG35" s="28">
        <v>0</v>
      </c>
      <c r="DH35" s="29">
        <v>0</v>
      </c>
      <c r="DI35" s="24">
        <v>0</v>
      </c>
      <c r="DJ35" s="25">
        <v>0</v>
      </c>
      <c r="DK35" s="26">
        <v>0</v>
      </c>
      <c r="DL35" s="27">
        <v>0</v>
      </c>
      <c r="DM35" s="25">
        <v>3579</v>
      </c>
      <c r="DN35" s="25">
        <v>840</v>
      </c>
      <c r="DO35" s="25">
        <v>215700</v>
      </c>
      <c r="DP35" s="25">
        <v>528342</v>
      </c>
      <c r="DQ35" s="25">
        <v>251585</v>
      </c>
      <c r="DR35" s="28">
        <v>1000046</v>
      </c>
      <c r="DS35" s="30">
        <v>1000046</v>
      </c>
      <c r="DT35" s="24">
        <v>0</v>
      </c>
      <c r="DU35" s="25">
        <v>0</v>
      </c>
      <c r="DV35" s="26">
        <v>0</v>
      </c>
      <c r="DW35" s="404">
        <v>0</v>
      </c>
      <c r="DX35" s="25">
        <v>0</v>
      </c>
      <c r="DY35" s="25">
        <v>0</v>
      </c>
      <c r="DZ35" s="25">
        <v>71100</v>
      </c>
      <c r="EA35" s="25">
        <v>416130</v>
      </c>
      <c r="EB35" s="25">
        <v>211540</v>
      </c>
      <c r="EC35" s="28">
        <v>698770</v>
      </c>
      <c r="ED35" s="29">
        <v>698770</v>
      </c>
      <c r="EE35" s="24">
        <v>0</v>
      </c>
      <c r="EF35" s="25">
        <v>0</v>
      </c>
      <c r="EG35" s="26">
        <v>0</v>
      </c>
      <c r="EH35" s="404">
        <v>0</v>
      </c>
      <c r="EI35" s="25">
        <v>420</v>
      </c>
      <c r="EJ35" s="25">
        <v>840</v>
      </c>
      <c r="EK35" s="25">
        <v>630</v>
      </c>
      <c r="EL35" s="25">
        <v>46860</v>
      </c>
      <c r="EM35" s="25">
        <v>0</v>
      </c>
      <c r="EN35" s="28">
        <v>48750</v>
      </c>
      <c r="EO35" s="29">
        <v>48750</v>
      </c>
      <c r="EP35" s="24">
        <v>0</v>
      </c>
      <c r="EQ35" s="25">
        <v>0</v>
      </c>
      <c r="ER35" s="26">
        <v>0</v>
      </c>
      <c r="ES35" s="404">
        <v>0</v>
      </c>
      <c r="ET35" s="25">
        <v>0</v>
      </c>
      <c r="EU35" s="25">
        <v>0</v>
      </c>
      <c r="EV35" s="25">
        <v>0</v>
      </c>
      <c r="EW35" s="25">
        <v>0</v>
      </c>
      <c r="EX35" s="25">
        <v>0</v>
      </c>
      <c r="EY35" s="28">
        <v>0</v>
      </c>
      <c r="EZ35" s="29">
        <v>0</v>
      </c>
      <c r="FA35" s="24">
        <v>0</v>
      </c>
      <c r="FB35" s="25">
        <v>0</v>
      </c>
      <c r="FC35" s="26">
        <v>0</v>
      </c>
      <c r="FD35" s="404">
        <v>0</v>
      </c>
      <c r="FE35" s="25">
        <v>0</v>
      </c>
      <c r="FF35" s="25">
        <v>0</v>
      </c>
      <c r="FG35" s="25">
        <v>0</v>
      </c>
      <c r="FH35" s="25">
        <v>0</v>
      </c>
      <c r="FI35" s="25">
        <v>210</v>
      </c>
      <c r="FJ35" s="28">
        <v>210</v>
      </c>
      <c r="FK35" s="29">
        <v>210</v>
      </c>
      <c r="FL35" s="24">
        <v>0</v>
      </c>
      <c r="FM35" s="25">
        <v>0</v>
      </c>
      <c r="FN35" s="26">
        <v>0</v>
      </c>
      <c r="FO35" s="404">
        <v>0</v>
      </c>
      <c r="FP35" s="25">
        <v>0</v>
      </c>
      <c r="FQ35" s="25">
        <v>0</v>
      </c>
      <c r="FR35" s="25">
        <v>132663</v>
      </c>
      <c r="FS35" s="25">
        <v>65352</v>
      </c>
      <c r="FT35" s="25">
        <v>31590</v>
      </c>
      <c r="FU35" s="28">
        <v>229605</v>
      </c>
      <c r="FV35" s="29">
        <v>229605</v>
      </c>
      <c r="FW35" s="24">
        <v>0</v>
      </c>
      <c r="FX35" s="25">
        <v>0</v>
      </c>
      <c r="FY35" s="26">
        <v>0</v>
      </c>
      <c r="FZ35" s="27">
        <v>0</v>
      </c>
      <c r="GA35" s="25">
        <v>3159</v>
      </c>
      <c r="GB35" s="25">
        <v>0</v>
      </c>
      <c r="GC35" s="25">
        <v>11307</v>
      </c>
      <c r="GD35" s="25">
        <v>0</v>
      </c>
      <c r="GE35" s="25">
        <v>8245</v>
      </c>
      <c r="GF35" s="28">
        <v>22711</v>
      </c>
      <c r="GG35" s="29">
        <v>22711</v>
      </c>
      <c r="GH35" s="24">
        <v>0</v>
      </c>
      <c r="GI35" s="25">
        <v>0</v>
      </c>
      <c r="GJ35" s="26">
        <v>0</v>
      </c>
      <c r="GK35" s="27">
        <v>0</v>
      </c>
      <c r="GL35" s="25">
        <v>0</v>
      </c>
      <c r="GM35" s="25">
        <v>0</v>
      </c>
      <c r="GN35" s="25">
        <v>0</v>
      </c>
      <c r="GO35" s="25">
        <v>0</v>
      </c>
      <c r="GP35" s="25">
        <v>0</v>
      </c>
      <c r="GQ35" s="28">
        <v>0</v>
      </c>
      <c r="GR35" s="29">
        <v>0</v>
      </c>
      <c r="GS35" s="24">
        <v>0</v>
      </c>
      <c r="GT35" s="25">
        <v>0</v>
      </c>
      <c r="GU35" s="26">
        <v>0</v>
      </c>
      <c r="GV35" s="27">
        <v>0</v>
      </c>
      <c r="GW35" s="25">
        <v>0</v>
      </c>
      <c r="GX35" s="25">
        <v>0</v>
      </c>
      <c r="GY35" s="25">
        <v>0</v>
      </c>
      <c r="GZ35" s="25">
        <v>0</v>
      </c>
      <c r="HA35" s="25">
        <v>0</v>
      </c>
      <c r="HB35" s="28">
        <v>0</v>
      </c>
      <c r="HC35" s="29">
        <v>0</v>
      </c>
      <c r="HD35" s="24">
        <v>0</v>
      </c>
      <c r="HE35" s="25">
        <v>0</v>
      </c>
      <c r="HF35" s="26">
        <v>0</v>
      </c>
      <c r="HG35" s="404">
        <v>0</v>
      </c>
      <c r="HH35" s="25">
        <v>0</v>
      </c>
      <c r="HI35" s="25">
        <v>0</v>
      </c>
      <c r="HJ35" s="25">
        <v>0</v>
      </c>
      <c r="HK35" s="25">
        <v>0</v>
      </c>
      <c r="HL35" s="25">
        <v>0</v>
      </c>
      <c r="HM35" s="28">
        <v>0</v>
      </c>
      <c r="HN35" s="29">
        <v>0</v>
      </c>
      <c r="HO35" s="24">
        <v>0</v>
      </c>
      <c r="HP35" s="25">
        <v>0</v>
      </c>
      <c r="HQ35" s="26">
        <v>0</v>
      </c>
      <c r="HR35" s="27">
        <v>0</v>
      </c>
      <c r="HS35" s="25">
        <v>38359</v>
      </c>
      <c r="HT35" s="25">
        <v>119640</v>
      </c>
      <c r="HU35" s="25">
        <v>420535</v>
      </c>
      <c r="HV35" s="25">
        <v>994562</v>
      </c>
      <c r="HW35" s="25">
        <v>502295</v>
      </c>
      <c r="HX35" s="28">
        <v>2075391</v>
      </c>
      <c r="HY35" s="29">
        <v>2075391</v>
      </c>
    </row>
    <row r="36" spans="2:233" ht="21" customHeight="1" x14ac:dyDescent="0.2">
      <c r="B36" s="106" t="s">
        <v>33</v>
      </c>
      <c r="C36" s="24">
        <v>0</v>
      </c>
      <c r="D36" s="25">
        <v>0</v>
      </c>
      <c r="E36" s="26">
        <v>0</v>
      </c>
      <c r="F36" s="27">
        <v>0</v>
      </c>
      <c r="G36" s="25">
        <v>39225</v>
      </c>
      <c r="H36" s="25">
        <v>232375</v>
      </c>
      <c r="I36" s="25">
        <v>535365</v>
      </c>
      <c r="J36" s="25">
        <v>766330</v>
      </c>
      <c r="K36" s="25">
        <v>177990</v>
      </c>
      <c r="L36" s="28">
        <v>1751285</v>
      </c>
      <c r="M36" s="29">
        <v>1751285</v>
      </c>
      <c r="N36" s="24">
        <v>0</v>
      </c>
      <c r="O36" s="25">
        <v>0</v>
      </c>
      <c r="P36" s="26">
        <v>0</v>
      </c>
      <c r="Q36" s="404">
        <v>0</v>
      </c>
      <c r="R36" s="25">
        <v>2125</v>
      </c>
      <c r="S36" s="25">
        <v>58050</v>
      </c>
      <c r="T36" s="25">
        <v>425695</v>
      </c>
      <c r="U36" s="25">
        <v>504215</v>
      </c>
      <c r="V36" s="25">
        <v>138690</v>
      </c>
      <c r="W36" s="28">
        <v>1128775</v>
      </c>
      <c r="X36" s="29">
        <v>1128775</v>
      </c>
      <c r="Y36" s="24">
        <v>0</v>
      </c>
      <c r="Z36" s="25">
        <v>0</v>
      </c>
      <c r="AA36" s="26">
        <v>0</v>
      </c>
      <c r="AB36" s="404">
        <v>0</v>
      </c>
      <c r="AC36" s="25">
        <v>34200</v>
      </c>
      <c r="AD36" s="25">
        <v>92315</v>
      </c>
      <c r="AE36" s="25">
        <v>44400</v>
      </c>
      <c r="AF36" s="25">
        <v>187500</v>
      </c>
      <c r="AG36" s="25">
        <v>5100</v>
      </c>
      <c r="AH36" s="28">
        <v>363515</v>
      </c>
      <c r="AI36" s="29">
        <v>363515</v>
      </c>
      <c r="AJ36" s="24">
        <v>0</v>
      </c>
      <c r="AK36" s="25">
        <v>0</v>
      </c>
      <c r="AL36" s="26">
        <v>0</v>
      </c>
      <c r="AM36" s="404">
        <v>0</v>
      </c>
      <c r="AN36" s="25">
        <v>0</v>
      </c>
      <c r="AO36" s="25">
        <v>0</v>
      </c>
      <c r="AP36" s="25">
        <v>0</v>
      </c>
      <c r="AQ36" s="25">
        <v>0</v>
      </c>
      <c r="AR36" s="25">
        <v>0</v>
      </c>
      <c r="AS36" s="28">
        <v>0</v>
      </c>
      <c r="AT36" s="29">
        <v>0</v>
      </c>
      <c r="AU36" s="24">
        <v>0</v>
      </c>
      <c r="AV36" s="25">
        <v>0</v>
      </c>
      <c r="AW36" s="26">
        <v>0</v>
      </c>
      <c r="AX36" s="404">
        <v>0</v>
      </c>
      <c r="AY36" s="25">
        <v>0</v>
      </c>
      <c r="AZ36" s="25">
        <v>58200</v>
      </c>
      <c r="BA36" s="25">
        <v>61065</v>
      </c>
      <c r="BB36" s="25">
        <v>68700</v>
      </c>
      <c r="BC36" s="25">
        <v>34200</v>
      </c>
      <c r="BD36" s="28">
        <v>222165</v>
      </c>
      <c r="BE36" s="29">
        <v>222165</v>
      </c>
      <c r="BF36" s="24">
        <v>0</v>
      </c>
      <c r="BG36" s="25">
        <v>0</v>
      </c>
      <c r="BH36" s="26">
        <v>0</v>
      </c>
      <c r="BI36" s="404">
        <v>0</v>
      </c>
      <c r="BJ36" s="25">
        <v>0</v>
      </c>
      <c r="BK36" s="25">
        <v>0</v>
      </c>
      <c r="BL36" s="25">
        <v>0</v>
      </c>
      <c r="BM36" s="25">
        <v>0</v>
      </c>
      <c r="BN36" s="25">
        <v>0</v>
      </c>
      <c r="BO36" s="28">
        <v>0</v>
      </c>
      <c r="BP36" s="29">
        <v>0</v>
      </c>
      <c r="BQ36" s="24">
        <v>0</v>
      </c>
      <c r="BR36" s="25">
        <v>0</v>
      </c>
      <c r="BS36" s="26">
        <v>0</v>
      </c>
      <c r="BT36" s="27">
        <v>0</v>
      </c>
      <c r="BU36" s="25">
        <v>2200</v>
      </c>
      <c r="BV36" s="25">
        <v>23810</v>
      </c>
      <c r="BW36" s="25">
        <v>4205</v>
      </c>
      <c r="BX36" s="25">
        <v>5915</v>
      </c>
      <c r="BY36" s="25">
        <v>0</v>
      </c>
      <c r="BZ36" s="28">
        <v>36130</v>
      </c>
      <c r="CA36" s="29">
        <v>36130</v>
      </c>
      <c r="CB36" s="24">
        <v>0</v>
      </c>
      <c r="CC36" s="25">
        <v>0</v>
      </c>
      <c r="CD36" s="26">
        <v>0</v>
      </c>
      <c r="CE36" s="27">
        <v>0</v>
      </c>
      <c r="CF36" s="25">
        <v>700</v>
      </c>
      <c r="CG36" s="25">
        <v>0</v>
      </c>
      <c r="CH36" s="25">
        <v>0</v>
      </c>
      <c r="CI36" s="25">
        <v>0</v>
      </c>
      <c r="CJ36" s="25">
        <v>0</v>
      </c>
      <c r="CK36" s="28">
        <v>700</v>
      </c>
      <c r="CL36" s="29">
        <v>700</v>
      </c>
      <c r="CM36" s="24">
        <v>0</v>
      </c>
      <c r="CN36" s="25">
        <v>0</v>
      </c>
      <c r="CO36" s="26">
        <v>0</v>
      </c>
      <c r="CP36" s="27">
        <v>0</v>
      </c>
      <c r="CQ36" s="25">
        <v>0</v>
      </c>
      <c r="CR36" s="25">
        <v>0</v>
      </c>
      <c r="CS36" s="25">
        <v>0</v>
      </c>
      <c r="CT36" s="25">
        <v>0</v>
      </c>
      <c r="CU36" s="25">
        <v>0</v>
      </c>
      <c r="CV36" s="28">
        <v>0</v>
      </c>
      <c r="CW36" s="29">
        <v>0</v>
      </c>
      <c r="CX36" s="24">
        <v>0</v>
      </c>
      <c r="CY36" s="25">
        <v>0</v>
      </c>
      <c r="CZ36" s="26">
        <v>0</v>
      </c>
      <c r="DA36" s="404">
        <v>0</v>
      </c>
      <c r="DB36" s="25">
        <v>0</v>
      </c>
      <c r="DC36" s="25">
        <v>0</v>
      </c>
      <c r="DD36" s="25">
        <v>0</v>
      </c>
      <c r="DE36" s="25">
        <v>0</v>
      </c>
      <c r="DF36" s="25">
        <v>0</v>
      </c>
      <c r="DG36" s="28">
        <v>0</v>
      </c>
      <c r="DH36" s="29">
        <v>0</v>
      </c>
      <c r="DI36" s="24">
        <v>0</v>
      </c>
      <c r="DJ36" s="25">
        <v>0</v>
      </c>
      <c r="DK36" s="26">
        <v>0</v>
      </c>
      <c r="DL36" s="27">
        <v>0</v>
      </c>
      <c r="DM36" s="25">
        <v>24132</v>
      </c>
      <c r="DN36" s="25">
        <v>96465</v>
      </c>
      <c r="DO36" s="25">
        <v>520678</v>
      </c>
      <c r="DP36" s="25">
        <v>536700</v>
      </c>
      <c r="DQ36" s="25">
        <v>128850</v>
      </c>
      <c r="DR36" s="28">
        <v>1306825</v>
      </c>
      <c r="DS36" s="30">
        <v>1306825</v>
      </c>
      <c r="DT36" s="24">
        <v>0</v>
      </c>
      <c r="DU36" s="25">
        <v>0</v>
      </c>
      <c r="DV36" s="26">
        <v>0</v>
      </c>
      <c r="DW36" s="404">
        <v>0</v>
      </c>
      <c r="DX36" s="25">
        <v>17400</v>
      </c>
      <c r="DY36" s="25">
        <v>49980</v>
      </c>
      <c r="DZ36" s="25">
        <v>488386</v>
      </c>
      <c r="EA36" s="25">
        <v>480025</v>
      </c>
      <c r="EB36" s="25">
        <v>128010</v>
      </c>
      <c r="EC36" s="28">
        <v>1163801</v>
      </c>
      <c r="ED36" s="29">
        <v>1163801</v>
      </c>
      <c r="EE36" s="24">
        <v>0</v>
      </c>
      <c r="EF36" s="25">
        <v>0</v>
      </c>
      <c r="EG36" s="26">
        <v>0</v>
      </c>
      <c r="EH36" s="404">
        <v>0</v>
      </c>
      <c r="EI36" s="25">
        <v>420</v>
      </c>
      <c r="EJ36" s="25">
        <v>13740</v>
      </c>
      <c r="EK36" s="25">
        <v>19050</v>
      </c>
      <c r="EL36" s="25">
        <v>27060</v>
      </c>
      <c r="EM36" s="25">
        <v>420</v>
      </c>
      <c r="EN36" s="28">
        <v>60690</v>
      </c>
      <c r="EO36" s="29">
        <v>60690</v>
      </c>
      <c r="EP36" s="24">
        <v>0</v>
      </c>
      <c r="EQ36" s="25">
        <v>0</v>
      </c>
      <c r="ER36" s="26">
        <v>0</v>
      </c>
      <c r="ES36" s="404">
        <v>0</v>
      </c>
      <c r="ET36" s="25">
        <v>0</v>
      </c>
      <c r="EU36" s="25">
        <v>0</v>
      </c>
      <c r="EV36" s="25">
        <v>0</v>
      </c>
      <c r="EW36" s="25">
        <v>0</v>
      </c>
      <c r="EX36" s="25">
        <v>0</v>
      </c>
      <c r="EY36" s="28">
        <v>0</v>
      </c>
      <c r="EZ36" s="29">
        <v>0</v>
      </c>
      <c r="FA36" s="24">
        <v>0</v>
      </c>
      <c r="FB36" s="25">
        <v>0</v>
      </c>
      <c r="FC36" s="26">
        <v>0</v>
      </c>
      <c r="FD36" s="404">
        <v>0</v>
      </c>
      <c r="FE36" s="25">
        <v>0</v>
      </c>
      <c r="FF36" s="25">
        <v>13320</v>
      </c>
      <c r="FG36" s="25">
        <v>917</v>
      </c>
      <c r="FH36" s="25">
        <v>26220</v>
      </c>
      <c r="FI36" s="25">
        <v>420</v>
      </c>
      <c r="FJ36" s="28">
        <v>40877</v>
      </c>
      <c r="FK36" s="29">
        <v>40877</v>
      </c>
      <c r="FL36" s="24">
        <v>0</v>
      </c>
      <c r="FM36" s="25">
        <v>0</v>
      </c>
      <c r="FN36" s="26">
        <v>0</v>
      </c>
      <c r="FO36" s="404">
        <v>0</v>
      </c>
      <c r="FP36" s="25">
        <v>0</v>
      </c>
      <c r="FQ36" s="25">
        <v>0</v>
      </c>
      <c r="FR36" s="25">
        <v>0</v>
      </c>
      <c r="FS36" s="25">
        <v>0</v>
      </c>
      <c r="FT36" s="25">
        <v>0</v>
      </c>
      <c r="FU36" s="28">
        <v>0</v>
      </c>
      <c r="FV36" s="29">
        <v>0</v>
      </c>
      <c r="FW36" s="24">
        <v>0</v>
      </c>
      <c r="FX36" s="25">
        <v>0</v>
      </c>
      <c r="FY36" s="26">
        <v>0</v>
      </c>
      <c r="FZ36" s="27">
        <v>0</v>
      </c>
      <c r="GA36" s="25">
        <v>6270</v>
      </c>
      <c r="GB36" s="25">
        <v>19425</v>
      </c>
      <c r="GC36" s="25">
        <v>12325</v>
      </c>
      <c r="GD36" s="25">
        <v>3395</v>
      </c>
      <c r="GE36" s="25">
        <v>0</v>
      </c>
      <c r="GF36" s="28">
        <v>41415</v>
      </c>
      <c r="GG36" s="29">
        <v>41415</v>
      </c>
      <c r="GH36" s="24">
        <v>0</v>
      </c>
      <c r="GI36" s="25">
        <v>0</v>
      </c>
      <c r="GJ36" s="26">
        <v>0</v>
      </c>
      <c r="GK36" s="27">
        <v>0</v>
      </c>
      <c r="GL36" s="25">
        <v>42</v>
      </c>
      <c r="GM36" s="25">
        <v>0</v>
      </c>
      <c r="GN36" s="25">
        <v>0</v>
      </c>
      <c r="GO36" s="25">
        <v>0</v>
      </c>
      <c r="GP36" s="25">
        <v>0</v>
      </c>
      <c r="GQ36" s="28">
        <v>42</v>
      </c>
      <c r="GR36" s="29">
        <v>42</v>
      </c>
      <c r="GS36" s="24">
        <v>0</v>
      </c>
      <c r="GT36" s="25">
        <v>0</v>
      </c>
      <c r="GU36" s="26">
        <v>0</v>
      </c>
      <c r="GV36" s="27">
        <v>0</v>
      </c>
      <c r="GW36" s="25">
        <v>0</v>
      </c>
      <c r="GX36" s="25">
        <v>0</v>
      </c>
      <c r="GY36" s="25">
        <v>0</v>
      </c>
      <c r="GZ36" s="25">
        <v>0</v>
      </c>
      <c r="HA36" s="25">
        <v>0</v>
      </c>
      <c r="HB36" s="28">
        <v>0</v>
      </c>
      <c r="HC36" s="29">
        <v>0</v>
      </c>
      <c r="HD36" s="24">
        <v>0</v>
      </c>
      <c r="HE36" s="25">
        <v>0</v>
      </c>
      <c r="HF36" s="26">
        <v>0</v>
      </c>
      <c r="HG36" s="404">
        <v>0</v>
      </c>
      <c r="HH36" s="25">
        <v>0</v>
      </c>
      <c r="HI36" s="25">
        <v>0</v>
      </c>
      <c r="HJ36" s="25">
        <v>0</v>
      </c>
      <c r="HK36" s="25">
        <v>0</v>
      </c>
      <c r="HL36" s="25">
        <v>0</v>
      </c>
      <c r="HM36" s="28">
        <v>0</v>
      </c>
      <c r="HN36" s="29">
        <v>0</v>
      </c>
      <c r="HO36" s="24">
        <v>0</v>
      </c>
      <c r="HP36" s="25">
        <v>0</v>
      </c>
      <c r="HQ36" s="26">
        <v>0</v>
      </c>
      <c r="HR36" s="27">
        <v>0</v>
      </c>
      <c r="HS36" s="25">
        <v>63357</v>
      </c>
      <c r="HT36" s="25">
        <v>328840</v>
      </c>
      <c r="HU36" s="25">
        <v>1056043</v>
      </c>
      <c r="HV36" s="25">
        <v>1303030</v>
      </c>
      <c r="HW36" s="25">
        <v>306840</v>
      </c>
      <c r="HX36" s="28">
        <v>3058110</v>
      </c>
      <c r="HY36" s="29">
        <v>3058110</v>
      </c>
    </row>
    <row r="37" spans="2:233" ht="21" customHeight="1" x14ac:dyDescent="0.2">
      <c r="B37" s="106" t="s">
        <v>34</v>
      </c>
      <c r="C37" s="24">
        <v>0</v>
      </c>
      <c r="D37" s="25">
        <v>0</v>
      </c>
      <c r="E37" s="26">
        <v>0</v>
      </c>
      <c r="F37" s="27">
        <v>0</v>
      </c>
      <c r="G37" s="25">
        <v>92400</v>
      </c>
      <c r="H37" s="25">
        <v>142650</v>
      </c>
      <c r="I37" s="25">
        <v>106857</v>
      </c>
      <c r="J37" s="25">
        <v>550558</v>
      </c>
      <c r="K37" s="25">
        <v>235265</v>
      </c>
      <c r="L37" s="28">
        <v>1127730</v>
      </c>
      <c r="M37" s="29">
        <v>1127730</v>
      </c>
      <c r="N37" s="24">
        <v>0</v>
      </c>
      <c r="O37" s="25">
        <v>0</v>
      </c>
      <c r="P37" s="26">
        <v>0</v>
      </c>
      <c r="Q37" s="404">
        <v>0</v>
      </c>
      <c r="R37" s="25">
        <v>0</v>
      </c>
      <c r="S37" s="25">
        <v>0</v>
      </c>
      <c r="T37" s="25">
        <v>72380</v>
      </c>
      <c r="U37" s="25">
        <v>485990</v>
      </c>
      <c r="V37" s="25">
        <v>140315</v>
      </c>
      <c r="W37" s="28">
        <v>698685</v>
      </c>
      <c r="X37" s="29">
        <v>698685</v>
      </c>
      <c r="Y37" s="24">
        <v>0</v>
      </c>
      <c r="Z37" s="25">
        <v>0</v>
      </c>
      <c r="AA37" s="26">
        <v>0</v>
      </c>
      <c r="AB37" s="404">
        <v>0</v>
      </c>
      <c r="AC37" s="25">
        <v>78660</v>
      </c>
      <c r="AD37" s="25">
        <v>142650</v>
      </c>
      <c r="AE37" s="25">
        <v>31650</v>
      </c>
      <c r="AF37" s="25">
        <v>63300</v>
      </c>
      <c r="AG37" s="25">
        <v>63300</v>
      </c>
      <c r="AH37" s="28">
        <v>379560</v>
      </c>
      <c r="AI37" s="29">
        <v>379560</v>
      </c>
      <c r="AJ37" s="24">
        <v>0</v>
      </c>
      <c r="AK37" s="25">
        <v>0</v>
      </c>
      <c r="AL37" s="26">
        <v>0</v>
      </c>
      <c r="AM37" s="404">
        <v>0</v>
      </c>
      <c r="AN37" s="25">
        <v>0</v>
      </c>
      <c r="AO37" s="25">
        <v>0</v>
      </c>
      <c r="AP37" s="25">
        <v>0</v>
      </c>
      <c r="AQ37" s="25">
        <v>0</v>
      </c>
      <c r="AR37" s="25">
        <v>0</v>
      </c>
      <c r="AS37" s="28">
        <v>0</v>
      </c>
      <c r="AT37" s="29">
        <v>0</v>
      </c>
      <c r="AU37" s="24">
        <v>0</v>
      </c>
      <c r="AV37" s="25">
        <v>0</v>
      </c>
      <c r="AW37" s="26">
        <v>0</v>
      </c>
      <c r="AX37" s="404">
        <v>0</v>
      </c>
      <c r="AY37" s="25">
        <v>0</v>
      </c>
      <c r="AZ37" s="25">
        <v>0</v>
      </c>
      <c r="BA37" s="25">
        <v>0</v>
      </c>
      <c r="BB37" s="25">
        <v>0</v>
      </c>
      <c r="BC37" s="25">
        <v>31650</v>
      </c>
      <c r="BD37" s="28">
        <v>31650</v>
      </c>
      <c r="BE37" s="29">
        <v>31650</v>
      </c>
      <c r="BF37" s="24">
        <v>0</v>
      </c>
      <c r="BG37" s="25">
        <v>0</v>
      </c>
      <c r="BH37" s="26">
        <v>0</v>
      </c>
      <c r="BI37" s="404">
        <v>0</v>
      </c>
      <c r="BJ37" s="25">
        <v>0</v>
      </c>
      <c r="BK37" s="25">
        <v>0</v>
      </c>
      <c r="BL37" s="25">
        <v>0</v>
      </c>
      <c r="BM37" s="25">
        <v>0</v>
      </c>
      <c r="BN37" s="25">
        <v>0</v>
      </c>
      <c r="BO37" s="28">
        <v>0</v>
      </c>
      <c r="BP37" s="29">
        <v>0</v>
      </c>
      <c r="BQ37" s="24">
        <v>0</v>
      </c>
      <c r="BR37" s="25">
        <v>0</v>
      </c>
      <c r="BS37" s="26">
        <v>0</v>
      </c>
      <c r="BT37" s="27">
        <v>0</v>
      </c>
      <c r="BU37" s="25">
        <v>0</v>
      </c>
      <c r="BV37" s="25">
        <v>0</v>
      </c>
      <c r="BW37" s="25">
        <v>2827</v>
      </c>
      <c r="BX37" s="25">
        <v>1268</v>
      </c>
      <c r="BY37" s="25">
        <v>0</v>
      </c>
      <c r="BZ37" s="28">
        <v>4095</v>
      </c>
      <c r="CA37" s="29">
        <v>4095</v>
      </c>
      <c r="CB37" s="24">
        <v>0</v>
      </c>
      <c r="CC37" s="25">
        <v>0</v>
      </c>
      <c r="CD37" s="26">
        <v>0</v>
      </c>
      <c r="CE37" s="27">
        <v>0</v>
      </c>
      <c r="CF37" s="25">
        <v>13740</v>
      </c>
      <c r="CG37" s="25">
        <v>0</v>
      </c>
      <c r="CH37" s="25">
        <v>0</v>
      </c>
      <c r="CI37" s="25">
        <v>0</v>
      </c>
      <c r="CJ37" s="25">
        <v>0</v>
      </c>
      <c r="CK37" s="28">
        <v>13740</v>
      </c>
      <c r="CL37" s="29">
        <v>13740</v>
      </c>
      <c r="CM37" s="24">
        <v>0</v>
      </c>
      <c r="CN37" s="25">
        <v>0</v>
      </c>
      <c r="CO37" s="26">
        <v>0</v>
      </c>
      <c r="CP37" s="27">
        <v>0</v>
      </c>
      <c r="CQ37" s="25">
        <v>0</v>
      </c>
      <c r="CR37" s="25">
        <v>0</v>
      </c>
      <c r="CS37" s="25">
        <v>0</v>
      </c>
      <c r="CT37" s="25">
        <v>0</v>
      </c>
      <c r="CU37" s="25">
        <v>0</v>
      </c>
      <c r="CV37" s="28">
        <v>0</v>
      </c>
      <c r="CW37" s="29">
        <v>0</v>
      </c>
      <c r="CX37" s="24">
        <v>0</v>
      </c>
      <c r="CY37" s="25">
        <v>0</v>
      </c>
      <c r="CZ37" s="26">
        <v>0</v>
      </c>
      <c r="DA37" s="404">
        <v>0</v>
      </c>
      <c r="DB37" s="25">
        <v>0</v>
      </c>
      <c r="DC37" s="25">
        <v>0</v>
      </c>
      <c r="DD37" s="25">
        <v>0</v>
      </c>
      <c r="DE37" s="25">
        <v>0</v>
      </c>
      <c r="DF37" s="25">
        <v>0</v>
      </c>
      <c r="DG37" s="28">
        <v>0</v>
      </c>
      <c r="DH37" s="29">
        <v>0</v>
      </c>
      <c r="DI37" s="24">
        <v>0</v>
      </c>
      <c r="DJ37" s="25">
        <v>0</v>
      </c>
      <c r="DK37" s="26">
        <v>0</v>
      </c>
      <c r="DL37" s="27">
        <v>0</v>
      </c>
      <c r="DM37" s="25">
        <v>13530</v>
      </c>
      <c r="DN37" s="25">
        <v>1050</v>
      </c>
      <c r="DO37" s="25">
        <v>82362</v>
      </c>
      <c r="DP37" s="25">
        <v>379060</v>
      </c>
      <c r="DQ37" s="25">
        <v>86165</v>
      </c>
      <c r="DR37" s="28">
        <v>562167</v>
      </c>
      <c r="DS37" s="30">
        <v>562167</v>
      </c>
      <c r="DT37" s="24">
        <v>0</v>
      </c>
      <c r="DU37" s="25">
        <v>0</v>
      </c>
      <c r="DV37" s="26">
        <v>0</v>
      </c>
      <c r="DW37" s="404">
        <v>0</v>
      </c>
      <c r="DX37" s="25">
        <v>0</v>
      </c>
      <c r="DY37" s="25">
        <v>0</v>
      </c>
      <c r="DZ37" s="25">
        <v>77408</v>
      </c>
      <c r="EA37" s="25">
        <v>376700</v>
      </c>
      <c r="EB37" s="25">
        <v>85535</v>
      </c>
      <c r="EC37" s="28">
        <v>539643</v>
      </c>
      <c r="ED37" s="29">
        <v>539643</v>
      </c>
      <c r="EE37" s="24">
        <v>0</v>
      </c>
      <c r="EF37" s="25">
        <v>0</v>
      </c>
      <c r="EG37" s="26">
        <v>0</v>
      </c>
      <c r="EH37" s="404">
        <v>0</v>
      </c>
      <c r="EI37" s="25">
        <v>8286</v>
      </c>
      <c r="EJ37" s="25">
        <v>1050</v>
      </c>
      <c r="EK37" s="25">
        <v>210</v>
      </c>
      <c r="EL37" s="25">
        <v>420</v>
      </c>
      <c r="EM37" s="25">
        <v>420</v>
      </c>
      <c r="EN37" s="28">
        <v>10386</v>
      </c>
      <c r="EO37" s="29">
        <v>10386</v>
      </c>
      <c r="EP37" s="24">
        <v>0</v>
      </c>
      <c r="EQ37" s="25">
        <v>0</v>
      </c>
      <c r="ER37" s="26">
        <v>0</v>
      </c>
      <c r="ES37" s="404">
        <v>0</v>
      </c>
      <c r="ET37" s="25">
        <v>0</v>
      </c>
      <c r="EU37" s="25">
        <v>0</v>
      </c>
      <c r="EV37" s="25">
        <v>0</v>
      </c>
      <c r="EW37" s="25">
        <v>0</v>
      </c>
      <c r="EX37" s="25">
        <v>0</v>
      </c>
      <c r="EY37" s="28">
        <v>0</v>
      </c>
      <c r="EZ37" s="29">
        <v>0</v>
      </c>
      <c r="FA37" s="24">
        <v>0</v>
      </c>
      <c r="FB37" s="25">
        <v>0</v>
      </c>
      <c r="FC37" s="26">
        <v>0</v>
      </c>
      <c r="FD37" s="404">
        <v>0</v>
      </c>
      <c r="FE37" s="25">
        <v>0</v>
      </c>
      <c r="FF37" s="25">
        <v>0</v>
      </c>
      <c r="FG37" s="25">
        <v>0</v>
      </c>
      <c r="FH37" s="25">
        <v>0</v>
      </c>
      <c r="FI37" s="25">
        <v>210</v>
      </c>
      <c r="FJ37" s="28">
        <v>210</v>
      </c>
      <c r="FK37" s="29">
        <v>210</v>
      </c>
      <c r="FL37" s="24">
        <v>0</v>
      </c>
      <c r="FM37" s="25">
        <v>0</v>
      </c>
      <c r="FN37" s="26">
        <v>0</v>
      </c>
      <c r="FO37" s="404">
        <v>0</v>
      </c>
      <c r="FP37" s="25">
        <v>0</v>
      </c>
      <c r="FQ37" s="25">
        <v>0</v>
      </c>
      <c r="FR37" s="25">
        <v>0</v>
      </c>
      <c r="FS37" s="25">
        <v>0</v>
      </c>
      <c r="FT37" s="25">
        <v>0</v>
      </c>
      <c r="FU37" s="28">
        <v>0</v>
      </c>
      <c r="FV37" s="29">
        <v>0</v>
      </c>
      <c r="FW37" s="24">
        <v>0</v>
      </c>
      <c r="FX37" s="25">
        <v>0</v>
      </c>
      <c r="FY37" s="26">
        <v>0</v>
      </c>
      <c r="FZ37" s="27">
        <v>0</v>
      </c>
      <c r="GA37" s="25">
        <v>0</v>
      </c>
      <c r="GB37" s="25">
        <v>0</v>
      </c>
      <c r="GC37" s="25">
        <v>4744</v>
      </c>
      <c r="GD37" s="25">
        <v>1940</v>
      </c>
      <c r="GE37" s="25">
        <v>0</v>
      </c>
      <c r="GF37" s="28">
        <v>6684</v>
      </c>
      <c r="GG37" s="29">
        <v>6684</v>
      </c>
      <c r="GH37" s="24">
        <v>0</v>
      </c>
      <c r="GI37" s="25">
        <v>0</v>
      </c>
      <c r="GJ37" s="26">
        <v>0</v>
      </c>
      <c r="GK37" s="27">
        <v>0</v>
      </c>
      <c r="GL37" s="25">
        <v>5244</v>
      </c>
      <c r="GM37" s="25">
        <v>0</v>
      </c>
      <c r="GN37" s="25">
        <v>0</v>
      </c>
      <c r="GO37" s="25">
        <v>0</v>
      </c>
      <c r="GP37" s="25">
        <v>0</v>
      </c>
      <c r="GQ37" s="28">
        <v>5244</v>
      </c>
      <c r="GR37" s="29">
        <v>5244</v>
      </c>
      <c r="GS37" s="24">
        <v>0</v>
      </c>
      <c r="GT37" s="25">
        <v>0</v>
      </c>
      <c r="GU37" s="26">
        <v>0</v>
      </c>
      <c r="GV37" s="27">
        <v>0</v>
      </c>
      <c r="GW37" s="25">
        <v>0</v>
      </c>
      <c r="GX37" s="25">
        <v>0</v>
      </c>
      <c r="GY37" s="25">
        <v>0</v>
      </c>
      <c r="GZ37" s="25">
        <v>0</v>
      </c>
      <c r="HA37" s="25">
        <v>0</v>
      </c>
      <c r="HB37" s="28">
        <v>0</v>
      </c>
      <c r="HC37" s="29">
        <v>0</v>
      </c>
      <c r="HD37" s="24">
        <v>0</v>
      </c>
      <c r="HE37" s="25">
        <v>0</v>
      </c>
      <c r="HF37" s="26">
        <v>0</v>
      </c>
      <c r="HG37" s="404">
        <v>0</v>
      </c>
      <c r="HH37" s="25">
        <v>0</v>
      </c>
      <c r="HI37" s="25">
        <v>0</v>
      </c>
      <c r="HJ37" s="25">
        <v>0</v>
      </c>
      <c r="HK37" s="25">
        <v>0</v>
      </c>
      <c r="HL37" s="25">
        <v>0</v>
      </c>
      <c r="HM37" s="28">
        <v>0</v>
      </c>
      <c r="HN37" s="29">
        <v>0</v>
      </c>
      <c r="HO37" s="24">
        <v>0</v>
      </c>
      <c r="HP37" s="25">
        <v>0</v>
      </c>
      <c r="HQ37" s="26">
        <v>0</v>
      </c>
      <c r="HR37" s="27">
        <v>0</v>
      </c>
      <c r="HS37" s="25">
        <v>105930</v>
      </c>
      <c r="HT37" s="25">
        <v>143700</v>
      </c>
      <c r="HU37" s="25">
        <v>189219</v>
      </c>
      <c r="HV37" s="25">
        <v>929618</v>
      </c>
      <c r="HW37" s="25">
        <v>321430</v>
      </c>
      <c r="HX37" s="28">
        <v>1689897</v>
      </c>
      <c r="HY37" s="29">
        <v>1689897</v>
      </c>
    </row>
    <row r="38" spans="2:233" ht="21" customHeight="1" x14ac:dyDescent="0.2">
      <c r="B38" s="106" t="s">
        <v>35</v>
      </c>
      <c r="C38" s="24">
        <v>1885</v>
      </c>
      <c r="D38" s="25">
        <v>0</v>
      </c>
      <c r="E38" s="26">
        <v>1885</v>
      </c>
      <c r="F38" s="27">
        <v>0</v>
      </c>
      <c r="G38" s="25">
        <v>87274</v>
      </c>
      <c r="H38" s="25">
        <v>402155</v>
      </c>
      <c r="I38" s="25">
        <v>668511</v>
      </c>
      <c r="J38" s="25">
        <v>818893</v>
      </c>
      <c r="K38" s="25">
        <v>268748</v>
      </c>
      <c r="L38" s="28">
        <v>2245581</v>
      </c>
      <c r="M38" s="29">
        <v>2247466</v>
      </c>
      <c r="N38" s="24">
        <v>0</v>
      </c>
      <c r="O38" s="25">
        <v>0</v>
      </c>
      <c r="P38" s="26">
        <v>0</v>
      </c>
      <c r="Q38" s="404">
        <v>0</v>
      </c>
      <c r="R38" s="25">
        <v>2550</v>
      </c>
      <c r="S38" s="25">
        <v>5100</v>
      </c>
      <c r="T38" s="25">
        <v>330495</v>
      </c>
      <c r="U38" s="25">
        <v>516150</v>
      </c>
      <c r="V38" s="25">
        <v>176250</v>
      </c>
      <c r="W38" s="28">
        <v>1030545</v>
      </c>
      <c r="X38" s="29">
        <v>1030545</v>
      </c>
      <c r="Y38" s="24">
        <v>0</v>
      </c>
      <c r="Z38" s="25">
        <v>0</v>
      </c>
      <c r="AA38" s="26">
        <v>0</v>
      </c>
      <c r="AB38" s="404">
        <v>0</v>
      </c>
      <c r="AC38" s="25">
        <v>65700</v>
      </c>
      <c r="AD38" s="25">
        <v>333465</v>
      </c>
      <c r="AE38" s="25">
        <v>239945</v>
      </c>
      <c r="AF38" s="25">
        <v>167185</v>
      </c>
      <c r="AG38" s="25">
        <v>2550</v>
      </c>
      <c r="AH38" s="28">
        <v>808845</v>
      </c>
      <c r="AI38" s="29">
        <v>808845</v>
      </c>
      <c r="AJ38" s="24">
        <v>0</v>
      </c>
      <c r="AK38" s="25">
        <v>0</v>
      </c>
      <c r="AL38" s="26">
        <v>0</v>
      </c>
      <c r="AM38" s="404">
        <v>0</v>
      </c>
      <c r="AN38" s="25">
        <v>0</v>
      </c>
      <c r="AO38" s="25">
        <v>0</v>
      </c>
      <c r="AP38" s="25">
        <v>0</v>
      </c>
      <c r="AQ38" s="25">
        <v>0</v>
      </c>
      <c r="AR38" s="25">
        <v>0</v>
      </c>
      <c r="AS38" s="28">
        <v>0</v>
      </c>
      <c r="AT38" s="29">
        <v>0</v>
      </c>
      <c r="AU38" s="24">
        <v>0</v>
      </c>
      <c r="AV38" s="25">
        <v>0</v>
      </c>
      <c r="AW38" s="26">
        <v>0</v>
      </c>
      <c r="AX38" s="404">
        <v>0</v>
      </c>
      <c r="AY38" s="25">
        <v>0</v>
      </c>
      <c r="AZ38" s="25">
        <v>63300</v>
      </c>
      <c r="BA38" s="25">
        <v>68700</v>
      </c>
      <c r="BB38" s="25">
        <v>68700</v>
      </c>
      <c r="BC38" s="25">
        <v>68700</v>
      </c>
      <c r="BD38" s="28">
        <v>269400</v>
      </c>
      <c r="BE38" s="29">
        <v>269400</v>
      </c>
      <c r="BF38" s="24">
        <v>0</v>
      </c>
      <c r="BG38" s="25">
        <v>0</v>
      </c>
      <c r="BH38" s="26">
        <v>0</v>
      </c>
      <c r="BI38" s="404">
        <v>0</v>
      </c>
      <c r="BJ38" s="25">
        <v>0</v>
      </c>
      <c r="BK38" s="25">
        <v>0</v>
      </c>
      <c r="BL38" s="25">
        <v>0</v>
      </c>
      <c r="BM38" s="25">
        <v>0</v>
      </c>
      <c r="BN38" s="25">
        <v>0</v>
      </c>
      <c r="BO38" s="28">
        <v>0</v>
      </c>
      <c r="BP38" s="29">
        <v>0</v>
      </c>
      <c r="BQ38" s="24">
        <v>1885</v>
      </c>
      <c r="BR38" s="25">
        <v>0</v>
      </c>
      <c r="BS38" s="26">
        <v>1885</v>
      </c>
      <c r="BT38" s="27">
        <v>0</v>
      </c>
      <c r="BU38" s="25">
        <v>13829</v>
      </c>
      <c r="BV38" s="25">
        <v>290</v>
      </c>
      <c r="BW38" s="25">
        <v>28181</v>
      </c>
      <c r="BX38" s="25">
        <v>66858</v>
      </c>
      <c r="BY38" s="25">
        <v>20523</v>
      </c>
      <c r="BZ38" s="28">
        <v>129681</v>
      </c>
      <c r="CA38" s="29">
        <v>131566</v>
      </c>
      <c r="CB38" s="24">
        <v>0</v>
      </c>
      <c r="CC38" s="25">
        <v>0</v>
      </c>
      <c r="CD38" s="26">
        <v>0</v>
      </c>
      <c r="CE38" s="27">
        <v>0</v>
      </c>
      <c r="CF38" s="25">
        <v>5195</v>
      </c>
      <c r="CG38" s="25">
        <v>0</v>
      </c>
      <c r="CH38" s="25">
        <v>1190</v>
      </c>
      <c r="CI38" s="25">
        <v>0</v>
      </c>
      <c r="CJ38" s="25">
        <v>725</v>
      </c>
      <c r="CK38" s="28">
        <v>7110</v>
      </c>
      <c r="CL38" s="29">
        <v>7110</v>
      </c>
      <c r="CM38" s="24">
        <v>0</v>
      </c>
      <c r="CN38" s="25">
        <v>0</v>
      </c>
      <c r="CO38" s="26">
        <v>0</v>
      </c>
      <c r="CP38" s="27">
        <v>0</v>
      </c>
      <c r="CQ38" s="25">
        <v>0</v>
      </c>
      <c r="CR38" s="25">
        <v>0</v>
      </c>
      <c r="CS38" s="25">
        <v>0</v>
      </c>
      <c r="CT38" s="25">
        <v>0</v>
      </c>
      <c r="CU38" s="25">
        <v>0</v>
      </c>
      <c r="CV38" s="28">
        <v>0</v>
      </c>
      <c r="CW38" s="29">
        <v>0</v>
      </c>
      <c r="CX38" s="24">
        <v>0</v>
      </c>
      <c r="CY38" s="25">
        <v>0</v>
      </c>
      <c r="CZ38" s="26">
        <v>0</v>
      </c>
      <c r="DA38" s="404">
        <v>0</v>
      </c>
      <c r="DB38" s="25">
        <v>0</v>
      </c>
      <c r="DC38" s="25">
        <v>0</v>
      </c>
      <c r="DD38" s="25">
        <v>0</v>
      </c>
      <c r="DE38" s="25">
        <v>0</v>
      </c>
      <c r="DF38" s="25">
        <v>0</v>
      </c>
      <c r="DG38" s="28">
        <v>0</v>
      </c>
      <c r="DH38" s="29">
        <v>0</v>
      </c>
      <c r="DI38" s="24">
        <v>1455</v>
      </c>
      <c r="DJ38" s="25">
        <v>0</v>
      </c>
      <c r="DK38" s="26">
        <v>1455</v>
      </c>
      <c r="DL38" s="27">
        <v>0</v>
      </c>
      <c r="DM38" s="25">
        <v>51585</v>
      </c>
      <c r="DN38" s="25">
        <v>57582</v>
      </c>
      <c r="DO38" s="25">
        <v>384968</v>
      </c>
      <c r="DP38" s="25">
        <v>665818</v>
      </c>
      <c r="DQ38" s="25">
        <v>255977</v>
      </c>
      <c r="DR38" s="28">
        <v>1415930</v>
      </c>
      <c r="DS38" s="30">
        <v>1417385</v>
      </c>
      <c r="DT38" s="24">
        <v>0</v>
      </c>
      <c r="DU38" s="25">
        <v>0</v>
      </c>
      <c r="DV38" s="26">
        <v>0</v>
      </c>
      <c r="DW38" s="404">
        <v>0</v>
      </c>
      <c r="DX38" s="25">
        <v>14550</v>
      </c>
      <c r="DY38" s="25">
        <v>41760</v>
      </c>
      <c r="DZ38" s="25">
        <v>309360</v>
      </c>
      <c r="EA38" s="25">
        <v>536580</v>
      </c>
      <c r="EB38" s="25">
        <v>211170</v>
      </c>
      <c r="EC38" s="28">
        <v>1113420</v>
      </c>
      <c r="ED38" s="29">
        <v>1113420</v>
      </c>
      <c r="EE38" s="24">
        <v>0</v>
      </c>
      <c r="EF38" s="25">
        <v>0</v>
      </c>
      <c r="EG38" s="26">
        <v>0</v>
      </c>
      <c r="EH38" s="404">
        <v>0</v>
      </c>
      <c r="EI38" s="25">
        <v>21270</v>
      </c>
      <c r="EJ38" s="25">
        <v>12977</v>
      </c>
      <c r="EK38" s="25">
        <v>18133</v>
      </c>
      <c r="EL38" s="25">
        <v>1701</v>
      </c>
      <c r="EM38" s="25">
        <v>210</v>
      </c>
      <c r="EN38" s="28">
        <v>54291</v>
      </c>
      <c r="EO38" s="29">
        <v>54291</v>
      </c>
      <c r="EP38" s="24">
        <v>0</v>
      </c>
      <c r="EQ38" s="25">
        <v>0</v>
      </c>
      <c r="ER38" s="26">
        <v>0</v>
      </c>
      <c r="ES38" s="404">
        <v>0</v>
      </c>
      <c r="ET38" s="25">
        <v>0</v>
      </c>
      <c r="EU38" s="25">
        <v>0</v>
      </c>
      <c r="EV38" s="25">
        <v>0</v>
      </c>
      <c r="EW38" s="25">
        <v>0</v>
      </c>
      <c r="EX38" s="25">
        <v>0</v>
      </c>
      <c r="EY38" s="28">
        <v>0</v>
      </c>
      <c r="EZ38" s="29">
        <v>0</v>
      </c>
      <c r="FA38" s="24">
        <v>0</v>
      </c>
      <c r="FB38" s="25">
        <v>0</v>
      </c>
      <c r="FC38" s="26">
        <v>0</v>
      </c>
      <c r="FD38" s="404">
        <v>0</v>
      </c>
      <c r="FE38" s="25">
        <v>0</v>
      </c>
      <c r="FF38" s="25">
        <v>420</v>
      </c>
      <c r="FG38" s="25">
        <v>26220</v>
      </c>
      <c r="FH38" s="25">
        <v>26220</v>
      </c>
      <c r="FI38" s="25">
        <v>26220</v>
      </c>
      <c r="FJ38" s="28">
        <v>79080</v>
      </c>
      <c r="FK38" s="29">
        <v>79080</v>
      </c>
      <c r="FL38" s="24">
        <v>0</v>
      </c>
      <c r="FM38" s="25">
        <v>0</v>
      </c>
      <c r="FN38" s="26">
        <v>0</v>
      </c>
      <c r="FO38" s="404">
        <v>0</v>
      </c>
      <c r="FP38" s="25">
        <v>0</v>
      </c>
      <c r="FQ38" s="25">
        <v>0</v>
      </c>
      <c r="FR38" s="25">
        <v>0</v>
      </c>
      <c r="FS38" s="25">
        <v>0</v>
      </c>
      <c r="FT38" s="25">
        <v>0</v>
      </c>
      <c r="FU38" s="28">
        <v>0</v>
      </c>
      <c r="FV38" s="29">
        <v>0</v>
      </c>
      <c r="FW38" s="24">
        <v>1455</v>
      </c>
      <c r="FX38" s="25">
        <v>0</v>
      </c>
      <c r="FY38" s="26">
        <v>1455</v>
      </c>
      <c r="FZ38" s="27">
        <v>0</v>
      </c>
      <c r="GA38" s="25">
        <v>13580</v>
      </c>
      <c r="GB38" s="25">
        <v>2425</v>
      </c>
      <c r="GC38" s="25">
        <v>31227</v>
      </c>
      <c r="GD38" s="25">
        <v>101317</v>
      </c>
      <c r="GE38" s="25">
        <v>18300</v>
      </c>
      <c r="GF38" s="28">
        <v>166849</v>
      </c>
      <c r="GG38" s="29">
        <v>168304</v>
      </c>
      <c r="GH38" s="24">
        <v>0</v>
      </c>
      <c r="GI38" s="25">
        <v>0</v>
      </c>
      <c r="GJ38" s="26">
        <v>0</v>
      </c>
      <c r="GK38" s="27">
        <v>0</v>
      </c>
      <c r="GL38" s="25">
        <v>2185</v>
      </c>
      <c r="GM38" s="25">
        <v>0</v>
      </c>
      <c r="GN38" s="25">
        <v>28</v>
      </c>
      <c r="GO38" s="25">
        <v>0</v>
      </c>
      <c r="GP38" s="25">
        <v>77</v>
      </c>
      <c r="GQ38" s="28">
        <v>2290</v>
      </c>
      <c r="GR38" s="29">
        <v>2290</v>
      </c>
      <c r="GS38" s="24">
        <v>0</v>
      </c>
      <c r="GT38" s="25">
        <v>0</v>
      </c>
      <c r="GU38" s="26">
        <v>0</v>
      </c>
      <c r="GV38" s="27">
        <v>0</v>
      </c>
      <c r="GW38" s="25">
        <v>0</v>
      </c>
      <c r="GX38" s="25">
        <v>0</v>
      </c>
      <c r="GY38" s="25">
        <v>0</v>
      </c>
      <c r="GZ38" s="25">
        <v>0</v>
      </c>
      <c r="HA38" s="25">
        <v>0</v>
      </c>
      <c r="HB38" s="28">
        <v>0</v>
      </c>
      <c r="HC38" s="29">
        <v>0</v>
      </c>
      <c r="HD38" s="24">
        <v>0</v>
      </c>
      <c r="HE38" s="25">
        <v>0</v>
      </c>
      <c r="HF38" s="26">
        <v>0</v>
      </c>
      <c r="HG38" s="404">
        <v>0</v>
      </c>
      <c r="HH38" s="25">
        <v>0</v>
      </c>
      <c r="HI38" s="25">
        <v>0</v>
      </c>
      <c r="HJ38" s="25">
        <v>0</v>
      </c>
      <c r="HK38" s="25">
        <v>0</v>
      </c>
      <c r="HL38" s="25">
        <v>0</v>
      </c>
      <c r="HM38" s="28">
        <v>0</v>
      </c>
      <c r="HN38" s="29">
        <v>0</v>
      </c>
      <c r="HO38" s="24">
        <v>3340</v>
      </c>
      <c r="HP38" s="25">
        <v>0</v>
      </c>
      <c r="HQ38" s="26">
        <v>3340</v>
      </c>
      <c r="HR38" s="27">
        <v>0</v>
      </c>
      <c r="HS38" s="25">
        <v>138859</v>
      </c>
      <c r="HT38" s="25">
        <v>459737</v>
      </c>
      <c r="HU38" s="25">
        <v>1053479</v>
      </c>
      <c r="HV38" s="25">
        <v>1484711</v>
      </c>
      <c r="HW38" s="25">
        <v>524725</v>
      </c>
      <c r="HX38" s="28">
        <v>3661511</v>
      </c>
      <c r="HY38" s="29">
        <v>3664851</v>
      </c>
    </row>
    <row r="39" spans="2:233" ht="21" customHeight="1" x14ac:dyDescent="0.2">
      <c r="B39" s="106" t="s">
        <v>36</v>
      </c>
      <c r="C39" s="24">
        <v>0</v>
      </c>
      <c r="D39" s="25">
        <v>0</v>
      </c>
      <c r="E39" s="26">
        <v>0</v>
      </c>
      <c r="F39" s="27">
        <v>0</v>
      </c>
      <c r="G39" s="25">
        <v>62750</v>
      </c>
      <c r="H39" s="25">
        <v>232134</v>
      </c>
      <c r="I39" s="25">
        <v>617067</v>
      </c>
      <c r="J39" s="25">
        <v>1469027</v>
      </c>
      <c r="K39" s="25">
        <v>473940</v>
      </c>
      <c r="L39" s="28">
        <v>2854918</v>
      </c>
      <c r="M39" s="29">
        <v>2854918</v>
      </c>
      <c r="N39" s="24">
        <v>0</v>
      </c>
      <c r="O39" s="25">
        <v>0</v>
      </c>
      <c r="P39" s="26">
        <v>0</v>
      </c>
      <c r="Q39" s="404">
        <v>0</v>
      </c>
      <c r="R39" s="25">
        <v>0</v>
      </c>
      <c r="S39" s="25">
        <v>68550</v>
      </c>
      <c r="T39" s="25">
        <v>421980</v>
      </c>
      <c r="U39" s="25">
        <v>1032864</v>
      </c>
      <c r="V39" s="25">
        <v>331775</v>
      </c>
      <c r="W39" s="28">
        <v>1855169</v>
      </c>
      <c r="X39" s="29">
        <v>1855169</v>
      </c>
      <c r="Y39" s="24">
        <v>0</v>
      </c>
      <c r="Z39" s="25">
        <v>0</v>
      </c>
      <c r="AA39" s="26">
        <v>0</v>
      </c>
      <c r="AB39" s="404">
        <v>0</v>
      </c>
      <c r="AC39" s="25">
        <v>46950</v>
      </c>
      <c r="AD39" s="25">
        <v>121050</v>
      </c>
      <c r="AE39" s="25">
        <v>186892</v>
      </c>
      <c r="AF39" s="25">
        <v>314445</v>
      </c>
      <c r="AG39" s="25">
        <v>74860</v>
      </c>
      <c r="AH39" s="28">
        <v>744197</v>
      </c>
      <c r="AI39" s="29">
        <v>744197</v>
      </c>
      <c r="AJ39" s="24">
        <v>0</v>
      </c>
      <c r="AK39" s="25">
        <v>0</v>
      </c>
      <c r="AL39" s="26">
        <v>0</v>
      </c>
      <c r="AM39" s="404">
        <v>0</v>
      </c>
      <c r="AN39" s="25">
        <v>0</v>
      </c>
      <c r="AO39" s="25">
        <v>0</v>
      </c>
      <c r="AP39" s="25">
        <v>0</v>
      </c>
      <c r="AQ39" s="25">
        <v>0</v>
      </c>
      <c r="AR39" s="25">
        <v>0</v>
      </c>
      <c r="AS39" s="28">
        <v>0</v>
      </c>
      <c r="AT39" s="29">
        <v>0</v>
      </c>
      <c r="AU39" s="24">
        <v>0</v>
      </c>
      <c r="AV39" s="25">
        <v>0</v>
      </c>
      <c r="AW39" s="26">
        <v>0</v>
      </c>
      <c r="AX39" s="404">
        <v>0</v>
      </c>
      <c r="AY39" s="25">
        <v>0</v>
      </c>
      <c r="AZ39" s="25">
        <v>0</v>
      </c>
      <c r="BA39" s="25">
        <v>0</v>
      </c>
      <c r="BB39" s="25">
        <v>92400</v>
      </c>
      <c r="BC39" s="25">
        <v>10200</v>
      </c>
      <c r="BD39" s="28">
        <v>102600</v>
      </c>
      <c r="BE39" s="29">
        <v>102600</v>
      </c>
      <c r="BF39" s="24">
        <v>0</v>
      </c>
      <c r="BG39" s="25">
        <v>0</v>
      </c>
      <c r="BH39" s="26">
        <v>0</v>
      </c>
      <c r="BI39" s="404">
        <v>0</v>
      </c>
      <c r="BJ39" s="25">
        <v>0</v>
      </c>
      <c r="BK39" s="25">
        <v>0</v>
      </c>
      <c r="BL39" s="25">
        <v>0</v>
      </c>
      <c r="BM39" s="25">
        <v>0</v>
      </c>
      <c r="BN39" s="25">
        <v>0</v>
      </c>
      <c r="BO39" s="28">
        <v>0</v>
      </c>
      <c r="BP39" s="29">
        <v>0</v>
      </c>
      <c r="BQ39" s="24">
        <v>0</v>
      </c>
      <c r="BR39" s="25">
        <v>0</v>
      </c>
      <c r="BS39" s="26">
        <v>0</v>
      </c>
      <c r="BT39" s="27">
        <v>0</v>
      </c>
      <c r="BU39" s="25">
        <v>10865</v>
      </c>
      <c r="BV39" s="25">
        <v>42534</v>
      </c>
      <c r="BW39" s="25">
        <v>8195</v>
      </c>
      <c r="BX39" s="25">
        <v>28303</v>
      </c>
      <c r="BY39" s="25">
        <v>57105</v>
      </c>
      <c r="BZ39" s="28">
        <v>147002</v>
      </c>
      <c r="CA39" s="29">
        <v>147002</v>
      </c>
      <c r="CB39" s="24">
        <v>0</v>
      </c>
      <c r="CC39" s="25">
        <v>0</v>
      </c>
      <c r="CD39" s="26">
        <v>0</v>
      </c>
      <c r="CE39" s="27">
        <v>0</v>
      </c>
      <c r="CF39" s="25">
        <v>4935</v>
      </c>
      <c r="CG39" s="25">
        <v>0</v>
      </c>
      <c r="CH39" s="25">
        <v>0</v>
      </c>
      <c r="CI39" s="25">
        <v>1015</v>
      </c>
      <c r="CJ39" s="25">
        <v>0</v>
      </c>
      <c r="CK39" s="28">
        <v>5950</v>
      </c>
      <c r="CL39" s="29">
        <v>5950</v>
      </c>
      <c r="CM39" s="24">
        <v>0</v>
      </c>
      <c r="CN39" s="25">
        <v>0</v>
      </c>
      <c r="CO39" s="26">
        <v>0</v>
      </c>
      <c r="CP39" s="27">
        <v>0</v>
      </c>
      <c r="CQ39" s="25">
        <v>0</v>
      </c>
      <c r="CR39" s="25">
        <v>0</v>
      </c>
      <c r="CS39" s="25">
        <v>0</v>
      </c>
      <c r="CT39" s="25">
        <v>0</v>
      </c>
      <c r="CU39" s="25">
        <v>0</v>
      </c>
      <c r="CV39" s="28">
        <v>0</v>
      </c>
      <c r="CW39" s="29">
        <v>0</v>
      </c>
      <c r="CX39" s="24">
        <v>0</v>
      </c>
      <c r="CY39" s="25">
        <v>0</v>
      </c>
      <c r="CZ39" s="26">
        <v>0</v>
      </c>
      <c r="DA39" s="404">
        <v>0</v>
      </c>
      <c r="DB39" s="25">
        <v>0</v>
      </c>
      <c r="DC39" s="25">
        <v>0</v>
      </c>
      <c r="DD39" s="25">
        <v>0</v>
      </c>
      <c r="DE39" s="25">
        <v>0</v>
      </c>
      <c r="DF39" s="25">
        <v>0</v>
      </c>
      <c r="DG39" s="28">
        <v>0</v>
      </c>
      <c r="DH39" s="29">
        <v>0</v>
      </c>
      <c r="DI39" s="24">
        <v>0</v>
      </c>
      <c r="DJ39" s="25">
        <v>0</v>
      </c>
      <c r="DK39" s="26">
        <v>0</v>
      </c>
      <c r="DL39" s="27">
        <v>0</v>
      </c>
      <c r="DM39" s="25">
        <v>10669</v>
      </c>
      <c r="DN39" s="25">
        <v>98271</v>
      </c>
      <c r="DO39" s="25">
        <v>634758</v>
      </c>
      <c r="DP39" s="25">
        <v>1064772</v>
      </c>
      <c r="DQ39" s="25">
        <v>552512</v>
      </c>
      <c r="DR39" s="28">
        <v>2360982</v>
      </c>
      <c r="DS39" s="30">
        <v>2360982</v>
      </c>
      <c r="DT39" s="24">
        <v>0</v>
      </c>
      <c r="DU39" s="25">
        <v>0</v>
      </c>
      <c r="DV39" s="26">
        <v>0</v>
      </c>
      <c r="DW39" s="404">
        <v>0</v>
      </c>
      <c r="DX39" s="25">
        <v>0</v>
      </c>
      <c r="DY39" s="25">
        <v>62880</v>
      </c>
      <c r="DZ39" s="25">
        <v>624329</v>
      </c>
      <c r="EA39" s="25">
        <v>937316</v>
      </c>
      <c r="EB39" s="25">
        <v>497364</v>
      </c>
      <c r="EC39" s="28">
        <v>2121889</v>
      </c>
      <c r="ED39" s="29">
        <v>2121889</v>
      </c>
      <c r="EE39" s="24">
        <v>0</v>
      </c>
      <c r="EF39" s="25">
        <v>0</v>
      </c>
      <c r="EG39" s="26">
        <v>0</v>
      </c>
      <c r="EH39" s="404">
        <v>0</v>
      </c>
      <c r="EI39" s="25">
        <v>1477</v>
      </c>
      <c r="EJ39" s="25">
        <v>2310</v>
      </c>
      <c r="EK39" s="25">
        <v>2310</v>
      </c>
      <c r="EL39" s="25">
        <v>49832</v>
      </c>
      <c r="EM39" s="25">
        <v>1379</v>
      </c>
      <c r="EN39" s="28">
        <v>57308</v>
      </c>
      <c r="EO39" s="29">
        <v>57308</v>
      </c>
      <c r="EP39" s="24">
        <v>0</v>
      </c>
      <c r="EQ39" s="25">
        <v>0</v>
      </c>
      <c r="ER39" s="26">
        <v>0</v>
      </c>
      <c r="ES39" s="404">
        <v>0</v>
      </c>
      <c r="ET39" s="25">
        <v>0</v>
      </c>
      <c r="EU39" s="25">
        <v>0</v>
      </c>
      <c r="EV39" s="25">
        <v>0</v>
      </c>
      <c r="EW39" s="25">
        <v>0</v>
      </c>
      <c r="EX39" s="25">
        <v>0</v>
      </c>
      <c r="EY39" s="28">
        <v>0</v>
      </c>
      <c r="EZ39" s="29">
        <v>0</v>
      </c>
      <c r="FA39" s="24">
        <v>0</v>
      </c>
      <c r="FB39" s="25">
        <v>0</v>
      </c>
      <c r="FC39" s="26">
        <v>0</v>
      </c>
      <c r="FD39" s="404">
        <v>0</v>
      </c>
      <c r="FE39" s="25">
        <v>0</v>
      </c>
      <c r="FF39" s="25">
        <v>0</v>
      </c>
      <c r="FG39" s="25">
        <v>0</v>
      </c>
      <c r="FH39" s="25">
        <v>13740</v>
      </c>
      <c r="FI39" s="25">
        <v>840</v>
      </c>
      <c r="FJ39" s="28">
        <v>14580</v>
      </c>
      <c r="FK39" s="29">
        <v>14580</v>
      </c>
      <c r="FL39" s="24">
        <v>0</v>
      </c>
      <c r="FM39" s="25">
        <v>0</v>
      </c>
      <c r="FN39" s="26">
        <v>0</v>
      </c>
      <c r="FO39" s="404">
        <v>0</v>
      </c>
      <c r="FP39" s="25">
        <v>0</v>
      </c>
      <c r="FQ39" s="25">
        <v>0</v>
      </c>
      <c r="FR39" s="25">
        <v>0</v>
      </c>
      <c r="FS39" s="25">
        <v>0</v>
      </c>
      <c r="FT39" s="25">
        <v>0</v>
      </c>
      <c r="FU39" s="28">
        <v>0</v>
      </c>
      <c r="FV39" s="29">
        <v>0</v>
      </c>
      <c r="FW39" s="24">
        <v>0</v>
      </c>
      <c r="FX39" s="25">
        <v>0</v>
      </c>
      <c r="FY39" s="26">
        <v>0</v>
      </c>
      <c r="FZ39" s="27">
        <v>0</v>
      </c>
      <c r="GA39" s="25">
        <v>9150</v>
      </c>
      <c r="GB39" s="25">
        <v>33081</v>
      </c>
      <c r="GC39" s="25">
        <v>8119</v>
      </c>
      <c r="GD39" s="25">
        <v>63835</v>
      </c>
      <c r="GE39" s="25">
        <v>52929</v>
      </c>
      <c r="GF39" s="28">
        <v>167114</v>
      </c>
      <c r="GG39" s="29">
        <v>167114</v>
      </c>
      <c r="GH39" s="24">
        <v>0</v>
      </c>
      <c r="GI39" s="25">
        <v>0</v>
      </c>
      <c r="GJ39" s="26">
        <v>0</v>
      </c>
      <c r="GK39" s="27">
        <v>0</v>
      </c>
      <c r="GL39" s="25">
        <v>42</v>
      </c>
      <c r="GM39" s="25">
        <v>0</v>
      </c>
      <c r="GN39" s="25">
        <v>0</v>
      </c>
      <c r="GO39" s="25">
        <v>49</v>
      </c>
      <c r="GP39" s="25">
        <v>0</v>
      </c>
      <c r="GQ39" s="28">
        <v>91</v>
      </c>
      <c r="GR39" s="29">
        <v>91</v>
      </c>
      <c r="GS39" s="24">
        <v>0</v>
      </c>
      <c r="GT39" s="25">
        <v>0</v>
      </c>
      <c r="GU39" s="26">
        <v>0</v>
      </c>
      <c r="GV39" s="27">
        <v>0</v>
      </c>
      <c r="GW39" s="25">
        <v>0</v>
      </c>
      <c r="GX39" s="25">
        <v>0</v>
      </c>
      <c r="GY39" s="25">
        <v>0</v>
      </c>
      <c r="GZ39" s="25">
        <v>0</v>
      </c>
      <c r="HA39" s="25">
        <v>0</v>
      </c>
      <c r="HB39" s="28">
        <v>0</v>
      </c>
      <c r="HC39" s="29">
        <v>0</v>
      </c>
      <c r="HD39" s="24">
        <v>0</v>
      </c>
      <c r="HE39" s="25">
        <v>0</v>
      </c>
      <c r="HF39" s="26">
        <v>0</v>
      </c>
      <c r="HG39" s="404">
        <v>0</v>
      </c>
      <c r="HH39" s="25">
        <v>0</v>
      </c>
      <c r="HI39" s="25">
        <v>0</v>
      </c>
      <c r="HJ39" s="25">
        <v>0</v>
      </c>
      <c r="HK39" s="25">
        <v>0</v>
      </c>
      <c r="HL39" s="25">
        <v>0</v>
      </c>
      <c r="HM39" s="28">
        <v>0</v>
      </c>
      <c r="HN39" s="29">
        <v>0</v>
      </c>
      <c r="HO39" s="24">
        <v>0</v>
      </c>
      <c r="HP39" s="25">
        <v>0</v>
      </c>
      <c r="HQ39" s="26">
        <v>0</v>
      </c>
      <c r="HR39" s="27">
        <v>0</v>
      </c>
      <c r="HS39" s="25">
        <v>73419</v>
      </c>
      <c r="HT39" s="25">
        <v>330405</v>
      </c>
      <c r="HU39" s="25">
        <v>1251825</v>
      </c>
      <c r="HV39" s="25">
        <v>2533799</v>
      </c>
      <c r="HW39" s="25">
        <v>1026452</v>
      </c>
      <c r="HX39" s="28">
        <v>5215900</v>
      </c>
      <c r="HY39" s="29">
        <v>5215900</v>
      </c>
    </row>
    <row r="40" spans="2:233" ht="21" customHeight="1" thickBot="1" x14ac:dyDescent="0.25">
      <c r="B40" s="108" t="s">
        <v>37</v>
      </c>
      <c r="C40" s="31">
        <v>0</v>
      </c>
      <c r="D40" s="32">
        <v>0</v>
      </c>
      <c r="E40" s="33">
        <v>0</v>
      </c>
      <c r="F40" s="34">
        <v>0</v>
      </c>
      <c r="G40" s="32">
        <v>0</v>
      </c>
      <c r="H40" s="32">
        <v>2550</v>
      </c>
      <c r="I40" s="32">
        <v>121375</v>
      </c>
      <c r="J40" s="32">
        <v>66135</v>
      </c>
      <c r="K40" s="32">
        <v>123900</v>
      </c>
      <c r="L40" s="35">
        <v>313960</v>
      </c>
      <c r="M40" s="36">
        <v>313960</v>
      </c>
      <c r="N40" s="31">
        <v>0</v>
      </c>
      <c r="O40" s="32">
        <v>0</v>
      </c>
      <c r="P40" s="33">
        <v>0</v>
      </c>
      <c r="Q40" s="405">
        <v>0</v>
      </c>
      <c r="R40" s="32">
        <v>0</v>
      </c>
      <c r="S40" s="32">
        <v>0</v>
      </c>
      <c r="T40" s="32">
        <v>34200</v>
      </c>
      <c r="U40" s="32">
        <v>63150</v>
      </c>
      <c r="V40" s="32">
        <v>68400</v>
      </c>
      <c r="W40" s="35">
        <v>165750</v>
      </c>
      <c r="X40" s="36">
        <v>165750</v>
      </c>
      <c r="Y40" s="31">
        <v>0</v>
      </c>
      <c r="Z40" s="32">
        <v>0</v>
      </c>
      <c r="AA40" s="33">
        <v>0</v>
      </c>
      <c r="AB40" s="405">
        <v>0</v>
      </c>
      <c r="AC40" s="32">
        <v>0</v>
      </c>
      <c r="AD40" s="32">
        <v>2550</v>
      </c>
      <c r="AE40" s="32">
        <v>86350</v>
      </c>
      <c r="AF40" s="32">
        <v>2550</v>
      </c>
      <c r="AG40" s="32">
        <v>55500</v>
      </c>
      <c r="AH40" s="35">
        <v>146950</v>
      </c>
      <c r="AI40" s="36">
        <v>146950</v>
      </c>
      <c r="AJ40" s="31">
        <v>0</v>
      </c>
      <c r="AK40" s="32">
        <v>0</v>
      </c>
      <c r="AL40" s="33">
        <v>0</v>
      </c>
      <c r="AM40" s="405">
        <v>0</v>
      </c>
      <c r="AN40" s="32">
        <v>0</v>
      </c>
      <c r="AO40" s="32">
        <v>0</v>
      </c>
      <c r="AP40" s="32">
        <v>0</v>
      </c>
      <c r="AQ40" s="32">
        <v>0</v>
      </c>
      <c r="AR40" s="32">
        <v>0</v>
      </c>
      <c r="AS40" s="35">
        <v>0</v>
      </c>
      <c r="AT40" s="36">
        <v>0</v>
      </c>
      <c r="AU40" s="31">
        <v>0</v>
      </c>
      <c r="AV40" s="32">
        <v>0</v>
      </c>
      <c r="AW40" s="33">
        <v>0</v>
      </c>
      <c r="AX40" s="405">
        <v>0</v>
      </c>
      <c r="AY40" s="32">
        <v>0</v>
      </c>
      <c r="AZ40" s="32">
        <v>0</v>
      </c>
      <c r="BA40" s="32">
        <v>0</v>
      </c>
      <c r="BB40" s="32">
        <v>0</v>
      </c>
      <c r="BC40" s="32">
        <v>0</v>
      </c>
      <c r="BD40" s="35">
        <v>0</v>
      </c>
      <c r="BE40" s="36">
        <v>0</v>
      </c>
      <c r="BF40" s="31">
        <v>0</v>
      </c>
      <c r="BG40" s="32">
        <v>0</v>
      </c>
      <c r="BH40" s="33">
        <v>0</v>
      </c>
      <c r="BI40" s="405">
        <v>0</v>
      </c>
      <c r="BJ40" s="32">
        <v>0</v>
      </c>
      <c r="BK40" s="32">
        <v>0</v>
      </c>
      <c r="BL40" s="32">
        <v>0</v>
      </c>
      <c r="BM40" s="32">
        <v>0</v>
      </c>
      <c r="BN40" s="32">
        <v>0</v>
      </c>
      <c r="BO40" s="35">
        <v>0</v>
      </c>
      <c r="BP40" s="36">
        <v>0</v>
      </c>
      <c r="BQ40" s="31">
        <v>0</v>
      </c>
      <c r="BR40" s="32">
        <v>0</v>
      </c>
      <c r="BS40" s="33">
        <v>0</v>
      </c>
      <c r="BT40" s="34">
        <v>0</v>
      </c>
      <c r="BU40" s="32">
        <v>0</v>
      </c>
      <c r="BV40" s="32">
        <v>0</v>
      </c>
      <c r="BW40" s="32">
        <v>825</v>
      </c>
      <c r="BX40" s="32">
        <v>435</v>
      </c>
      <c r="BY40" s="32">
        <v>0</v>
      </c>
      <c r="BZ40" s="35">
        <v>1260</v>
      </c>
      <c r="CA40" s="36">
        <v>1260</v>
      </c>
      <c r="CB40" s="31">
        <v>0</v>
      </c>
      <c r="CC40" s="32">
        <v>0</v>
      </c>
      <c r="CD40" s="33">
        <v>0</v>
      </c>
      <c r="CE40" s="34">
        <v>0</v>
      </c>
      <c r="CF40" s="32">
        <v>0</v>
      </c>
      <c r="CG40" s="32">
        <v>0</v>
      </c>
      <c r="CH40" s="32">
        <v>0</v>
      </c>
      <c r="CI40" s="32">
        <v>0</v>
      </c>
      <c r="CJ40" s="32">
        <v>0</v>
      </c>
      <c r="CK40" s="35">
        <v>0</v>
      </c>
      <c r="CL40" s="36">
        <v>0</v>
      </c>
      <c r="CM40" s="31">
        <v>0</v>
      </c>
      <c r="CN40" s="32">
        <v>0</v>
      </c>
      <c r="CO40" s="33">
        <v>0</v>
      </c>
      <c r="CP40" s="34">
        <v>0</v>
      </c>
      <c r="CQ40" s="32">
        <v>0</v>
      </c>
      <c r="CR40" s="32">
        <v>0</v>
      </c>
      <c r="CS40" s="32">
        <v>0</v>
      </c>
      <c r="CT40" s="32">
        <v>0</v>
      </c>
      <c r="CU40" s="32">
        <v>0</v>
      </c>
      <c r="CV40" s="35">
        <v>0</v>
      </c>
      <c r="CW40" s="36">
        <v>0</v>
      </c>
      <c r="CX40" s="31">
        <v>0</v>
      </c>
      <c r="CY40" s="32">
        <v>0</v>
      </c>
      <c r="CZ40" s="33">
        <v>0</v>
      </c>
      <c r="DA40" s="405">
        <v>0</v>
      </c>
      <c r="DB40" s="32">
        <v>0</v>
      </c>
      <c r="DC40" s="32">
        <v>0</v>
      </c>
      <c r="DD40" s="32">
        <v>0</v>
      </c>
      <c r="DE40" s="32">
        <v>0</v>
      </c>
      <c r="DF40" s="32">
        <v>0</v>
      </c>
      <c r="DG40" s="35">
        <v>0</v>
      </c>
      <c r="DH40" s="36">
        <v>0</v>
      </c>
      <c r="DI40" s="31">
        <v>0</v>
      </c>
      <c r="DJ40" s="32">
        <v>0</v>
      </c>
      <c r="DK40" s="33">
        <v>0</v>
      </c>
      <c r="DL40" s="34">
        <v>0</v>
      </c>
      <c r="DM40" s="32">
        <v>0</v>
      </c>
      <c r="DN40" s="32">
        <v>210</v>
      </c>
      <c r="DO40" s="32">
        <v>48227</v>
      </c>
      <c r="DP40" s="32">
        <v>109075</v>
      </c>
      <c r="DQ40" s="32">
        <v>79650</v>
      </c>
      <c r="DR40" s="35">
        <v>237162</v>
      </c>
      <c r="DS40" s="37">
        <v>237162</v>
      </c>
      <c r="DT40" s="31">
        <v>0</v>
      </c>
      <c r="DU40" s="32">
        <v>0</v>
      </c>
      <c r="DV40" s="33">
        <v>0</v>
      </c>
      <c r="DW40" s="405">
        <v>0</v>
      </c>
      <c r="DX40" s="32">
        <v>0</v>
      </c>
      <c r="DY40" s="32">
        <v>0</v>
      </c>
      <c r="DZ40" s="32">
        <v>35430</v>
      </c>
      <c r="EA40" s="32">
        <v>106440</v>
      </c>
      <c r="EB40" s="32">
        <v>79230</v>
      </c>
      <c r="EC40" s="35">
        <v>221100</v>
      </c>
      <c r="ED40" s="36">
        <v>221100</v>
      </c>
      <c r="EE40" s="31">
        <v>0</v>
      </c>
      <c r="EF40" s="32">
        <v>0</v>
      </c>
      <c r="EG40" s="33">
        <v>0</v>
      </c>
      <c r="EH40" s="405">
        <v>0</v>
      </c>
      <c r="EI40" s="32">
        <v>0</v>
      </c>
      <c r="EJ40" s="32">
        <v>210</v>
      </c>
      <c r="EK40" s="32">
        <v>11342</v>
      </c>
      <c r="EL40" s="32">
        <v>210</v>
      </c>
      <c r="EM40" s="32">
        <v>420</v>
      </c>
      <c r="EN40" s="35">
        <v>12182</v>
      </c>
      <c r="EO40" s="36">
        <v>12182</v>
      </c>
      <c r="EP40" s="31">
        <v>0</v>
      </c>
      <c r="EQ40" s="32">
        <v>0</v>
      </c>
      <c r="ER40" s="33">
        <v>0</v>
      </c>
      <c r="ES40" s="405">
        <v>0</v>
      </c>
      <c r="ET40" s="32">
        <v>0</v>
      </c>
      <c r="EU40" s="32">
        <v>0</v>
      </c>
      <c r="EV40" s="32">
        <v>0</v>
      </c>
      <c r="EW40" s="32">
        <v>0</v>
      </c>
      <c r="EX40" s="32">
        <v>0</v>
      </c>
      <c r="EY40" s="35">
        <v>0</v>
      </c>
      <c r="EZ40" s="36">
        <v>0</v>
      </c>
      <c r="FA40" s="31">
        <v>0</v>
      </c>
      <c r="FB40" s="32">
        <v>0</v>
      </c>
      <c r="FC40" s="33">
        <v>0</v>
      </c>
      <c r="FD40" s="405">
        <v>0</v>
      </c>
      <c r="FE40" s="32">
        <v>0</v>
      </c>
      <c r="FF40" s="32">
        <v>0</v>
      </c>
      <c r="FG40" s="32">
        <v>0</v>
      </c>
      <c r="FH40" s="32">
        <v>0</v>
      </c>
      <c r="FI40" s="32">
        <v>0</v>
      </c>
      <c r="FJ40" s="35">
        <v>0</v>
      </c>
      <c r="FK40" s="36">
        <v>0</v>
      </c>
      <c r="FL40" s="31">
        <v>0</v>
      </c>
      <c r="FM40" s="32">
        <v>0</v>
      </c>
      <c r="FN40" s="33">
        <v>0</v>
      </c>
      <c r="FO40" s="405">
        <v>0</v>
      </c>
      <c r="FP40" s="32">
        <v>0</v>
      </c>
      <c r="FQ40" s="32">
        <v>0</v>
      </c>
      <c r="FR40" s="32">
        <v>0</v>
      </c>
      <c r="FS40" s="32">
        <v>0</v>
      </c>
      <c r="FT40" s="32">
        <v>0</v>
      </c>
      <c r="FU40" s="35">
        <v>0</v>
      </c>
      <c r="FV40" s="36">
        <v>0</v>
      </c>
      <c r="FW40" s="31">
        <v>0</v>
      </c>
      <c r="FX40" s="32">
        <v>0</v>
      </c>
      <c r="FY40" s="33">
        <v>0</v>
      </c>
      <c r="FZ40" s="34">
        <v>0</v>
      </c>
      <c r="GA40" s="32">
        <v>0</v>
      </c>
      <c r="GB40" s="32">
        <v>0</v>
      </c>
      <c r="GC40" s="32">
        <v>1455</v>
      </c>
      <c r="GD40" s="32">
        <v>2425</v>
      </c>
      <c r="GE40" s="32">
        <v>0</v>
      </c>
      <c r="GF40" s="35">
        <v>3880</v>
      </c>
      <c r="GG40" s="36">
        <v>3880</v>
      </c>
      <c r="GH40" s="31">
        <v>0</v>
      </c>
      <c r="GI40" s="32">
        <v>0</v>
      </c>
      <c r="GJ40" s="33">
        <v>0</v>
      </c>
      <c r="GK40" s="34">
        <v>0</v>
      </c>
      <c r="GL40" s="32">
        <v>0</v>
      </c>
      <c r="GM40" s="32">
        <v>0</v>
      </c>
      <c r="GN40" s="32">
        <v>0</v>
      </c>
      <c r="GO40" s="32">
        <v>0</v>
      </c>
      <c r="GP40" s="32">
        <v>0</v>
      </c>
      <c r="GQ40" s="35">
        <v>0</v>
      </c>
      <c r="GR40" s="36">
        <v>0</v>
      </c>
      <c r="GS40" s="31">
        <v>0</v>
      </c>
      <c r="GT40" s="32">
        <v>0</v>
      </c>
      <c r="GU40" s="33">
        <v>0</v>
      </c>
      <c r="GV40" s="34">
        <v>0</v>
      </c>
      <c r="GW40" s="32">
        <v>0</v>
      </c>
      <c r="GX40" s="32">
        <v>0</v>
      </c>
      <c r="GY40" s="32">
        <v>0</v>
      </c>
      <c r="GZ40" s="32">
        <v>0</v>
      </c>
      <c r="HA40" s="32">
        <v>0</v>
      </c>
      <c r="HB40" s="35">
        <v>0</v>
      </c>
      <c r="HC40" s="36">
        <v>0</v>
      </c>
      <c r="HD40" s="31">
        <v>0</v>
      </c>
      <c r="HE40" s="32">
        <v>0</v>
      </c>
      <c r="HF40" s="33">
        <v>0</v>
      </c>
      <c r="HG40" s="405">
        <v>0</v>
      </c>
      <c r="HH40" s="32">
        <v>0</v>
      </c>
      <c r="HI40" s="32">
        <v>0</v>
      </c>
      <c r="HJ40" s="32">
        <v>0</v>
      </c>
      <c r="HK40" s="32">
        <v>0</v>
      </c>
      <c r="HL40" s="32">
        <v>0</v>
      </c>
      <c r="HM40" s="35">
        <v>0</v>
      </c>
      <c r="HN40" s="36">
        <v>0</v>
      </c>
      <c r="HO40" s="31">
        <v>0</v>
      </c>
      <c r="HP40" s="32">
        <v>0</v>
      </c>
      <c r="HQ40" s="33">
        <v>0</v>
      </c>
      <c r="HR40" s="34">
        <v>0</v>
      </c>
      <c r="HS40" s="32">
        <v>0</v>
      </c>
      <c r="HT40" s="32">
        <v>2760</v>
      </c>
      <c r="HU40" s="32">
        <v>169602</v>
      </c>
      <c r="HV40" s="32">
        <v>175210</v>
      </c>
      <c r="HW40" s="32">
        <v>203550</v>
      </c>
      <c r="HX40" s="35">
        <v>551122</v>
      </c>
      <c r="HY40" s="36">
        <v>551122</v>
      </c>
    </row>
    <row r="41" spans="2:233" x14ac:dyDescent="0.2">
      <c r="B41" s="7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2">
        <f>第１表!F2</f>
        <v>6</v>
      </c>
      <c r="G1" s="442"/>
      <c r="H1" s="18">
        <f>第１表!G2</f>
        <v>11</v>
      </c>
      <c r="I1" s="424">
        <f>H1</f>
        <v>11</v>
      </c>
      <c r="J1" s="424"/>
    </row>
    <row r="2" spans="2:299" ht="24" customHeight="1" thickBot="1" x14ac:dyDescent="0.25">
      <c r="B2" s="10" t="s">
        <v>129</v>
      </c>
    </row>
    <row r="3" spans="2:299" ht="21" customHeight="1" thickBot="1" x14ac:dyDescent="0.25">
      <c r="B3" s="425" t="s">
        <v>38</v>
      </c>
      <c r="C3" s="437" t="s">
        <v>96</v>
      </c>
      <c r="D3" s="437"/>
      <c r="E3" s="437"/>
      <c r="F3" s="437"/>
      <c r="G3" s="437"/>
      <c r="H3" s="437"/>
      <c r="I3" s="437"/>
      <c r="J3" s="437"/>
      <c r="K3" s="437"/>
      <c r="L3" s="437"/>
      <c r="M3" s="437"/>
      <c r="N3" s="437"/>
      <c r="O3" s="437"/>
      <c r="P3" s="437"/>
      <c r="Q3" s="437"/>
      <c r="R3" s="437"/>
      <c r="S3" s="437"/>
      <c r="T3" s="437"/>
      <c r="U3" s="437"/>
      <c r="V3" s="437"/>
      <c r="W3" s="437"/>
      <c r="X3" s="437"/>
      <c r="Y3" s="437"/>
      <c r="Z3" s="437"/>
      <c r="AA3" s="437"/>
      <c r="AB3" s="437"/>
      <c r="AC3" s="437"/>
      <c r="AD3" s="437"/>
      <c r="AE3" s="437"/>
      <c r="AF3" s="437"/>
      <c r="AG3" s="437"/>
      <c r="AH3" s="437"/>
      <c r="AI3" s="437"/>
      <c r="AJ3" s="437"/>
      <c r="AK3" s="437"/>
      <c r="AL3" s="437"/>
      <c r="AM3" s="437"/>
      <c r="AN3" s="437"/>
      <c r="AO3" s="437"/>
      <c r="AP3" s="437"/>
      <c r="AQ3" s="437"/>
      <c r="AR3" s="437"/>
      <c r="AS3" s="437"/>
      <c r="AT3" s="437"/>
      <c r="AU3" s="437"/>
      <c r="AV3" s="437"/>
      <c r="AW3" s="437"/>
      <c r="AX3" s="437"/>
      <c r="AY3" s="437"/>
      <c r="AZ3" s="437"/>
      <c r="BA3" s="437"/>
      <c r="BB3" s="437"/>
      <c r="BC3" s="437"/>
      <c r="BD3" s="437"/>
      <c r="BE3" s="437"/>
      <c r="BF3" s="437"/>
      <c r="BG3" s="437"/>
      <c r="BH3" s="437"/>
      <c r="BI3" s="437"/>
      <c r="BJ3" s="437"/>
      <c r="BK3" s="437"/>
      <c r="BL3" s="437"/>
      <c r="BM3" s="437"/>
      <c r="BN3" s="437"/>
      <c r="BO3" s="437"/>
      <c r="BP3" s="437"/>
      <c r="BQ3" s="437"/>
      <c r="BR3" s="437"/>
      <c r="BS3" s="437"/>
      <c r="BT3" s="437"/>
      <c r="BU3" s="437"/>
      <c r="BV3" s="437"/>
      <c r="BW3" s="437"/>
      <c r="BX3" s="437"/>
      <c r="BY3" s="437"/>
      <c r="BZ3" s="437"/>
      <c r="CA3" s="437"/>
      <c r="CB3" s="437"/>
      <c r="CC3" s="437"/>
      <c r="CD3" s="437"/>
      <c r="CE3" s="437"/>
      <c r="CF3" s="437"/>
      <c r="CG3" s="437"/>
      <c r="CH3" s="437"/>
      <c r="CI3" s="437"/>
      <c r="CJ3" s="437"/>
      <c r="CK3" s="437"/>
      <c r="CL3" s="437"/>
      <c r="CM3" s="437"/>
      <c r="CN3" s="437"/>
      <c r="CO3" s="437"/>
      <c r="CP3" s="437"/>
      <c r="CQ3" s="437"/>
      <c r="CR3" s="437"/>
      <c r="CS3" s="437"/>
      <c r="CT3" s="437"/>
      <c r="CU3" s="437"/>
      <c r="CV3" s="437"/>
      <c r="CW3" s="438"/>
      <c r="CX3" s="437" t="s">
        <v>102</v>
      </c>
      <c r="CY3" s="437"/>
      <c r="CZ3" s="437"/>
      <c r="DA3" s="437"/>
      <c r="DB3" s="437"/>
      <c r="DC3" s="437"/>
      <c r="DD3" s="437"/>
      <c r="DE3" s="437"/>
      <c r="DF3" s="437"/>
      <c r="DG3" s="437"/>
      <c r="DH3" s="437"/>
      <c r="DI3" s="437"/>
      <c r="DJ3" s="437"/>
      <c r="DK3" s="437"/>
      <c r="DL3" s="437"/>
      <c r="DM3" s="437"/>
      <c r="DN3" s="437"/>
      <c r="DO3" s="437"/>
      <c r="DP3" s="437"/>
      <c r="DQ3" s="437"/>
      <c r="DR3" s="437"/>
      <c r="DS3" s="437"/>
      <c r="DT3" s="437"/>
      <c r="DU3" s="437"/>
      <c r="DV3" s="437"/>
      <c r="DW3" s="437"/>
      <c r="DX3" s="437"/>
      <c r="DY3" s="437"/>
      <c r="DZ3" s="437"/>
      <c r="EA3" s="437"/>
      <c r="EB3" s="437"/>
      <c r="EC3" s="437"/>
      <c r="ED3" s="437"/>
      <c r="EE3" s="437"/>
      <c r="EF3" s="437"/>
      <c r="EG3" s="437"/>
      <c r="EH3" s="437"/>
      <c r="EI3" s="437"/>
      <c r="EJ3" s="437"/>
      <c r="EK3" s="437"/>
      <c r="EL3" s="437"/>
      <c r="EM3" s="437"/>
      <c r="EN3" s="437"/>
      <c r="EO3" s="437"/>
      <c r="EP3" s="437"/>
      <c r="EQ3" s="437"/>
      <c r="ER3" s="437"/>
      <c r="ES3" s="437"/>
      <c r="ET3" s="437"/>
      <c r="EU3" s="437"/>
      <c r="EV3" s="437"/>
      <c r="EW3" s="437"/>
      <c r="EX3" s="437"/>
      <c r="EY3" s="437"/>
      <c r="EZ3" s="437"/>
      <c r="FA3" s="437"/>
      <c r="FB3" s="437"/>
      <c r="FC3" s="437"/>
      <c r="FD3" s="437"/>
      <c r="FE3" s="437"/>
      <c r="FF3" s="437"/>
      <c r="FG3" s="437"/>
      <c r="FH3" s="437"/>
      <c r="FI3" s="437"/>
      <c r="FJ3" s="437"/>
      <c r="FK3" s="437"/>
      <c r="FL3" s="437"/>
      <c r="FM3" s="437"/>
      <c r="FN3" s="437"/>
      <c r="FO3" s="437"/>
      <c r="FP3" s="437"/>
      <c r="FQ3" s="437"/>
      <c r="FR3" s="437"/>
      <c r="FS3" s="437"/>
      <c r="FT3" s="437"/>
      <c r="FU3" s="437"/>
      <c r="FV3" s="437"/>
      <c r="FW3" s="437"/>
      <c r="FX3" s="437"/>
      <c r="FY3" s="437"/>
      <c r="FZ3" s="437"/>
      <c r="GA3" s="437"/>
      <c r="GB3" s="437"/>
      <c r="GC3" s="437"/>
      <c r="GD3" s="437"/>
      <c r="GE3" s="437"/>
      <c r="GF3" s="437"/>
      <c r="GG3" s="437"/>
      <c r="GH3" s="437"/>
      <c r="GI3" s="437"/>
      <c r="GJ3" s="437"/>
      <c r="GK3" s="437"/>
      <c r="GL3" s="437"/>
      <c r="GM3" s="437"/>
      <c r="GN3" s="437"/>
      <c r="GO3" s="437"/>
      <c r="GP3" s="437"/>
      <c r="GQ3" s="437"/>
      <c r="GR3" s="438"/>
      <c r="GS3" s="437" t="s">
        <v>103</v>
      </c>
      <c r="GT3" s="437"/>
      <c r="GU3" s="437"/>
      <c r="GV3" s="437"/>
      <c r="GW3" s="437"/>
      <c r="GX3" s="437"/>
      <c r="GY3" s="437"/>
      <c r="GZ3" s="437"/>
      <c r="HA3" s="437"/>
      <c r="HB3" s="437"/>
      <c r="HC3" s="437"/>
      <c r="HD3" s="437"/>
      <c r="HE3" s="437"/>
      <c r="HF3" s="437"/>
      <c r="HG3" s="437"/>
      <c r="HH3" s="437"/>
      <c r="HI3" s="437"/>
      <c r="HJ3" s="437"/>
      <c r="HK3" s="437"/>
      <c r="HL3" s="437"/>
      <c r="HM3" s="437"/>
      <c r="HN3" s="437"/>
      <c r="HO3" s="437"/>
      <c r="HP3" s="437"/>
      <c r="HQ3" s="437"/>
      <c r="HR3" s="437"/>
      <c r="HS3" s="437"/>
      <c r="HT3" s="437"/>
      <c r="HU3" s="437"/>
      <c r="HV3" s="437"/>
      <c r="HW3" s="437"/>
      <c r="HX3" s="437"/>
      <c r="HY3" s="437"/>
      <c r="HZ3" s="437"/>
      <c r="IA3" s="437"/>
      <c r="IB3" s="437"/>
      <c r="IC3" s="437"/>
      <c r="ID3" s="437"/>
      <c r="IE3" s="437"/>
      <c r="IF3" s="437"/>
      <c r="IG3" s="437"/>
      <c r="IH3" s="437"/>
      <c r="II3" s="437"/>
      <c r="IJ3" s="437"/>
      <c r="IK3" s="437"/>
      <c r="IL3" s="437"/>
      <c r="IM3" s="437"/>
      <c r="IN3" s="437"/>
      <c r="IO3" s="437"/>
      <c r="IP3" s="437"/>
      <c r="IQ3" s="437"/>
      <c r="IR3" s="437"/>
      <c r="IS3" s="437"/>
      <c r="IT3" s="437"/>
      <c r="IU3" s="437"/>
      <c r="IV3" s="437"/>
      <c r="IW3" s="437"/>
      <c r="IX3" s="437"/>
      <c r="IY3" s="437"/>
      <c r="IZ3" s="437"/>
      <c r="JA3" s="437"/>
      <c r="JB3" s="437"/>
      <c r="JC3" s="437"/>
      <c r="JD3" s="437"/>
      <c r="JE3" s="437"/>
      <c r="JF3" s="437"/>
      <c r="JG3" s="437"/>
      <c r="JH3" s="437"/>
      <c r="JI3" s="437"/>
      <c r="JJ3" s="437"/>
      <c r="JK3" s="437"/>
      <c r="JL3" s="437"/>
      <c r="JM3" s="437"/>
      <c r="JN3" s="437"/>
      <c r="JO3" s="437"/>
      <c r="JP3" s="437"/>
      <c r="JQ3" s="437"/>
      <c r="JR3" s="437"/>
      <c r="JS3" s="437"/>
      <c r="JT3" s="437"/>
      <c r="JU3" s="437"/>
      <c r="JV3" s="437"/>
      <c r="JW3" s="437"/>
      <c r="JX3" s="437"/>
      <c r="JY3" s="437"/>
      <c r="JZ3" s="437"/>
      <c r="KA3" s="437"/>
      <c r="KB3" s="437"/>
      <c r="KC3" s="437"/>
      <c r="KD3" s="437"/>
      <c r="KE3" s="437"/>
      <c r="KF3" s="437"/>
      <c r="KG3" s="437"/>
      <c r="KH3" s="437"/>
      <c r="KI3" s="437"/>
      <c r="KJ3" s="437"/>
      <c r="KK3" s="437"/>
      <c r="KL3" s="437"/>
      <c r="KM3" s="438"/>
    </row>
    <row r="4" spans="2:299" ht="21" customHeight="1" thickBot="1" x14ac:dyDescent="0.25">
      <c r="B4" s="443"/>
      <c r="C4" s="439" t="s">
        <v>39</v>
      </c>
      <c r="D4" s="440"/>
      <c r="E4" s="440"/>
      <c r="F4" s="440"/>
      <c r="G4" s="440"/>
      <c r="H4" s="440"/>
      <c r="I4" s="440"/>
      <c r="J4" s="440"/>
      <c r="K4" s="440"/>
      <c r="L4" s="440"/>
      <c r="M4" s="440"/>
      <c r="N4" s="440"/>
      <c r="O4" s="440"/>
      <c r="P4" s="440"/>
      <c r="Q4" s="440"/>
      <c r="R4" s="440"/>
      <c r="S4" s="440"/>
      <c r="T4" s="440"/>
      <c r="U4" s="440"/>
      <c r="V4" s="440"/>
      <c r="W4" s="440"/>
      <c r="X4" s="440"/>
      <c r="Y4" s="440"/>
      <c r="Z4" s="440"/>
      <c r="AA4" s="440"/>
      <c r="AB4" s="440"/>
      <c r="AC4" s="440"/>
      <c r="AD4" s="440"/>
      <c r="AE4" s="440"/>
      <c r="AF4" s="440"/>
      <c r="AG4" s="440"/>
      <c r="AH4" s="440"/>
      <c r="AI4" s="440"/>
      <c r="AJ4" s="440"/>
      <c r="AK4" s="440"/>
      <c r="AL4" s="440"/>
      <c r="AM4" s="440"/>
      <c r="AN4" s="440"/>
      <c r="AO4" s="440"/>
      <c r="AP4" s="440"/>
      <c r="AQ4" s="440"/>
      <c r="AR4" s="440"/>
      <c r="AS4" s="440"/>
      <c r="AT4" s="440"/>
      <c r="AU4" s="440"/>
      <c r="AV4" s="440"/>
      <c r="AW4" s="440"/>
      <c r="AX4" s="440"/>
      <c r="AY4" s="440"/>
      <c r="AZ4" s="440"/>
      <c r="BA4" s="440"/>
      <c r="BB4" s="440"/>
      <c r="BC4" s="440"/>
      <c r="BD4" s="440"/>
      <c r="BE4" s="440"/>
      <c r="BF4" s="440"/>
      <c r="BG4" s="440"/>
      <c r="BH4" s="440"/>
      <c r="BI4" s="440"/>
      <c r="BJ4" s="440"/>
      <c r="BK4" s="440"/>
      <c r="BL4" s="440"/>
      <c r="BM4" s="440"/>
      <c r="BN4" s="440"/>
      <c r="BO4" s="440"/>
      <c r="BP4" s="440"/>
      <c r="BQ4" s="440"/>
      <c r="BR4" s="440"/>
      <c r="BS4" s="440"/>
      <c r="BT4" s="440"/>
      <c r="BU4" s="440"/>
      <c r="BV4" s="440"/>
      <c r="BW4" s="440"/>
      <c r="BX4" s="440"/>
      <c r="BY4" s="440"/>
      <c r="BZ4" s="440"/>
      <c r="CA4" s="441"/>
      <c r="CB4" s="425" t="s">
        <v>40</v>
      </c>
      <c r="CC4" s="426"/>
      <c r="CD4" s="426"/>
      <c r="CE4" s="426"/>
      <c r="CF4" s="426"/>
      <c r="CG4" s="426"/>
      <c r="CH4" s="426"/>
      <c r="CI4" s="426"/>
      <c r="CJ4" s="426"/>
      <c r="CK4" s="426"/>
      <c r="CL4" s="427"/>
      <c r="CM4" s="425" t="s">
        <v>41</v>
      </c>
      <c r="CN4" s="426"/>
      <c r="CO4" s="426"/>
      <c r="CP4" s="426"/>
      <c r="CQ4" s="426"/>
      <c r="CR4" s="426"/>
      <c r="CS4" s="426"/>
      <c r="CT4" s="426"/>
      <c r="CU4" s="426"/>
      <c r="CV4" s="426"/>
      <c r="CW4" s="427"/>
      <c r="CX4" s="439" t="s">
        <v>39</v>
      </c>
      <c r="CY4" s="440"/>
      <c r="CZ4" s="440"/>
      <c r="DA4" s="440"/>
      <c r="DB4" s="440"/>
      <c r="DC4" s="440"/>
      <c r="DD4" s="440"/>
      <c r="DE4" s="440"/>
      <c r="DF4" s="440"/>
      <c r="DG4" s="440"/>
      <c r="DH4" s="440"/>
      <c r="DI4" s="440"/>
      <c r="DJ4" s="440"/>
      <c r="DK4" s="440"/>
      <c r="DL4" s="440"/>
      <c r="DM4" s="440"/>
      <c r="DN4" s="440"/>
      <c r="DO4" s="440"/>
      <c r="DP4" s="440"/>
      <c r="DQ4" s="440"/>
      <c r="DR4" s="440"/>
      <c r="DS4" s="440"/>
      <c r="DT4" s="440"/>
      <c r="DU4" s="440"/>
      <c r="DV4" s="440"/>
      <c r="DW4" s="440"/>
      <c r="DX4" s="440"/>
      <c r="DY4" s="440"/>
      <c r="DZ4" s="440"/>
      <c r="EA4" s="440"/>
      <c r="EB4" s="440"/>
      <c r="EC4" s="440"/>
      <c r="ED4" s="440"/>
      <c r="EE4" s="440"/>
      <c r="EF4" s="440"/>
      <c r="EG4" s="440"/>
      <c r="EH4" s="440"/>
      <c r="EI4" s="440"/>
      <c r="EJ4" s="440"/>
      <c r="EK4" s="440"/>
      <c r="EL4" s="440"/>
      <c r="EM4" s="440"/>
      <c r="EN4" s="440"/>
      <c r="EO4" s="440"/>
      <c r="EP4" s="440"/>
      <c r="EQ4" s="440"/>
      <c r="ER4" s="440"/>
      <c r="ES4" s="440"/>
      <c r="ET4" s="440"/>
      <c r="EU4" s="440"/>
      <c r="EV4" s="440"/>
      <c r="EW4" s="440"/>
      <c r="EX4" s="440"/>
      <c r="EY4" s="440"/>
      <c r="EZ4" s="440"/>
      <c r="FA4" s="440"/>
      <c r="FB4" s="440"/>
      <c r="FC4" s="440"/>
      <c r="FD4" s="440"/>
      <c r="FE4" s="440"/>
      <c r="FF4" s="440"/>
      <c r="FG4" s="440"/>
      <c r="FH4" s="440"/>
      <c r="FI4" s="440"/>
      <c r="FJ4" s="440"/>
      <c r="FK4" s="440"/>
      <c r="FL4" s="440"/>
      <c r="FM4" s="440"/>
      <c r="FN4" s="440"/>
      <c r="FO4" s="440"/>
      <c r="FP4" s="440"/>
      <c r="FQ4" s="440"/>
      <c r="FR4" s="440"/>
      <c r="FS4" s="440"/>
      <c r="FT4" s="440"/>
      <c r="FU4" s="440"/>
      <c r="FV4" s="441"/>
      <c r="FW4" s="425" t="s">
        <v>40</v>
      </c>
      <c r="FX4" s="426"/>
      <c r="FY4" s="426"/>
      <c r="FZ4" s="426"/>
      <c r="GA4" s="426"/>
      <c r="GB4" s="426"/>
      <c r="GC4" s="426"/>
      <c r="GD4" s="426"/>
      <c r="GE4" s="426"/>
      <c r="GF4" s="426"/>
      <c r="GG4" s="427"/>
      <c r="GH4" s="425" t="s">
        <v>41</v>
      </c>
      <c r="GI4" s="426"/>
      <c r="GJ4" s="426"/>
      <c r="GK4" s="426"/>
      <c r="GL4" s="426"/>
      <c r="GM4" s="426"/>
      <c r="GN4" s="426"/>
      <c r="GO4" s="426"/>
      <c r="GP4" s="426"/>
      <c r="GQ4" s="426"/>
      <c r="GR4" s="427"/>
      <c r="GS4" s="439" t="s">
        <v>39</v>
      </c>
      <c r="GT4" s="440"/>
      <c r="GU4" s="440"/>
      <c r="GV4" s="440"/>
      <c r="GW4" s="440"/>
      <c r="GX4" s="440"/>
      <c r="GY4" s="440"/>
      <c r="GZ4" s="440"/>
      <c r="HA4" s="440"/>
      <c r="HB4" s="440"/>
      <c r="HC4" s="440"/>
      <c r="HD4" s="440"/>
      <c r="HE4" s="440"/>
      <c r="HF4" s="440"/>
      <c r="HG4" s="440"/>
      <c r="HH4" s="440"/>
      <c r="HI4" s="440"/>
      <c r="HJ4" s="440"/>
      <c r="HK4" s="440"/>
      <c r="HL4" s="440"/>
      <c r="HM4" s="440"/>
      <c r="HN4" s="440"/>
      <c r="HO4" s="440"/>
      <c r="HP4" s="440"/>
      <c r="HQ4" s="440"/>
      <c r="HR4" s="440"/>
      <c r="HS4" s="440"/>
      <c r="HT4" s="440"/>
      <c r="HU4" s="440"/>
      <c r="HV4" s="440"/>
      <c r="HW4" s="440"/>
      <c r="HX4" s="440"/>
      <c r="HY4" s="440"/>
      <c r="HZ4" s="440"/>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1"/>
      <c r="JR4" s="425" t="s">
        <v>40</v>
      </c>
      <c r="JS4" s="426"/>
      <c r="JT4" s="426"/>
      <c r="JU4" s="426"/>
      <c r="JV4" s="426"/>
      <c r="JW4" s="426"/>
      <c r="JX4" s="426"/>
      <c r="JY4" s="426"/>
      <c r="JZ4" s="426"/>
      <c r="KA4" s="426"/>
      <c r="KB4" s="427"/>
      <c r="KC4" s="425" t="s">
        <v>41</v>
      </c>
      <c r="KD4" s="426"/>
      <c r="KE4" s="426"/>
      <c r="KF4" s="426"/>
      <c r="KG4" s="426"/>
      <c r="KH4" s="426"/>
      <c r="KI4" s="426"/>
      <c r="KJ4" s="426"/>
      <c r="KK4" s="426"/>
      <c r="KL4" s="426"/>
      <c r="KM4" s="427"/>
    </row>
    <row r="5" spans="2:299" ht="21" customHeight="1" thickBot="1" x14ac:dyDescent="0.25">
      <c r="B5" s="431"/>
      <c r="C5" s="431"/>
      <c r="D5" s="432"/>
      <c r="E5" s="432"/>
      <c r="F5" s="432"/>
      <c r="G5" s="432"/>
      <c r="H5" s="432"/>
      <c r="I5" s="432"/>
      <c r="J5" s="432"/>
      <c r="K5" s="432"/>
      <c r="L5" s="432"/>
      <c r="M5" s="433"/>
      <c r="N5" s="434" t="s">
        <v>97</v>
      </c>
      <c r="O5" s="435"/>
      <c r="P5" s="435"/>
      <c r="Q5" s="435"/>
      <c r="R5" s="435"/>
      <c r="S5" s="435"/>
      <c r="T5" s="435"/>
      <c r="U5" s="435"/>
      <c r="V5" s="435"/>
      <c r="W5" s="435"/>
      <c r="X5" s="436"/>
      <c r="Y5" s="434" t="s">
        <v>98</v>
      </c>
      <c r="Z5" s="435"/>
      <c r="AA5" s="435"/>
      <c r="AB5" s="435"/>
      <c r="AC5" s="435"/>
      <c r="AD5" s="435"/>
      <c r="AE5" s="435"/>
      <c r="AF5" s="435"/>
      <c r="AG5" s="435"/>
      <c r="AH5" s="435"/>
      <c r="AI5" s="436"/>
      <c r="AJ5" s="434" t="s">
        <v>99</v>
      </c>
      <c r="AK5" s="435"/>
      <c r="AL5" s="435"/>
      <c r="AM5" s="435"/>
      <c r="AN5" s="435"/>
      <c r="AO5" s="435"/>
      <c r="AP5" s="435"/>
      <c r="AQ5" s="435"/>
      <c r="AR5" s="435"/>
      <c r="AS5" s="435"/>
      <c r="AT5" s="436"/>
      <c r="AU5" s="434" t="s">
        <v>100</v>
      </c>
      <c r="AV5" s="435"/>
      <c r="AW5" s="435"/>
      <c r="AX5" s="435"/>
      <c r="AY5" s="435"/>
      <c r="AZ5" s="435"/>
      <c r="BA5" s="435"/>
      <c r="BB5" s="435"/>
      <c r="BC5" s="435"/>
      <c r="BD5" s="435"/>
      <c r="BE5" s="436"/>
      <c r="BF5" s="434" t="s">
        <v>162</v>
      </c>
      <c r="BG5" s="435"/>
      <c r="BH5" s="435"/>
      <c r="BI5" s="435"/>
      <c r="BJ5" s="435"/>
      <c r="BK5" s="435"/>
      <c r="BL5" s="435"/>
      <c r="BM5" s="435"/>
      <c r="BN5" s="435"/>
      <c r="BO5" s="435"/>
      <c r="BP5" s="436"/>
      <c r="BQ5" s="434" t="s">
        <v>101</v>
      </c>
      <c r="BR5" s="435"/>
      <c r="BS5" s="435"/>
      <c r="BT5" s="435"/>
      <c r="BU5" s="435"/>
      <c r="BV5" s="435"/>
      <c r="BW5" s="435"/>
      <c r="BX5" s="435"/>
      <c r="BY5" s="435"/>
      <c r="BZ5" s="435"/>
      <c r="CA5" s="436"/>
      <c r="CB5" s="428"/>
      <c r="CC5" s="429"/>
      <c r="CD5" s="429"/>
      <c r="CE5" s="429"/>
      <c r="CF5" s="429"/>
      <c r="CG5" s="429"/>
      <c r="CH5" s="429"/>
      <c r="CI5" s="429"/>
      <c r="CJ5" s="429"/>
      <c r="CK5" s="429"/>
      <c r="CL5" s="430"/>
      <c r="CM5" s="428"/>
      <c r="CN5" s="429"/>
      <c r="CO5" s="429"/>
      <c r="CP5" s="429"/>
      <c r="CQ5" s="429"/>
      <c r="CR5" s="429"/>
      <c r="CS5" s="429"/>
      <c r="CT5" s="429"/>
      <c r="CU5" s="429"/>
      <c r="CV5" s="429"/>
      <c r="CW5" s="430"/>
      <c r="CX5" s="431"/>
      <c r="CY5" s="432"/>
      <c r="CZ5" s="432"/>
      <c r="DA5" s="432"/>
      <c r="DB5" s="432"/>
      <c r="DC5" s="432"/>
      <c r="DD5" s="432"/>
      <c r="DE5" s="432"/>
      <c r="DF5" s="432"/>
      <c r="DG5" s="432"/>
      <c r="DH5" s="433"/>
      <c r="DI5" s="434" t="s">
        <v>97</v>
      </c>
      <c r="DJ5" s="435"/>
      <c r="DK5" s="435"/>
      <c r="DL5" s="435"/>
      <c r="DM5" s="435"/>
      <c r="DN5" s="435"/>
      <c r="DO5" s="435"/>
      <c r="DP5" s="435"/>
      <c r="DQ5" s="435"/>
      <c r="DR5" s="435"/>
      <c r="DS5" s="436"/>
      <c r="DT5" s="434" t="s">
        <v>98</v>
      </c>
      <c r="DU5" s="435"/>
      <c r="DV5" s="435"/>
      <c r="DW5" s="435"/>
      <c r="DX5" s="435"/>
      <c r="DY5" s="435"/>
      <c r="DZ5" s="435"/>
      <c r="EA5" s="435"/>
      <c r="EB5" s="435"/>
      <c r="EC5" s="435"/>
      <c r="ED5" s="436"/>
      <c r="EE5" s="434" t="s">
        <v>99</v>
      </c>
      <c r="EF5" s="435"/>
      <c r="EG5" s="435"/>
      <c r="EH5" s="435"/>
      <c r="EI5" s="435"/>
      <c r="EJ5" s="435"/>
      <c r="EK5" s="435"/>
      <c r="EL5" s="435"/>
      <c r="EM5" s="435"/>
      <c r="EN5" s="435"/>
      <c r="EO5" s="436"/>
      <c r="EP5" s="434" t="s">
        <v>100</v>
      </c>
      <c r="EQ5" s="435"/>
      <c r="ER5" s="435"/>
      <c r="ES5" s="435"/>
      <c r="ET5" s="435"/>
      <c r="EU5" s="435"/>
      <c r="EV5" s="435"/>
      <c r="EW5" s="435"/>
      <c r="EX5" s="435"/>
      <c r="EY5" s="435"/>
      <c r="EZ5" s="436"/>
      <c r="FA5" s="434" t="s">
        <v>162</v>
      </c>
      <c r="FB5" s="435"/>
      <c r="FC5" s="435"/>
      <c r="FD5" s="435"/>
      <c r="FE5" s="435"/>
      <c r="FF5" s="435"/>
      <c r="FG5" s="435"/>
      <c r="FH5" s="435"/>
      <c r="FI5" s="435"/>
      <c r="FJ5" s="435"/>
      <c r="FK5" s="436"/>
      <c r="FL5" s="434" t="s">
        <v>101</v>
      </c>
      <c r="FM5" s="435"/>
      <c r="FN5" s="435"/>
      <c r="FO5" s="435"/>
      <c r="FP5" s="435"/>
      <c r="FQ5" s="435"/>
      <c r="FR5" s="435"/>
      <c r="FS5" s="435"/>
      <c r="FT5" s="435"/>
      <c r="FU5" s="435"/>
      <c r="FV5" s="436"/>
      <c r="FW5" s="428"/>
      <c r="FX5" s="429"/>
      <c r="FY5" s="429"/>
      <c r="FZ5" s="429"/>
      <c r="GA5" s="429"/>
      <c r="GB5" s="429"/>
      <c r="GC5" s="429"/>
      <c r="GD5" s="429"/>
      <c r="GE5" s="429"/>
      <c r="GF5" s="429"/>
      <c r="GG5" s="430"/>
      <c r="GH5" s="428"/>
      <c r="GI5" s="429"/>
      <c r="GJ5" s="429"/>
      <c r="GK5" s="429"/>
      <c r="GL5" s="429"/>
      <c r="GM5" s="429"/>
      <c r="GN5" s="429"/>
      <c r="GO5" s="429"/>
      <c r="GP5" s="429"/>
      <c r="GQ5" s="429"/>
      <c r="GR5" s="430"/>
      <c r="GS5" s="431"/>
      <c r="GT5" s="432"/>
      <c r="GU5" s="432"/>
      <c r="GV5" s="432"/>
      <c r="GW5" s="432"/>
      <c r="GX5" s="432"/>
      <c r="GY5" s="432"/>
      <c r="GZ5" s="432"/>
      <c r="HA5" s="432"/>
      <c r="HB5" s="432"/>
      <c r="HC5" s="433"/>
      <c r="HD5" s="434" t="s">
        <v>97</v>
      </c>
      <c r="HE5" s="435"/>
      <c r="HF5" s="435"/>
      <c r="HG5" s="435"/>
      <c r="HH5" s="435"/>
      <c r="HI5" s="435"/>
      <c r="HJ5" s="435"/>
      <c r="HK5" s="435"/>
      <c r="HL5" s="435"/>
      <c r="HM5" s="435"/>
      <c r="HN5" s="436"/>
      <c r="HO5" s="434" t="s">
        <v>98</v>
      </c>
      <c r="HP5" s="435"/>
      <c r="HQ5" s="435"/>
      <c r="HR5" s="435"/>
      <c r="HS5" s="435"/>
      <c r="HT5" s="435"/>
      <c r="HU5" s="435"/>
      <c r="HV5" s="435"/>
      <c r="HW5" s="435"/>
      <c r="HX5" s="435"/>
      <c r="HY5" s="436"/>
      <c r="HZ5" s="434" t="s">
        <v>99</v>
      </c>
      <c r="IA5" s="435"/>
      <c r="IB5" s="435"/>
      <c r="IC5" s="435"/>
      <c r="ID5" s="435"/>
      <c r="IE5" s="435"/>
      <c r="IF5" s="435"/>
      <c r="IG5" s="435"/>
      <c r="IH5" s="435"/>
      <c r="II5" s="435"/>
      <c r="IJ5" s="436"/>
      <c r="IK5" s="434" t="s">
        <v>100</v>
      </c>
      <c r="IL5" s="435"/>
      <c r="IM5" s="435"/>
      <c r="IN5" s="435"/>
      <c r="IO5" s="435"/>
      <c r="IP5" s="435"/>
      <c r="IQ5" s="435"/>
      <c r="IR5" s="435"/>
      <c r="IS5" s="435"/>
      <c r="IT5" s="435"/>
      <c r="IU5" s="436"/>
      <c r="IV5" s="434" t="s">
        <v>162</v>
      </c>
      <c r="IW5" s="435"/>
      <c r="IX5" s="435"/>
      <c r="IY5" s="435"/>
      <c r="IZ5" s="435"/>
      <c r="JA5" s="435"/>
      <c r="JB5" s="435"/>
      <c r="JC5" s="435"/>
      <c r="JD5" s="435"/>
      <c r="JE5" s="435"/>
      <c r="JF5" s="436"/>
      <c r="JG5" s="434" t="s">
        <v>101</v>
      </c>
      <c r="JH5" s="435"/>
      <c r="JI5" s="435"/>
      <c r="JJ5" s="435"/>
      <c r="JK5" s="435"/>
      <c r="JL5" s="435"/>
      <c r="JM5" s="435"/>
      <c r="JN5" s="435"/>
      <c r="JO5" s="435"/>
      <c r="JP5" s="435"/>
      <c r="JQ5" s="436"/>
      <c r="JR5" s="428"/>
      <c r="JS5" s="429"/>
      <c r="JT5" s="429"/>
      <c r="JU5" s="429"/>
      <c r="JV5" s="429"/>
      <c r="JW5" s="429"/>
      <c r="JX5" s="429"/>
      <c r="JY5" s="429"/>
      <c r="JZ5" s="429"/>
      <c r="KA5" s="429"/>
      <c r="KB5" s="430"/>
      <c r="KC5" s="428"/>
      <c r="KD5" s="429"/>
      <c r="KE5" s="429"/>
      <c r="KF5" s="429"/>
      <c r="KG5" s="429"/>
      <c r="KH5" s="429"/>
      <c r="KI5" s="429"/>
      <c r="KJ5" s="429"/>
      <c r="KK5" s="429"/>
      <c r="KL5" s="429"/>
      <c r="KM5" s="430"/>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4397</v>
      </c>
      <c r="D7" s="86">
        <v>4266</v>
      </c>
      <c r="E7" s="87">
        <v>8663</v>
      </c>
      <c r="F7" s="412">
        <v>0</v>
      </c>
      <c r="G7" s="86">
        <v>6016</v>
      </c>
      <c r="H7" s="86">
        <v>5519</v>
      </c>
      <c r="I7" s="86">
        <v>3471</v>
      </c>
      <c r="J7" s="86">
        <v>2812</v>
      </c>
      <c r="K7" s="86">
        <v>1549</v>
      </c>
      <c r="L7" s="88">
        <v>19367</v>
      </c>
      <c r="M7" s="89">
        <v>28030</v>
      </c>
      <c r="N7" s="90">
        <v>70</v>
      </c>
      <c r="O7" s="91">
        <v>62</v>
      </c>
      <c r="P7" s="92">
        <v>132</v>
      </c>
      <c r="Q7" s="412">
        <v>0</v>
      </c>
      <c r="R7" s="91">
        <v>77</v>
      </c>
      <c r="S7" s="91">
        <v>91</v>
      </c>
      <c r="T7" s="91">
        <v>63</v>
      </c>
      <c r="U7" s="91">
        <v>52</v>
      </c>
      <c r="V7" s="91">
        <v>35</v>
      </c>
      <c r="W7" s="92">
        <v>318</v>
      </c>
      <c r="X7" s="93">
        <v>450</v>
      </c>
      <c r="Y7" s="90">
        <v>137</v>
      </c>
      <c r="Z7" s="91">
        <v>157</v>
      </c>
      <c r="AA7" s="92">
        <v>294</v>
      </c>
      <c r="AB7" s="412">
        <v>0</v>
      </c>
      <c r="AC7" s="91">
        <v>183</v>
      </c>
      <c r="AD7" s="91">
        <v>234</v>
      </c>
      <c r="AE7" s="91">
        <v>124</v>
      </c>
      <c r="AF7" s="91">
        <v>111</v>
      </c>
      <c r="AG7" s="91">
        <v>89</v>
      </c>
      <c r="AH7" s="92">
        <v>741</v>
      </c>
      <c r="AI7" s="93">
        <v>1035</v>
      </c>
      <c r="AJ7" s="90">
        <v>360</v>
      </c>
      <c r="AK7" s="91">
        <v>368</v>
      </c>
      <c r="AL7" s="92">
        <v>728</v>
      </c>
      <c r="AM7" s="412">
        <v>0</v>
      </c>
      <c r="AN7" s="91">
        <v>453</v>
      </c>
      <c r="AO7" s="91">
        <v>440</v>
      </c>
      <c r="AP7" s="91">
        <v>258</v>
      </c>
      <c r="AQ7" s="91">
        <v>216</v>
      </c>
      <c r="AR7" s="91">
        <v>149</v>
      </c>
      <c r="AS7" s="92">
        <v>1516</v>
      </c>
      <c r="AT7" s="93">
        <v>2244</v>
      </c>
      <c r="AU7" s="90">
        <v>893</v>
      </c>
      <c r="AV7" s="91">
        <v>839</v>
      </c>
      <c r="AW7" s="92">
        <v>1732</v>
      </c>
      <c r="AX7" s="412">
        <v>0</v>
      </c>
      <c r="AY7" s="91">
        <v>1169</v>
      </c>
      <c r="AZ7" s="91">
        <v>979</v>
      </c>
      <c r="BA7" s="91">
        <v>582</v>
      </c>
      <c r="BB7" s="91">
        <v>441</v>
      </c>
      <c r="BC7" s="91">
        <v>307</v>
      </c>
      <c r="BD7" s="92">
        <v>3478</v>
      </c>
      <c r="BE7" s="93">
        <v>5210</v>
      </c>
      <c r="BF7" s="90">
        <v>1513</v>
      </c>
      <c r="BG7" s="91">
        <v>1404</v>
      </c>
      <c r="BH7" s="92">
        <v>2917</v>
      </c>
      <c r="BI7" s="412">
        <v>0</v>
      </c>
      <c r="BJ7" s="91">
        <v>2019</v>
      </c>
      <c r="BK7" s="91">
        <v>1606</v>
      </c>
      <c r="BL7" s="91">
        <v>990</v>
      </c>
      <c r="BM7" s="91">
        <v>762</v>
      </c>
      <c r="BN7" s="91">
        <v>408</v>
      </c>
      <c r="BO7" s="92">
        <v>5785</v>
      </c>
      <c r="BP7" s="93">
        <v>8702</v>
      </c>
      <c r="BQ7" s="90">
        <v>1424</v>
      </c>
      <c r="BR7" s="91">
        <v>1436</v>
      </c>
      <c r="BS7" s="92">
        <v>2860</v>
      </c>
      <c r="BT7" s="412">
        <v>0</v>
      </c>
      <c r="BU7" s="91">
        <v>2115</v>
      </c>
      <c r="BV7" s="91">
        <v>2169</v>
      </c>
      <c r="BW7" s="91">
        <v>1454</v>
      </c>
      <c r="BX7" s="91">
        <v>1230</v>
      </c>
      <c r="BY7" s="91">
        <v>561</v>
      </c>
      <c r="BZ7" s="92">
        <v>7529</v>
      </c>
      <c r="CA7" s="93">
        <v>10389</v>
      </c>
      <c r="CB7" s="90">
        <v>0</v>
      </c>
      <c r="CC7" s="91">
        <v>0</v>
      </c>
      <c r="CD7" s="92">
        <v>0</v>
      </c>
      <c r="CE7" s="412">
        <v>0</v>
      </c>
      <c r="CF7" s="91">
        <v>0</v>
      </c>
      <c r="CG7" s="91">
        <v>0</v>
      </c>
      <c r="CH7" s="91">
        <v>0</v>
      </c>
      <c r="CI7" s="91">
        <v>0</v>
      </c>
      <c r="CJ7" s="91">
        <v>0</v>
      </c>
      <c r="CK7" s="92">
        <v>0</v>
      </c>
      <c r="CL7" s="93">
        <v>0</v>
      </c>
      <c r="CM7" s="90">
        <v>4397</v>
      </c>
      <c r="CN7" s="91">
        <v>4266</v>
      </c>
      <c r="CO7" s="92">
        <v>8663</v>
      </c>
      <c r="CP7" s="412">
        <v>0</v>
      </c>
      <c r="CQ7" s="91">
        <v>6016</v>
      </c>
      <c r="CR7" s="91">
        <v>5519</v>
      </c>
      <c r="CS7" s="91">
        <v>3471</v>
      </c>
      <c r="CT7" s="91">
        <v>2812</v>
      </c>
      <c r="CU7" s="91">
        <v>1549</v>
      </c>
      <c r="CV7" s="92">
        <v>19367</v>
      </c>
      <c r="CW7" s="93">
        <v>28030</v>
      </c>
      <c r="CX7" s="94">
        <v>689</v>
      </c>
      <c r="CY7" s="86">
        <v>753</v>
      </c>
      <c r="CZ7" s="87">
        <v>1442</v>
      </c>
      <c r="DA7" s="412">
        <v>0</v>
      </c>
      <c r="DB7" s="86">
        <v>885</v>
      </c>
      <c r="DC7" s="86">
        <v>800</v>
      </c>
      <c r="DD7" s="86">
        <v>563</v>
      </c>
      <c r="DE7" s="86">
        <v>568</v>
      </c>
      <c r="DF7" s="86">
        <v>369</v>
      </c>
      <c r="DG7" s="88">
        <v>3185</v>
      </c>
      <c r="DH7" s="89">
        <v>4627</v>
      </c>
      <c r="DI7" s="90">
        <v>22</v>
      </c>
      <c r="DJ7" s="91">
        <v>22</v>
      </c>
      <c r="DK7" s="92">
        <v>44</v>
      </c>
      <c r="DL7" s="412">
        <v>0</v>
      </c>
      <c r="DM7" s="91">
        <v>18</v>
      </c>
      <c r="DN7" s="91">
        <v>15</v>
      </c>
      <c r="DO7" s="91">
        <v>11</v>
      </c>
      <c r="DP7" s="91">
        <v>7</v>
      </c>
      <c r="DQ7" s="91">
        <v>7</v>
      </c>
      <c r="DR7" s="92">
        <v>58</v>
      </c>
      <c r="DS7" s="93">
        <v>102</v>
      </c>
      <c r="DT7" s="90">
        <v>58</v>
      </c>
      <c r="DU7" s="91">
        <v>49</v>
      </c>
      <c r="DV7" s="92">
        <v>107</v>
      </c>
      <c r="DW7" s="412">
        <v>0</v>
      </c>
      <c r="DX7" s="91">
        <v>24</v>
      </c>
      <c r="DY7" s="91">
        <v>23</v>
      </c>
      <c r="DZ7" s="91">
        <v>18</v>
      </c>
      <c r="EA7" s="91">
        <v>14</v>
      </c>
      <c r="EB7" s="91">
        <v>11</v>
      </c>
      <c r="EC7" s="92">
        <v>90</v>
      </c>
      <c r="ED7" s="93">
        <v>197</v>
      </c>
      <c r="EE7" s="90">
        <v>92</v>
      </c>
      <c r="EF7" s="91">
        <v>95</v>
      </c>
      <c r="EG7" s="92">
        <v>187</v>
      </c>
      <c r="EH7" s="412">
        <v>0</v>
      </c>
      <c r="EI7" s="91">
        <v>73</v>
      </c>
      <c r="EJ7" s="91">
        <v>57</v>
      </c>
      <c r="EK7" s="91">
        <v>36</v>
      </c>
      <c r="EL7" s="91">
        <v>27</v>
      </c>
      <c r="EM7" s="91">
        <v>31</v>
      </c>
      <c r="EN7" s="92">
        <v>224</v>
      </c>
      <c r="EO7" s="93">
        <v>411</v>
      </c>
      <c r="EP7" s="90">
        <v>177</v>
      </c>
      <c r="EQ7" s="91">
        <v>187</v>
      </c>
      <c r="ER7" s="92">
        <v>364</v>
      </c>
      <c r="ES7" s="412">
        <v>0</v>
      </c>
      <c r="ET7" s="91">
        <v>199</v>
      </c>
      <c r="EU7" s="91">
        <v>137</v>
      </c>
      <c r="EV7" s="91">
        <v>75</v>
      </c>
      <c r="EW7" s="91">
        <v>71</v>
      </c>
      <c r="EX7" s="91">
        <v>38</v>
      </c>
      <c r="EY7" s="92">
        <v>520</v>
      </c>
      <c r="EZ7" s="93">
        <v>884</v>
      </c>
      <c r="FA7" s="90">
        <v>204</v>
      </c>
      <c r="FB7" s="91">
        <v>225</v>
      </c>
      <c r="FC7" s="92">
        <v>429</v>
      </c>
      <c r="FD7" s="412">
        <v>0</v>
      </c>
      <c r="FE7" s="91">
        <v>239</v>
      </c>
      <c r="FF7" s="91">
        <v>229</v>
      </c>
      <c r="FG7" s="91">
        <v>138</v>
      </c>
      <c r="FH7" s="91">
        <v>122</v>
      </c>
      <c r="FI7" s="91">
        <v>91</v>
      </c>
      <c r="FJ7" s="92">
        <v>819</v>
      </c>
      <c r="FK7" s="93">
        <v>1248</v>
      </c>
      <c r="FL7" s="90">
        <v>136</v>
      </c>
      <c r="FM7" s="91">
        <v>175</v>
      </c>
      <c r="FN7" s="92">
        <v>311</v>
      </c>
      <c r="FO7" s="412">
        <v>0</v>
      </c>
      <c r="FP7" s="91">
        <v>332</v>
      </c>
      <c r="FQ7" s="91">
        <v>339</v>
      </c>
      <c r="FR7" s="91">
        <v>285</v>
      </c>
      <c r="FS7" s="91">
        <v>327</v>
      </c>
      <c r="FT7" s="91">
        <v>191</v>
      </c>
      <c r="FU7" s="92">
        <v>1474</v>
      </c>
      <c r="FV7" s="93">
        <v>1785</v>
      </c>
      <c r="FW7" s="90">
        <v>0</v>
      </c>
      <c r="FX7" s="91">
        <v>0</v>
      </c>
      <c r="FY7" s="92">
        <v>0</v>
      </c>
      <c r="FZ7" s="412">
        <v>0</v>
      </c>
      <c r="GA7" s="91">
        <v>0</v>
      </c>
      <c r="GB7" s="91">
        <v>0</v>
      </c>
      <c r="GC7" s="91">
        <v>0</v>
      </c>
      <c r="GD7" s="91">
        <v>0</v>
      </c>
      <c r="GE7" s="91">
        <v>0</v>
      </c>
      <c r="GF7" s="92">
        <v>0</v>
      </c>
      <c r="GG7" s="93">
        <v>0</v>
      </c>
      <c r="GH7" s="90">
        <v>689</v>
      </c>
      <c r="GI7" s="91">
        <v>753</v>
      </c>
      <c r="GJ7" s="92">
        <v>1442</v>
      </c>
      <c r="GK7" s="412">
        <v>0</v>
      </c>
      <c r="GL7" s="91">
        <v>885</v>
      </c>
      <c r="GM7" s="91">
        <v>800</v>
      </c>
      <c r="GN7" s="91">
        <v>563</v>
      </c>
      <c r="GO7" s="91">
        <v>568</v>
      </c>
      <c r="GP7" s="91">
        <v>369</v>
      </c>
      <c r="GQ7" s="92">
        <v>3185</v>
      </c>
      <c r="GR7" s="93">
        <v>4627</v>
      </c>
      <c r="GS7" s="94">
        <v>5086</v>
      </c>
      <c r="GT7" s="86">
        <v>5019</v>
      </c>
      <c r="GU7" s="87">
        <v>10105</v>
      </c>
      <c r="GV7" s="412">
        <v>0</v>
      </c>
      <c r="GW7" s="86">
        <v>6901</v>
      </c>
      <c r="GX7" s="86">
        <v>6319</v>
      </c>
      <c r="GY7" s="86">
        <v>4034</v>
      </c>
      <c r="GZ7" s="86">
        <v>3380</v>
      </c>
      <c r="HA7" s="86">
        <v>1918</v>
      </c>
      <c r="HB7" s="88">
        <v>22552</v>
      </c>
      <c r="HC7" s="89">
        <v>32657</v>
      </c>
      <c r="HD7" s="90">
        <v>92</v>
      </c>
      <c r="HE7" s="91">
        <v>84</v>
      </c>
      <c r="HF7" s="92">
        <v>176</v>
      </c>
      <c r="HG7" s="412">
        <v>0</v>
      </c>
      <c r="HH7" s="91">
        <v>95</v>
      </c>
      <c r="HI7" s="91">
        <v>106</v>
      </c>
      <c r="HJ7" s="91">
        <v>74</v>
      </c>
      <c r="HK7" s="91">
        <v>59</v>
      </c>
      <c r="HL7" s="91">
        <v>42</v>
      </c>
      <c r="HM7" s="92">
        <v>376</v>
      </c>
      <c r="HN7" s="93">
        <v>552</v>
      </c>
      <c r="HO7" s="90">
        <v>195</v>
      </c>
      <c r="HP7" s="91">
        <v>206</v>
      </c>
      <c r="HQ7" s="92">
        <v>401</v>
      </c>
      <c r="HR7" s="412">
        <v>0</v>
      </c>
      <c r="HS7" s="91">
        <v>207</v>
      </c>
      <c r="HT7" s="91">
        <v>257</v>
      </c>
      <c r="HU7" s="91">
        <v>142</v>
      </c>
      <c r="HV7" s="91">
        <v>125</v>
      </c>
      <c r="HW7" s="91">
        <v>100</v>
      </c>
      <c r="HX7" s="92">
        <v>831</v>
      </c>
      <c r="HY7" s="93">
        <v>1232</v>
      </c>
      <c r="HZ7" s="90">
        <v>452</v>
      </c>
      <c r="IA7" s="91">
        <v>463</v>
      </c>
      <c r="IB7" s="92">
        <v>915</v>
      </c>
      <c r="IC7" s="412">
        <v>0</v>
      </c>
      <c r="ID7" s="91">
        <v>526</v>
      </c>
      <c r="IE7" s="91">
        <v>497</v>
      </c>
      <c r="IF7" s="91">
        <v>294</v>
      </c>
      <c r="IG7" s="91">
        <v>243</v>
      </c>
      <c r="IH7" s="91">
        <v>180</v>
      </c>
      <c r="II7" s="92">
        <v>1740</v>
      </c>
      <c r="IJ7" s="93">
        <v>2655</v>
      </c>
      <c r="IK7" s="90">
        <v>1070</v>
      </c>
      <c r="IL7" s="91">
        <v>1026</v>
      </c>
      <c r="IM7" s="92">
        <v>2096</v>
      </c>
      <c r="IN7" s="412">
        <v>0</v>
      </c>
      <c r="IO7" s="91">
        <v>1368</v>
      </c>
      <c r="IP7" s="91">
        <v>1116</v>
      </c>
      <c r="IQ7" s="91">
        <v>657</v>
      </c>
      <c r="IR7" s="91">
        <v>512</v>
      </c>
      <c r="IS7" s="91">
        <v>345</v>
      </c>
      <c r="IT7" s="92">
        <v>3998</v>
      </c>
      <c r="IU7" s="93">
        <v>6094</v>
      </c>
      <c r="IV7" s="90">
        <v>1717</v>
      </c>
      <c r="IW7" s="91">
        <v>1629</v>
      </c>
      <c r="IX7" s="92">
        <v>3346</v>
      </c>
      <c r="IY7" s="412">
        <v>0</v>
      </c>
      <c r="IZ7" s="91">
        <v>2258</v>
      </c>
      <c r="JA7" s="91">
        <v>1835</v>
      </c>
      <c r="JB7" s="91">
        <v>1128</v>
      </c>
      <c r="JC7" s="91">
        <v>884</v>
      </c>
      <c r="JD7" s="91">
        <v>499</v>
      </c>
      <c r="JE7" s="92">
        <v>6604</v>
      </c>
      <c r="JF7" s="93">
        <v>9950</v>
      </c>
      <c r="JG7" s="90">
        <v>1560</v>
      </c>
      <c r="JH7" s="91">
        <v>1611</v>
      </c>
      <c r="JI7" s="92">
        <v>3171</v>
      </c>
      <c r="JJ7" s="412">
        <v>0</v>
      </c>
      <c r="JK7" s="91">
        <v>2447</v>
      </c>
      <c r="JL7" s="91">
        <v>2508</v>
      </c>
      <c r="JM7" s="91">
        <v>1739</v>
      </c>
      <c r="JN7" s="91">
        <v>1557</v>
      </c>
      <c r="JO7" s="91">
        <v>752</v>
      </c>
      <c r="JP7" s="92">
        <v>9003</v>
      </c>
      <c r="JQ7" s="93">
        <v>12174</v>
      </c>
      <c r="JR7" s="90">
        <v>0</v>
      </c>
      <c r="JS7" s="91">
        <v>0</v>
      </c>
      <c r="JT7" s="92">
        <v>0</v>
      </c>
      <c r="JU7" s="412">
        <v>0</v>
      </c>
      <c r="JV7" s="91">
        <v>0</v>
      </c>
      <c r="JW7" s="91">
        <v>0</v>
      </c>
      <c r="JX7" s="91">
        <v>0</v>
      </c>
      <c r="JY7" s="91">
        <v>0</v>
      </c>
      <c r="JZ7" s="91">
        <v>0</v>
      </c>
      <c r="KA7" s="92">
        <v>0</v>
      </c>
      <c r="KB7" s="93">
        <v>0</v>
      </c>
      <c r="KC7" s="90">
        <v>5086</v>
      </c>
      <c r="KD7" s="91">
        <v>5019</v>
      </c>
      <c r="KE7" s="92">
        <v>10105</v>
      </c>
      <c r="KF7" s="412">
        <v>0</v>
      </c>
      <c r="KG7" s="91">
        <v>6901</v>
      </c>
      <c r="KH7" s="91">
        <v>6319</v>
      </c>
      <c r="KI7" s="91">
        <v>4034</v>
      </c>
      <c r="KJ7" s="91">
        <v>3380</v>
      </c>
      <c r="KK7" s="91">
        <v>1918</v>
      </c>
      <c r="KL7" s="92">
        <v>22552</v>
      </c>
      <c r="KM7" s="93">
        <v>32657</v>
      </c>
    </row>
    <row r="8" spans="2:299" s="70" customFormat="1" ht="21" customHeight="1" x14ac:dyDescent="0.2">
      <c r="B8" s="95" t="s">
        <v>5</v>
      </c>
      <c r="C8" s="96">
        <v>1822</v>
      </c>
      <c r="D8" s="97">
        <v>2136</v>
      </c>
      <c r="E8" s="98">
        <v>3958</v>
      </c>
      <c r="F8" s="413">
        <v>0</v>
      </c>
      <c r="G8" s="97">
        <v>2178</v>
      </c>
      <c r="H8" s="97">
        <v>2586</v>
      </c>
      <c r="I8" s="97">
        <v>1582</v>
      </c>
      <c r="J8" s="97">
        <v>1269</v>
      </c>
      <c r="K8" s="97">
        <v>675</v>
      </c>
      <c r="L8" s="99">
        <v>8290</v>
      </c>
      <c r="M8" s="100">
        <v>12248</v>
      </c>
      <c r="N8" s="101">
        <v>23</v>
      </c>
      <c r="O8" s="102">
        <v>33</v>
      </c>
      <c r="P8" s="103">
        <v>56</v>
      </c>
      <c r="Q8" s="413">
        <v>0</v>
      </c>
      <c r="R8" s="102">
        <v>33</v>
      </c>
      <c r="S8" s="102">
        <v>44</v>
      </c>
      <c r="T8" s="102">
        <v>23</v>
      </c>
      <c r="U8" s="102">
        <v>22</v>
      </c>
      <c r="V8" s="102">
        <v>14</v>
      </c>
      <c r="W8" s="103">
        <v>136</v>
      </c>
      <c r="X8" s="104">
        <v>192</v>
      </c>
      <c r="Y8" s="101">
        <v>43</v>
      </c>
      <c r="Z8" s="102">
        <v>72</v>
      </c>
      <c r="AA8" s="103">
        <v>115</v>
      </c>
      <c r="AB8" s="413">
        <v>0</v>
      </c>
      <c r="AC8" s="102">
        <v>53</v>
      </c>
      <c r="AD8" s="102">
        <v>111</v>
      </c>
      <c r="AE8" s="102">
        <v>61</v>
      </c>
      <c r="AF8" s="102">
        <v>46</v>
      </c>
      <c r="AG8" s="102">
        <v>39</v>
      </c>
      <c r="AH8" s="103">
        <v>310</v>
      </c>
      <c r="AI8" s="104">
        <v>425</v>
      </c>
      <c r="AJ8" s="101">
        <v>147</v>
      </c>
      <c r="AK8" s="102">
        <v>177</v>
      </c>
      <c r="AL8" s="103">
        <v>324</v>
      </c>
      <c r="AM8" s="413">
        <v>0</v>
      </c>
      <c r="AN8" s="102">
        <v>153</v>
      </c>
      <c r="AO8" s="102">
        <v>192</v>
      </c>
      <c r="AP8" s="102">
        <v>118</v>
      </c>
      <c r="AQ8" s="102">
        <v>85</v>
      </c>
      <c r="AR8" s="102">
        <v>62</v>
      </c>
      <c r="AS8" s="103">
        <v>610</v>
      </c>
      <c r="AT8" s="104">
        <v>934</v>
      </c>
      <c r="AU8" s="101">
        <v>355</v>
      </c>
      <c r="AV8" s="102">
        <v>404</v>
      </c>
      <c r="AW8" s="103">
        <v>759</v>
      </c>
      <c r="AX8" s="413">
        <v>0</v>
      </c>
      <c r="AY8" s="102">
        <v>395</v>
      </c>
      <c r="AZ8" s="102">
        <v>415</v>
      </c>
      <c r="BA8" s="102">
        <v>257</v>
      </c>
      <c r="BB8" s="102">
        <v>185</v>
      </c>
      <c r="BC8" s="102">
        <v>131</v>
      </c>
      <c r="BD8" s="103">
        <v>1383</v>
      </c>
      <c r="BE8" s="104">
        <v>2142</v>
      </c>
      <c r="BF8" s="101">
        <v>603</v>
      </c>
      <c r="BG8" s="102">
        <v>683</v>
      </c>
      <c r="BH8" s="103">
        <v>1286</v>
      </c>
      <c r="BI8" s="413">
        <v>0</v>
      </c>
      <c r="BJ8" s="102">
        <v>734</v>
      </c>
      <c r="BK8" s="102">
        <v>774</v>
      </c>
      <c r="BL8" s="102">
        <v>434</v>
      </c>
      <c r="BM8" s="102">
        <v>339</v>
      </c>
      <c r="BN8" s="102">
        <v>183</v>
      </c>
      <c r="BO8" s="103">
        <v>2464</v>
      </c>
      <c r="BP8" s="104">
        <v>3750</v>
      </c>
      <c r="BQ8" s="101">
        <v>651</v>
      </c>
      <c r="BR8" s="102">
        <v>767</v>
      </c>
      <c r="BS8" s="103">
        <v>1418</v>
      </c>
      <c r="BT8" s="413">
        <v>0</v>
      </c>
      <c r="BU8" s="102">
        <v>810</v>
      </c>
      <c r="BV8" s="102">
        <v>1050</v>
      </c>
      <c r="BW8" s="102">
        <v>689</v>
      </c>
      <c r="BX8" s="102">
        <v>592</v>
      </c>
      <c r="BY8" s="102">
        <v>246</v>
      </c>
      <c r="BZ8" s="103">
        <v>3387</v>
      </c>
      <c r="CA8" s="104">
        <v>4805</v>
      </c>
      <c r="CB8" s="101">
        <v>0</v>
      </c>
      <c r="CC8" s="102">
        <v>0</v>
      </c>
      <c r="CD8" s="103">
        <v>0</v>
      </c>
      <c r="CE8" s="413">
        <v>0</v>
      </c>
      <c r="CF8" s="102">
        <v>0</v>
      </c>
      <c r="CG8" s="102">
        <v>0</v>
      </c>
      <c r="CH8" s="102">
        <v>0</v>
      </c>
      <c r="CI8" s="102">
        <v>0</v>
      </c>
      <c r="CJ8" s="102">
        <v>0</v>
      </c>
      <c r="CK8" s="103">
        <v>0</v>
      </c>
      <c r="CL8" s="104">
        <v>0</v>
      </c>
      <c r="CM8" s="101">
        <v>1822</v>
      </c>
      <c r="CN8" s="102">
        <v>2136</v>
      </c>
      <c r="CO8" s="103">
        <v>3958</v>
      </c>
      <c r="CP8" s="413">
        <v>0</v>
      </c>
      <c r="CQ8" s="102">
        <v>2178</v>
      </c>
      <c r="CR8" s="102">
        <v>2586</v>
      </c>
      <c r="CS8" s="102">
        <v>1582</v>
      </c>
      <c r="CT8" s="102">
        <v>1269</v>
      </c>
      <c r="CU8" s="102">
        <v>675</v>
      </c>
      <c r="CV8" s="103">
        <v>8290</v>
      </c>
      <c r="CW8" s="104">
        <v>12248</v>
      </c>
      <c r="CX8" s="105">
        <v>288</v>
      </c>
      <c r="CY8" s="97">
        <v>366</v>
      </c>
      <c r="CZ8" s="98">
        <v>654</v>
      </c>
      <c r="DA8" s="413">
        <v>0</v>
      </c>
      <c r="DB8" s="97">
        <v>323</v>
      </c>
      <c r="DC8" s="97">
        <v>379</v>
      </c>
      <c r="DD8" s="97">
        <v>269</v>
      </c>
      <c r="DE8" s="97">
        <v>254</v>
      </c>
      <c r="DF8" s="97">
        <v>169</v>
      </c>
      <c r="DG8" s="99">
        <v>1394</v>
      </c>
      <c r="DH8" s="100">
        <v>2048</v>
      </c>
      <c r="DI8" s="101">
        <v>10</v>
      </c>
      <c r="DJ8" s="102">
        <v>12</v>
      </c>
      <c r="DK8" s="103">
        <v>22</v>
      </c>
      <c r="DL8" s="413">
        <v>0</v>
      </c>
      <c r="DM8" s="102">
        <v>6</v>
      </c>
      <c r="DN8" s="102">
        <v>7</v>
      </c>
      <c r="DO8" s="102">
        <v>4</v>
      </c>
      <c r="DP8" s="102">
        <v>1</v>
      </c>
      <c r="DQ8" s="102">
        <v>2</v>
      </c>
      <c r="DR8" s="103">
        <v>20</v>
      </c>
      <c r="DS8" s="104">
        <v>42</v>
      </c>
      <c r="DT8" s="101">
        <v>23</v>
      </c>
      <c r="DU8" s="102">
        <v>22</v>
      </c>
      <c r="DV8" s="103">
        <v>45</v>
      </c>
      <c r="DW8" s="413">
        <v>0</v>
      </c>
      <c r="DX8" s="102">
        <v>6</v>
      </c>
      <c r="DY8" s="102">
        <v>10</v>
      </c>
      <c r="DZ8" s="102">
        <v>12</v>
      </c>
      <c r="EA8" s="102">
        <v>5</v>
      </c>
      <c r="EB8" s="102">
        <v>5</v>
      </c>
      <c r="EC8" s="103">
        <v>38</v>
      </c>
      <c r="ED8" s="104">
        <v>83</v>
      </c>
      <c r="EE8" s="101">
        <v>34</v>
      </c>
      <c r="EF8" s="102">
        <v>53</v>
      </c>
      <c r="EG8" s="103">
        <v>87</v>
      </c>
      <c r="EH8" s="413">
        <v>0</v>
      </c>
      <c r="EI8" s="102">
        <v>31</v>
      </c>
      <c r="EJ8" s="102">
        <v>31</v>
      </c>
      <c r="EK8" s="102">
        <v>15</v>
      </c>
      <c r="EL8" s="102">
        <v>14</v>
      </c>
      <c r="EM8" s="102">
        <v>15</v>
      </c>
      <c r="EN8" s="103">
        <v>106</v>
      </c>
      <c r="EO8" s="104">
        <v>193</v>
      </c>
      <c r="EP8" s="101">
        <v>75</v>
      </c>
      <c r="EQ8" s="102">
        <v>93</v>
      </c>
      <c r="ER8" s="103">
        <v>168</v>
      </c>
      <c r="ES8" s="413">
        <v>0</v>
      </c>
      <c r="ET8" s="102">
        <v>83</v>
      </c>
      <c r="EU8" s="102">
        <v>61</v>
      </c>
      <c r="EV8" s="102">
        <v>36</v>
      </c>
      <c r="EW8" s="102">
        <v>41</v>
      </c>
      <c r="EX8" s="102">
        <v>24</v>
      </c>
      <c r="EY8" s="103">
        <v>245</v>
      </c>
      <c r="EZ8" s="104">
        <v>413</v>
      </c>
      <c r="FA8" s="101">
        <v>87</v>
      </c>
      <c r="FB8" s="102">
        <v>101</v>
      </c>
      <c r="FC8" s="103">
        <v>188</v>
      </c>
      <c r="FD8" s="413">
        <v>0</v>
      </c>
      <c r="FE8" s="102">
        <v>84</v>
      </c>
      <c r="FF8" s="102">
        <v>110</v>
      </c>
      <c r="FG8" s="102">
        <v>66</v>
      </c>
      <c r="FH8" s="102">
        <v>53</v>
      </c>
      <c r="FI8" s="102">
        <v>34</v>
      </c>
      <c r="FJ8" s="103">
        <v>347</v>
      </c>
      <c r="FK8" s="104">
        <v>535</v>
      </c>
      <c r="FL8" s="101">
        <v>59</v>
      </c>
      <c r="FM8" s="102">
        <v>85</v>
      </c>
      <c r="FN8" s="103">
        <v>144</v>
      </c>
      <c r="FO8" s="413">
        <v>0</v>
      </c>
      <c r="FP8" s="102">
        <v>113</v>
      </c>
      <c r="FQ8" s="102">
        <v>160</v>
      </c>
      <c r="FR8" s="102">
        <v>136</v>
      </c>
      <c r="FS8" s="102">
        <v>140</v>
      </c>
      <c r="FT8" s="102">
        <v>89</v>
      </c>
      <c r="FU8" s="103">
        <v>638</v>
      </c>
      <c r="FV8" s="104">
        <v>782</v>
      </c>
      <c r="FW8" s="101">
        <v>0</v>
      </c>
      <c r="FX8" s="102">
        <v>0</v>
      </c>
      <c r="FY8" s="103">
        <v>0</v>
      </c>
      <c r="FZ8" s="413">
        <v>0</v>
      </c>
      <c r="GA8" s="102">
        <v>0</v>
      </c>
      <c r="GB8" s="102">
        <v>0</v>
      </c>
      <c r="GC8" s="102">
        <v>0</v>
      </c>
      <c r="GD8" s="102">
        <v>0</v>
      </c>
      <c r="GE8" s="102">
        <v>0</v>
      </c>
      <c r="GF8" s="103">
        <v>0</v>
      </c>
      <c r="GG8" s="104">
        <v>0</v>
      </c>
      <c r="GH8" s="101">
        <v>288</v>
      </c>
      <c r="GI8" s="102">
        <v>366</v>
      </c>
      <c r="GJ8" s="103">
        <v>654</v>
      </c>
      <c r="GK8" s="413">
        <v>0</v>
      </c>
      <c r="GL8" s="102">
        <v>323</v>
      </c>
      <c r="GM8" s="102">
        <v>379</v>
      </c>
      <c r="GN8" s="102">
        <v>269</v>
      </c>
      <c r="GO8" s="102">
        <v>254</v>
      </c>
      <c r="GP8" s="102">
        <v>169</v>
      </c>
      <c r="GQ8" s="103">
        <v>1394</v>
      </c>
      <c r="GR8" s="104">
        <v>2048</v>
      </c>
      <c r="GS8" s="105">
        <v>2110</v>
      </c>
      <c r="GT8" s="97">
        <v>2502</v>
      </c>
      <c r="GU8" s="98">
        <v>4612</v>
      </c>
      <c r="GV8" s="413">
        <v>0</v>
      </c>
      <c r="GW8" s="97">
        <v>2501</v>
      </c>
      <c r="GX8" s="97">
        <v>2965</v>
      </c>
      <c r="GY8" s="97">
        <v>1851</v>
      </c>
      <c r="GZ8" s="97">
        <v>1523</v>
      </c>
      <c r="HA8" s="97">
        <v>844</v>
      </c>
      <c r="HB8" s="99">
        <v>9684</v>
      </c>
      <c r="HC8" s="100">
        <v>14296</v>
      </c>
      <c r="HD8" s="101">
        <v>33</v>
      </c>
      <c r="HE8" s="102">
        <v>45</v>
      </c>
      <c r="HF8" s="103">
        <v>78</v>
      </c>
      <c r="HG8" s="413">
        <v>0</v>
      </c>
      <c r="HH8" s="102">
        <v>39</v>
      </c>
      <c r="HI8" s="102">
        <v>51</v>
      </c>
      <c r="HJ8" s="102">
        <v>27</v>
      </c>
      <c r="HK8" s="102">
        <v>23</v>
      </c>
      <c r="HL8" s="102">
        <v>16</v>
      </c>
      <c r="HM8" s="103">
        <v>156</v>
      </c>
      <c r="HN8" s="104">
        <v>234</v>
      </c>
      <c r="HO8" s="101">
        <v>66</v>
      </c>
      <c r="HP8" s="102">
        <v>94</v>
      </c>
      <c r="HQ8" s="103">
        <v>160</v>
      </c>
      <c r="HR8" s="413">
        <v>0</v>
      </c>
      <c r="HS8" s="102">
        <v>59</v>
      </c>
      <c r="HT8" s="102">
        <v>121</v>
      </c>
      <c r="HU8" s="102">
        <v>73</v>
      </c>
      <c r="HV8" s="102">
        <v>51</v>
      </c>
      <c r="HW8" s="102">
        <v>44</v>
      </c>
      <c r="HX8" s="103">
        <v>348</v>
      </c>
      <c r="HY8" s="104">
        <v>508</v>
      </c>
      <c r="HZ8" s="101">
        <v>181</v>
      </c>
      <c r="IA8" s="102">
        <v>230</v>
      </c>
      <c r="IB8" s="103">
        <v>411</v>
      </c>
      <c r="IC8" s="413">
        <v>0</v>
      </c>
      <c r="ID8" s="102">
        <v>184</v>
      </c>
      <c r="IE8" s="102">
        <v>223</v>
      </c>
      <c r="IF8" s="102">
        <v>133</v>
      </c>
      <c r="IG8" s="102">
        <v>99</v>
      </c>
      <c r="IH8" s="102">
        <v>77</v>
      </c>
      <c r="II8" s="103">
        <v>716</v>
      </c>
      <c r="IJ8" s="104">
        <v>1127</v>
      </c>
      <c r="IK8" s="101">
        <v>430</v>
      </c>
      <c r="IL8" s="102">
        <v>497</v>
      </c>
      <c r="IM8" s="103">
        <v>927</v>
      </c>
      <c r="IN8" s="413">
        <v>0</v>
      </c>
      <c r="IO8" s="102">
        <v>478</v>
      </c>
      <c r="IP8" s="102">
        <v>476</v>
      </c>
      <c r="IQ8" s="102">
        <v>293</v>
      </c>
      <c r="IR8" s="102">
        <v>226</v>
      </c>
      <c r="IS8" s="102">
        <v>155</v>
      </c>
      <c r="IT8" s="103">
        <v>1628</v>
      </c>
      <c r="IU8" s="104">
        <v>2555</v>
      </c>
      <c r="IV8" s="101">
        <v>690</v>
      </c>
      <c r="IW8" s="102">
        <v>784</v>
      </c>
      <c r="IX8" s="103">
        <v>1474</v>
      </c>
      <c r="IY8" s="413">
        <v>0</v>
      </c>
      <c r="IZ8" s="102">
        <v>818</v>
      </c>
      <c r="JA8" s="102">
        <v>884</v>
      </c>
      <c r="JB8" s="102">
        <v>500</v>
      </c>
      <c r="JC8" s="102">
        <v>392</v>
      </c>
      <c r="JD8" s="102">
        <v>217</v>
      </c>
      <c r="JE8" s="103">
        <v>2811</v>
      </c>
      <c r="JF8" s="104">
        <v>4285</v>
      </c>
      <c r="JG8" s="101">
        <v>710</v>
      </c>
      <c r="JH8" s="102">
        <v>852</v>
      </c>
      <c r="JI8" s="103">
        <v>1562</v>
      </c>
      <c r="JJ8" s="413">
        <v>0</v>
      </c>
      <c r="JK8" s="102">
        <v>923</v>
      </c>
      <c r="JL8" s="102">
        <v>1210</v>
      </c>
      <c r="JM8" s="102">
        <v>825</v>
      </c>
      <c r="JN8" s="102">
        <v>732</v>
      </c>
      <c r="JO8" s="102">
        <v>335</v>
      </c>
      <c r="JP8" s="103">
        <v>4025</v>
      </c>
      <c r="JQ8" s="104">
        <v>5587</v>
      </c>
      <c r="JR8" s="101">
        <v>0</v>
      </c>
      <c r="JS8" s="102">
        <v>0</v>
      </c>
      <c r="JT8" s="103">
        <v>0</v>
      </c>
      <c r="JU8" s="413">
        <v>0</v>
      </c>
      <c r="JV8" s="102">
        <v>0</v>
      </c>
      <c r="JW8" s="102">
        <v>0</v>
      </c>
      <c r="JX8" s="102">
        <v>0</v>
      </c>
      <c r="JY8" s="102">
        <v>0</v>
      </c>
      <c r="JZ8" s="102">
        <v>0</v>
      </c>
      <c r="KA8" s="103">
        <v>0</v>
      </c>
      <c r="KB8" s="104">
        <v>0</v>
      </c>
      <c r="KC8" s="101">
        <v>2110</v>
      </c>
      <c r="KD8" s="102">
        <v>2502</v>
      </c>
      <c r="KE8" s="103">
        <v>4612</v>
      </c>
      <c r="KF8" s="413">
        <v>0</v>
      </c>
      <c r="KG8" s="102">
        <v>2501</v>
      </c>
      <c r="KH8" s="102">
        <v>2965</v>
      </c>
      <c r="KI8" s="102">
        <v>1851</v>
      </c>
      <c r="KJ8" s="102">
        <v>1523</v>
      </c>
      <c r="KK8" s="102">
        <v>844</v>
      </c>
      <c r="KL8" s="103">
        <v>9684</v>
      </c>
      <c r="KM8" s="104">
        <v>14296</v>
      </c>
    </row>
    <row r="9" spans="2:299" s="70" customFormat="1" ht="21" customHeight="1" x14ac:dyDescent="0.2">
      <c r="B9" s="106" t="s">
        <v>6</v>
      </c>
      <c r="C9" s="96">
        <v>503</v>
      </c>
      <c r="D9" s="97">
        <v>397</v>
      </c>
      <c r="E9" s="98">
        <v>900</v>
      </c>
      <c r="F9" s="413">
        <v>0</v>
      </c>
      <c r="G9" s="97">
        <v>785</v>
      </c>
      <c r="H9" s="97">
        <v>648</v>
      </c>
      <c r="I9" s="97">
        <v>391</v>
      </c>
      <c r="J9" s="97">
        <v>318</v>
      </c>
      <c r="K9" s="97">
        <v>196</v>
      </c>
      <c r="L9" s="99">
        <v>2338</v>
      </c>
      <c r="M9" s="100">
        <v>3238</v>
      </c>
      <c r="N9" s="101">
        <v>11</v>
      </c>
      <c r="O9" s="102">
        <v>7</v>
      </c>
      <c r="P9" s="103">
        <v>18</v>
      </c>
      <c r="Q9" s="413">
        <v>0</v>
      </c>
      <c r="R9" s="102">
        <v>8</v>
      </c>
      <c r="S9" s="102">
        <v>12</v>
      </c>
      <c r="T9" s="102">
        <v>13</v>
      </c>
      <c r="U9" s="102">
        <v>4</v>
      </c>
      <c r="V9" s="102">
        <v>5</v>
      </c>
      <c r="W9" s="103">
        <v>42</v>
      </c>
      <c r="X9" s="104">
        <v>60</v>
      </c>
      <c r="Y9" s="101">
        <v>23</v>
      </c>
      <c r="Z9" s="102">
        <v>14</v>
      </c>
      <c r="AA9" s="103">
        <v>37</v>
      </c>
      <c r="AB9" s="413">
        <v>0</v>
      </c>
      <c r="AC9" s="102">
        <v>29</v>
      </c>
      <c r="AD9" s="102">
        <v>20</v>
      </c>
      <c r="AE9" s="102">
        <v>10</v>
      </c>
      <c r="AF9" s="102">
        <v>20</v>
      </c>
      <c r="AG9" s="102">
        <v>13</v>
      </c>
      <c r="AH9" s="103">
        <v>92</v>
      </c>
      <c r="AI9" s="104">
        <v>129</v>
      </c>
      <c r="AJ9" s="101">
        <v>52</v>
      </c>
      <c r="AK9" s="102">
        <v>37</v>
      </c>
      <c r="AL9" s="103">
        <v>89</v>
      </c>
      <c r="AM9" s="413">
        <v>0</v>
      </c>
      <c r="AN9" s="102">
        <v>63</v>
      </c>
      <c r="AO9" s="102">
        <v>52</v>
      </c>
      <c r="AP9" s="102">
        <v>23</v>
      </c>
      <c r="AQ9" s="102">
        <v>31</v>
      </c>
      <c r="AR9" s="102">
        <v>21</v>
      </c>
      <c r="AS9" s="103">
        <v>190</v>
      </c>
      <c r="AT9" s="104">
        <v>279</v>
      </c>
      <c r="AU9" s="101">
        <v>97</v>
      </c>
      <c r="AV9" s="102">
        <v>75</v>
      </c>
      <c r="AW9" s="103">
        <v>172</v>
      </c>
      <c r="AX9" s="413">
        <v>0</v>
      </c>
      <c r="AY9" s="102">
        <v>140</v>
      </c>
      <c r="AZ9" s="102">
        <v>121</v>
      </c>
      <c r="BA9" s="102">
        <v>70</v>
      </c>
      <c r="BB9" s="102">
        <v>41</v>
      </c>
      <c r="BC9" s="102">
        <v>36</v>
      </c>
      <c r="BD9" s="103">
        <v>408</v>
      </c>
      <c r="BE9" s="104">
        <v>580</v>
      </c>
      <c r="BF9" s="101">
        <v>173</v>
      </c>
      <c r="BG9" s="102">
        <v>139</v>
      </c>
      <c r="BH9" s="103">
        <v>312</v>
      </c>
      <c r="BI9" s="413">
        <v>0</v>
      </c>
      <c r="BJ9" s="102">
        <v>241</v>
      </c>
      <c r="BK9" s="102">
        <v>185</v>
      </c>
      <c r="BL9" s="102">
        <v>110</v>
      </c>
      <c r="BM9" s="102">
        <v>83</v>
      </c>
      <c r="BN9" s="102">
        <v>66</v>
      </c>
      <c r="BO9" s="103">
        <v>685</v>
      </c>
      <c r="BP9" s="104">
        <v>997</v>
      </c>
      <c r="BQ9" s="101">
        <v>147</v>
      </c>
      <c r="BR9" s="102">
        <v>125</v>
      </c>
      <c r="BS9" s="103">
        <v>272</v>
      </c>
      <c r="BT9" s="413">
        <v>0</v>
      </c>
      <c r="BU9" s="102">
        <v>304</v>
      </c>
      <c r="BV9" s="102">
        <v>258</v>
      </c>
      <c r="BW9" s="102">
        <v>165</v>
      </c>
      <c r="BX9" s="102">
        <v>139</v>
      </c>
      <c r="BY9" s="102">
        <v>55</v>
      </c>
      <c r="BZ9" s="103">
        <v>921</v>
      </c>
      <c r="CA9" s="104">
        <v>1193</v>
      </c>
      <c r="CB9" s="101">
        <v>0</v>
      </c>
      <c r="CC9" s="102">
        <v>0</v>
      </c>
      <c r="CD9" s="103">
        <v>0</v>
      </c>
      <c r="CE9" s="413">
        <v>0</v>
      </c>
      <c r="CF9" s="102">
        <v>0</v>
      </c>
      <c r="CG9" s="102">
        <v>0</v>
      </c>
      <c r="CH9" s="102">
        <v>0</v>
      </c>
      <c r="CI9" s="102">
        <v>0</v>
      </c>
      <c r="CJ9" s="102">
        <v>0</v>
      </c>
      <c r="CK9" s="103">
        <v>0</v>
      </c>
      <c r="CL9" s="104">
        <v>0</v>
      </c>
      <c r="CM9" s="101">
        <v>503</v>
      </c>
      <c r="CN9" s="102">
        <v>397</v>
      </c>
      <c r="CO9" s="103">
        <v>900</v>
      </c>
      <c r="CP9" s="413">
        <v>0</v>
      </c>
      <c r="CQ9" s="102">
        <v>785</v>
      </c>
      <c r="CR9" s="102">
        <v>648</v>
      </c>
      <c r="CS9" s="102">
        <v>391</v>
      </c>
      <c r="CT9" s="102">
        <v>318</v>
      </c>
      <c r="CU9" s="102">
        <v>196</v>
      </c>
      <c r="CV9" s="103">
        <v>2338</v>
      </c>
      <c r="CW9" s="104">
        <v>3238</v>
      </c>
      <c r="CX9" s="105">
        <v>111</v>
      </c>
      <c r="CY9" s="97">
        <v>108</v>
      </c>
      <c r="CZ9" s="98">
        <v>219</v>
      </c>
      <c r="DA9" s="413">
        <v>0</v>
      </c>
      <c r="DB9" s="97">
        <v>131</v>
      </c>
      <c r="DC9" s="97">
        <v>102</v>
      </c>
      <c r="DD9" s="97">
        <v>77</v>
      </c>
      <c r="DE9" s="97">
        <v>88</v>
      </c>
      <c r="DF9" s="97">
        <v>58</v>
      </c>
      <c r="DG9" s="99">
        <v>456</v>
      </c>
      <c r="DH9" s="100">
        <v>675</v>
      </c>
      <c r="DI9" s="101">
        <v>1</v>
      </c>
      <c r="DJ9" s="102">
        <v>2</v>
      </c>
      <c r="DK9" s="103">
        <v>3</v>
      </c>
      <c r="DL9" s="413">
        <v>0</v>
      </c>
      <c r="DM9" s="102">
        <v>1</v>
      </c>
      <c r="DN9" s="102">
        <v>2</v>
      </c>
      <c r="DO9" s="102">
        <v>1</v>
      </c>
      <c r="DP9" s="102">
        <v>3</v>
      </c>
      <c r="DQ9" s="102">
        <v>0</v>
      </c>
      <c r="DR9" s="103">
        <v>7</v>
      </c>
      <c r="DS9" s="104">
        <v>10</v>
      </c>
      <c r="DT9" s="101">
        <v>6</v>
      </c>
      <c r="DU9" s="102">
        <v>7</v>
      </c>
      <c r="DV9" s="103">
        <v>13</v>
      </c>
      <c r="DW9" s="413">
        <v>0</v>
      </c>
      <c r="DX9" s="102">
        <v>4</v>
      </c>
      <c r="DY9" s="102">
        <v>3</v>
      </c>
      <c r="DZ9" s="102">
        <v>1</v>
      </c>
      <c r="EA9" s="102">
        <v>4</v>
      </c>
      <c r="EB9" s="102">
        <v>0</v>
      </c>
      <c r="EC9" s="103">
        <v>12</v>
      </c>
      <c r="ED9" s="104">
        <v>25</v>
      </c>
      <c r="EE9" s="101">
        <v>15</v>
      </c>
      <c r="EF9" s="102">
        <v>11</v>
      </c>
      <c r="EG9" s="103">
        <v>26</v>
      </c>
      <c r="EH9" s="413">
        <v>0</v>
      </c>
      <c r="EI9" s="102">
        <v>13</v>
      </c>
      <c r="EJ9" s="102">
        <v>4</v>
      </c>
      <c r="EK9" s="102">
        <v>5</v>
      </c>
      <c r="EL9" s="102">
        <v>3</v>
      </c>
      <c r="EM9" s="102">
        <v>3</v>
      </c>
      <c r="EN9" s="103">
        <v>28</v>
      </c>
      <c r="EO9" s="104">
        <v>54</v>
      </c>
      <c r="EP9" s="101">
        <v>30</v>
      </c>
      <c r="EQ9" s="102">
        <v>29</v>
      </c>
      <c r="ER9" s="103">
        <v>59</v>
      </c>
      <c r="ES9" s="413">
        <v>0</v>
      </c>
      <c r="ET9" s="102">
        <v>26</v>
      </c>
      <c r="EU9" s="102">
        <v>17</v>
      </c>
      <c r="EV9" s="102">
        <v>10</v>
      </c>
      <c r="EW9" s="102">
        <v>8</v>
      </c>
      <c r="EX9" s="102">
        <v>4</v>
      </c>
      <c r="EY9" s="103">
        <v>65</v>
      </c>
      <c r="EZ9" s="104">
        <v>124</v>
      </c>
      <c r="FA9" s="101">
        <v>37</v>
      </c>
      <c r="FB9" s="102">
        <v>33</v>
      </c>
      <c r="FC9" s="103">
        <v>70</v>
      </c>
      <c r="FD9" s="413">
        <v>0</v>
      </c>
      <c r="FE9" s="102">
        <v>38</v>
      </c>
      <c r="FF9" s="102">
        <v>27</v>
      </c>
      <c r="FG9" s="102">
        <v>26</v>
      </c>
      <c r="FH9" s="102">
        <v>22</v>
      </c>
      <c r="FI9" s="102">
        <v>18</v>
      </c>
      <c r="FJ9" s="103">
        <v>131</v>
      </c>
      <c r="FK9" s="104">
        <v>201</v>
      </c>
      <c r="FL9" s="101">
        <v>22</v>
      </c>
      <c r="FM9" s="102">
        <v>26</v>
      </c>
      <c r="FN9" s="103">
        <v>48</v>
      </c>
      <c r="FO9" s="413">
        <v>0</v>
      </c>
      <c r="FP9" s="102">
        <v>49</v>
      </c>
      <c r="FQ9" s="102">
        <v>49</v>
      </c>
      <c r="FR9" s="102">
        <v>34</v>
      </c>
      <c r="FS9" s="102">
        <v>48</v>
      </c>
      <c r="FT9" s="102">
        <v>33</v>
      </c>
      <c r="FU9" s="103">
        <v>213</v>
      </c>
      <c r="FV9" s="104">
        <v>261</v>
      </c>
      <c r="FW9" s="101">
        <v>0</v>
      </c>
      <c r="FX9" s="102">
        <v>0</v>
      </c>
      <c r="FY9" s="103">
        <v>0</v>
      </c>
      <c r="FZ9" s="413">
        <v>0</v>
      </c>
      <c r="GA9" s="102">
        <v>0</v>
      </c>
      <c r="GB9" s="102">
        <v>0</v>
      </c>
      <c r="GC9" s="102">
        <v>0</v>
      </c>
      <c r="GD9" s="102">
        <v>0</v>
      </c>
      <c r="GE9" s="102">
        <v>0</v>
      </c>
      <c r="GF9" s="103">
        <v>0</v>
      </c>
      <c r="GG9" s="104">
        <v>0</v>
      </c>
      <c r="GH9" s="101">
        <v>111</v>
      </c>
      <c r="GI9" s="102">
        <v>108</v>
      </c>
      <c r="GJ9" s="103">
        <v>219</v>
      </c>
      <c r="GK9" s="413">
        <v>0</v>
      </c>
      <c r="GL9" s="102">
        <v>131</v>
      </c>
      <c r="GM9" s="102">
        <v>102</v>
      </c>
      <c r="GN9" s="102">
        <v>77</v>
      </c>
      <c r="GO9" s="102">
        <v>88</v>
      </c>
      <c r="GP9" s="102">
        <v>58</v>
      </c>
      <c r="GQ9" s="103">
        <v>456</v>
      </c>
      <c r="GR9" s="104">
        <v>675</v>
      </c>
      <c r="GS9" s="105">
        <v>614</v>
      </c>
      <c r="GT9" s="97">
        <v>505</v>
      </c>
      <c r="GU9" s="98">
        <v>1119</v>
      </c>
      <c r="GV9" s="413">
        <v>0</v>
      </c>
      <c r="GW9" s="97">
        <v>916</v>
      </c>
      <c r="GX9" s="97">
        <v>750</v>
      </c>
      <c r="GY9" s="97">
        <v>468</v>
      </c>
      <c r="GZ9" s="97">
        <v>406</v>
      </c>
      <c r="HA9" s="97">
        <v>254</v>
      </c>
      <c r="HB9" s="99">
        <v>2794</v>
      </c>
      <c r="HC9" s="100">
        <v>3913</v>
      </c>
      <c r="HD9" s="101">
        <v>12</v>
      </c>
      <c r="HE9" s="102">
        <v>9</v>
      </c>
      <c r="HF9" s="103">
        <v>21</v>
      </c>
      <c r="HG9" s="413">
        <v>0</v>
      </c>
      <c r="HH9" s="102">
        <v>9</v>
      </c>
      <c r="HI9" s="102">
        <v>14</v>
      </c>
      <c r="HJ9" s="102">
        <v>14</v>
      </c>
      <c r="HK9" s="102">
        <v>7</v>
      </c>
      <c r="HL9" s="102">
        <v>5</v>
      </c>
      <c r="HM9" s="103">
        <v>49</v>
      </c>
      <c r="HN9" s="104">
        <v>70</v>
      </c>
      <c r="HO9" s="101">
        <v>29</v>
      </c>
      <c r="HP9" s="102">
        <v>21</v>
      </c>
      <c r="HQ9" s="103">
        <v>50</v>
      </c>
      <c r="HR9" s="413">
        <v>0</v>
      </c>
      <c r="HS9" s="102">
        <v>33</v>
      </c>
      <c r="HT9" s="102">
        <v>23</v>
      </c>
      <c r="HU9" s="102">
        <v>11</v>
      </c>
      <c r="HV9" s="102">
        <v>24</v>
      </c>
      <c r="HW9" s="102">
        <v>13</v>
      </c>
      <c r="HX9" s="103">
        <v>104</v>
      </c>
      <c r="HY9" s="104">
        <v>154</v>
      </c>
      <c r="HZ9" s="101">
        <v>67</v>
      </c>
      <c r="IA9" s="102">
        <v>48</v>
      </c>
      <c r="IB9" s="103">
        <v>115</v>
      </c>
      <c r="IC9" s="413">
        <v>0</v>
      </c>
      <c r="ID9" s="102">
        <v>76</v>
      </c>
      <c r="IE9" s="102">
        <v>56</v>
      </c>
      <c r="IF9" s="102">
        <v>28</v>
      </c>
      <c r="IG9" s="102">
        <v>34</v>
      </c>
      <c r="IH9" s="102">
        <v>24</v>
      </c>
      <c r="II9" s="103">
        <v>218</v>
      </c>
      <c r="IJ9" s="104">
        <v>333</v>
      </c>
      <c r="IK9" s="101">
        <v>127</v>
      </c>
      <c r="IL9" s="102">
        <v>104</v>
      </c>
      <c r="IM9" s="103">
        <v>231</v>
      </c>
      <c r="IN9" s="413">
        <v>0</v>
      </c>
      <c r="IO9" s="102">
        <v>166</v>
      </c>
      <c r="IP9" s="102">
        <v>138</v>
      </c>
      <c r="IQ9" s="102">
        <v>80</v>
      </c>
      <c r="IR9" s="102">
        <v>49</v>
      </c>
      <c r="IS9" s="102">
        <v>40</v>
      </c>
      <c r="IT9" s="103">
        <v>473</v>
      </c>
      <c r="IU9" s="104">
        <v>704</v>
      </c>
      <c r="IV9" s="101">
        <v>210</v>
      </c>
      <c r="IW9" s="102">
        <v>172</v>
      </c>
      <c r="IX9" s="103">
        <v>382</v>
      </c>
      <c r="IY9" s="413">
        <v>0</v>
      </c>
      <c r="IZ9" s="102">
        <v>279</v>
      </c>
      <c r="JA9" s="102">
        <v>212</v>
      </c>
      <c r="JB9" s="102">
        <v>136</v>
      </c>
      <c r="JC9" s="102">
        <v>105</v>
      </c>
      <c r="JD9" s="102">
        <v>84</v>
      </c>
      <c r="JE9" s="103">
        <v>816</v>
      </c>
      <c r="JF9" s="104">
        <v>1198</v>
      </c>
      <c r="JG9" s="101">
        <v>169</v>
      </c>
      <c r="JH9" s="102">
        <v>151</v>
      </c>
      <c r="JI9" s="103">
        <v>320</v>
      </c>
      <c r="JJ9" s="413">
        <v>0</v>
      </c>
      <c r="JK9" s="102">
        <v>353</v>
      </c>
      <c r="JL9" s="102">
        <v>307</v>
      </c>
      <c r="JM9" s="102">
        <v>199</v>
      </c>
      <c r="JN9" s="102">
        <v>187</v>
      </c>
      <c r="JO9" s="102">
        <v>88</v>
      </c>
      <c r="JP9" s="103">
        <v>1134</v>
      </c>
      <c r="JQ9" s="104">
        <v>1454</v>
      </c>
      <c r="JR9" s="101">
        <v>0</v>
      </c>
      <c r="JS9" s="102">
        <v>0</v>
      </c>
      <c r="JT9" s="103">
        <v>0</v>
      </c>
      <c r="JU9" s="413">
        <v>0</v>
      </c>
      <c r="JV9" s="102">
        <v>0</v>
      </c>
      <c r="JW9" s="102">
        <v>0</v>
      </c>
      <c r="JX9" s="102">
        <v>0</v>
      </c>
      <c r="JY9" s="102">
        <v>0</v>
      </c>
      <c r="JZ9" s="102">
        <v>0</v>
      </c>
      <c r="KA9" s="103">
        <v>0</v>
      </c>
      <c r="KB9" s="104">
        <v>0</v>
      </c>
      <c r="KC9" s="101">
        <v>614</v>
      </c>
      <c r="KD9" s="102">
        <v>505</v>
      </c>
      <c r="KE9" s="103">
        <v>1119</v>
      </c>
      <c r="KF9" s="413">
        <v>0</v>
      </c>
      <c r="KG9" s="102">
        <v>916</v>
      </c>
      <c r="KH9" s="102">
        <v>750</v>
      </c>
      <c r="KI9" s="102">
        <v>468</v>
      </c>
      <c r="KJ9" s="102">
        <v>406</v>
      </c>
      <c r="KK9" s="102">
        <v>254</v>
      </c>
      <c r="KL9" s="103">
        <v>2794</v>
      </c>
      <c r="KM9" s="104">
        <v>3913</v>
      </c>
    </row>
    <row r="10" spans="2:299" s="70" customFormat="1" ht="21" customHeight="1" x14ac:dyDescent="0.2">
      <c r="B10" s="106" t="s">
        <v>14</v>
      </c>
      <c r="C10" s="96">
        <v>308</v>
      </c>
      <c r="D10" s="97">
        <v>362</v>
      </c>
      <c r="E10" s="98">
        <v>670</v>
      </c>
      <c r="F10" s="413">
        <v>0</v>
      </c>
      <c r="G10" s="97">
        <v>410</v>
      </c>
      <c r="H10" s="97">
        <v>423</v>
      </c>
      <c r="I10" s="97">
        <v>294</v>
      </c>
      <c r="J10" s="97">
        <v>216</v>
      </c>
      <c r="K10" s="97">
        <v>136</v>
      </c>
      <c r="L10" s="99">
        <v>1479</v>
      </c>
      <c r="M10" s="100">
        <v>2149</v>
      </c>
      <c r="N10" s="101">
        <v>6</v>
      </c>
      <c r="O10" s="102">
        <v>8</v>
      </c>
      <c r="P10" s="103">
        <v>14</v>
      </c>
      <c r="Q10" s="413">
        <v>0</v>
      </c>
      <c r="R10" s="102">
        <v>5</v>
      </c>
      <c r="S10" s="102">
        <v>8</v>
      </c>
      <c r="T10" s="102">
        <v>8</v>
      </c>
      <c r="U10" s="102">
        <v>7</v>
      </c>
      <c r="V10" s="102">
        <v>3</v>
      </c>
      <c r="W10" s="103">
        <v>31</v>
      </c>
      <c r="X10" s="104">
        <v>45</v>
      </c>
      <c r="Y10" s="101">
        <v>11</v>
      </c>
      <c r="Z10" s="102">
        <v>21</v>
      </c>
      <c r="AA10" s="103">
        <v>32</v>
      </c>
      <c r="AB10" s="413">
        <v>0</v>
      </c>
      <c r="AC10" s="102">
        <v>21</v>
      </c>
      <c r="AD10" s="102">
        <v>22</v>
      </c>
      <c r="AE10" s="102">
        <v>8</v>
      </c>
      <c r="AF10" s="102">
        <v>7</v>
      </c>
      <c r="AG10" s="102">
        <v>7</v>
      </c>
      <c r="AH10" s="103">
        <v>65</v>
      </c>
      <c r="AI10" s="104">
        <v>97</v>
      </c>
      <c r="AJ10" s="101">
        <v>26</v>
      </c>
      <c r="AK10" s="102">
        <v>32</v>
      </c>
      <c r="AL10" s="103">
        <v>58</v>
      </c>
      <c r="AM10" s="413">
        <v>0</v>
      </c>
      <c r="AN10" s="102">
        <v>36</v>
      </c>
      <c r="AO10" s="102">
        <v>34</v>
      </c>
      <c r="AP10" s="102">
        <v>20</v>
      </c>
      <c r="AQ10" s="102">
        <v>19</v>
      </c>
      <c r="AR10" s="102">
        <v>18</v>
      </c>
      <c r="AS10" s="103">
        <v>127</v>
      </c>
      <c r="AT10" s="104">
        <v>185</v>
      </c>
      <c r="AU10" s="101">
        <v>71</v>
      </c>
      <c r="AV10" s="102">
        <v>84</v>
      </c>
      <c r="AW10" s="103">
        <v>155</v>
      </c>
      <c r="AX10" s="413">
        <v>0</v>
      </c>
      <c r="AY10" s="102">
        <v>95</v>
      </c>
      <c r="AZ10" s="102">
        <v>93</v>
      </c>
      <c r="BA10" s="102">
        <v>59</v>
      </c>
      <c r="BB10" s="102">
        <v>43</v>
      </c>
      <c r="BC10" s="102">
        <v>25</v>
      </c>
      <c r="BD10" s="103">
        <v>315</v>
      </c>
      <c r="BE10" s="104">
        <v>470</v>
      </c>
      <c r="BF10" s="101">
        <v>102</v>
      </c>
      <c r="BG10" s="102">
        <v>118</v>
      </c>
      <c r="BH10" s="103">
        <v>220</v>
      </c>
      <c r="BI10" s="413">
        <v>0</v>
      </c>
      <c r="BJ10" s="102">
        <v>128</v>
      </c>
      <c r="BK10" s="102">
        <v>133</v>
      </c>
      <c r="BL10" s="102">
        <v>84</v>
      </c>
      <c r="BM10" s="102">
        <v>69</v>
      </c>
      <c r="BN10" s="102">
        <v>34</v>
      </c>
      <c r="BO10" s="103">
        <v>448</v>
      </c>
      <c r="BP10" s="104">
        <v>668</v>
      </c>
      <c r="BQ10" s="101">
        <v>92</v>
      </c>
      <c r="BR10" s="102">
        <v>99</v>
      </c>
      <c r="BS10" s="103">
        <v>191</v>
      </c>
      <c r="BT10" s="413">
        <v>0</v>
      </c>
      <c r="BU10" s="102">
        <v>125</v>
      </c>
      <c r="BV10" s="102">
        <v>133</v>
      </c>
      <c r="BW10" s="102">
        <v>115</v>
      </c>
      <c r="BX10" s="102">
        <v>71</v>
      </c>
      <c r="BY10" s="102">
        <v>49</v>
      </c>
      <c r="BZ10" s="103">
        <v>493</v>
      </c>
      <c r="CA10" s="104">
        <v>684</v>
      </c>
      <c r="CB10" s="101">
        <v>0</v>
      </c>
      <c r="CC10" s="102">
        <v>0</v>
      </c>
      <c r="CD10" s="103">
        <v>0</v>
      </c>
      <c r="CE10" s="413">
        <v>0</v>
      </c>
      <c r="CF10" s="102">
        <v>0</v>
      </c>
      <c r="CG10" s="102">
        <v>0</v>
      </c>
      <c r="CH10" s="102">
        <v>0</v>
      </c>
      <c r="CI10" s="102">
        <v>0</v>
      </c>
      <c r="CJ10" s="102">
        <v>0</v>
      </c>
      <c r="CK10" s="103">
        <v>0</v>
      </c>
      <c r="CL10" s="104">
        <v>0</v>
      </c>
      <c r="CM10" s="101">
        <v>308</v>
      </c>
      <c r="CN10" s="102">
        <v>362</v>
      </c>
      <c r="CO10" s="103">
        <v>670</v>
      </c>
      <c r="CP10" s="413">
        <v>0</v>
      </c>
      <c r="CQ10" s="102">
        <v>410</v>
      </c>
      <c r="CR10" s="102">
        <v>423</v>
      </c>
      <c r="CS10" s="102">
        <v>294</v>
      </c>
      <c r="CT10" s="102">
        <v>216</v>
      </c>
      <c r="CU10" s="102">
        <v>136</v>
      </c>
      <c r="CV10" s="103">
        <v>1479</v>
      </c>
      <c r="CW10" s="104">
        <v>2149</v>
      </c>
      <c r="CX10" s="105">
        <v>40</v>
      </c>
      <c r="CY10" s="97">
        <v>49</v>
      </c>
      <c r="CZ10" s="98">
        <v>89</v>
      </c>
      <c r="DA10" s="413">
        <v>0</v>
      </c>
      <c r="DB10" s="97">
        <v>48</v>
      </c>
      <c r="DC10" s="97">
        <v>58</v>
      </c>
      <c r="DD10" s="97">
        <v>38</v>
      </c>
      <c r="DE10" s="97">
        <v>37</v>
      </c>
      <c r="DF10" s="97">
        <v>18</v>
      </c>
      <c r="DG10" s="99">
        <v>199</v>
      </c>
      <c r="DH10" s="100">
        <v>288</v>
      </c>
      <c r="DI10" s="101">
        <v>0</v>
      </c>
      <c r="DJ10" s="102">
        <v>2</v>
      </c>
      <c r="DK10" s="103">
        <v>2</v>
      </c>
      <c r="DL10" s="413">
        <v>0</v>
      </c>
      <c r="DM10" s="102">
        <v>1</v>
      </c>
      <c r="DN10" s="102">
        <v>3</v>
      </c>
      <c r="DO10" s="102">
        <v>1</v>
      </c>
      <c r="DP10" s="102">
        <v>1</v>
      </c>
      <c r="DQ10" s="102">
        <v>2</v>
      </c>
      <c r="DR10" s="103">
        <v>8</v>
      </c>
      <c r="DS10" s="104">
        <v>10</v>
      </c>
      <c r="DT10" s="101">
        <v>6</v>
      </c>
      <c r="DU10" s="102">
        <v>2</v>
      </c>
      <c r="DV10" s="103">
        <v>8</v>
      </c>
      <c r="DW10" s="413">
        <v>0</v>
      </c>
      <c r="DX10" s="102">
        <v>1</v>
      </c>
      <c r="DY10" s="102">
        <v>3</v>
      </c>
      <c r="DZ10" s="102">
        <v>1</v>
      </c>
      <c r="EA10" s="102">
        <v>1</v>
      </c>
      <c r="EB10" s="102">
        <v>2</v>
      </c>
      <c r="EC10" s="103">
        <v>8</v>
      </c>
      <c r="ED10" s="104">
        <v>16</v>
      </c>
      <c r="EE10" s="101">
        <v>6</v>
      </c>
      <c r="EF10" s="102">
        <v>7</v>
      </c>
      <c r="EG10" s="103">
        <v>13</v>
      </c>
      <c r="EH10" s="413">
        <v>0</v>
      </c>
      <c r="EI10" s="102">
        <v>4</v>
      </c>
      <c r="EJ10" s="102">
        <v>5</v>
      </c>
      <c r="EK10" s="102">
        <v>4</v>
      </c>
      <c r="EL10" s="102">
        <v>2</v>
      </c>
      <c r="EM10" s="102">
        <v>1</v>
      </c>
      <c r="EN10" s="103">
        <v>16</v>
      </c>
      <c r="EO10" s="104">
        <v>29</v>
      </c>
      <c r="EP10" s="101">
        <v>12</v>
      </c>
      <c r="EQ10" s="102">
        <v>13</v>
      </c>
      <c r="ER10" s="103">
        <v>25</v>
      </c>
      <c r="ES10" s="413">
        <v>0</v>
      </c>
      <c r="ET10" s="102">
        <v>11</v>
      </c>
      <c r="EU10" s="102">
        <v>14</v>
      </c>
      <c r="EV10" s="102">
        <v>5</v>
      </c>
      <c r="EW10" s="102">
        <v>4</v>
      </c>
      <c r="EX10" s="102">
        <v>1</v>
      </c>
      <c r="EY10" s="103">
        <v>35</v>
      </c>
      <c r="EZ10" s="104">
        <v>60</v>
      </c>
      <c r="FA10" s="101">
        <v>9</v>
      </c>
      <c r="FB10" s="102">
        <v>14</v>
      </c>
      <c r="FC10" s="103">
        <v>23</v>
      </c>
      <c r="FD10" s="413">
        <v>0</v>
      </c>
      <c r="FE10" s="102">
        <v>17</v>
      </c>
      <c r="FF10" s="102">
        <v>14</v>
      </c>
      <c r="FG10" s="102">
        <v>10</v>
      </c>
      <c r="FH10" s="102">
        <v>7</v>
      </c>
      <c r="FI10" s="102">
        <v>6</v>
      </c>
      <c r="FJ10" s="103">
        <v>54</v>
      </c>
      <c r="FK10" s="104">
        <v>77</v>
      </c>
      <c r="FL10" s="101">
        <v>7</v>
      </c>
      <c r="FM10" s="102">
        <v>11</v>
      </c>
      <c r="FN10" s="103">
        <v>18</v>
      </c>
      <c r="FO10" s="413">
        <v>0</v>
      </c>
      <c r="FP10" s="102">
        <v>14</v>
      </c>
      <c r="FQ10" s="102">
        <v>19</v>
      </c>
      <c r="FR10" s="102">
        <v>17</v>
      </c>
      <c r="FS10" s="102">
        <v>22</v>
      </c>
      <c r="FT10" s="102">
        <v>6</v>
      </c>
      <c r="FU10" s="103">
        <v>78</v>
      </c>
      <c r="FV10" s="104">
        <v>96</v>
      </c>
      <c r="FW10" s="101">
        <v>0</v>
      </c>
      <c r="FX10" s="102">
        <v>0</v>
      </c>
      <c r="FY10" s="103">
        <v>0</v>
      </c>
      <c r="FZ10" s="413">
        <v>0</v>
      </c>
      <c r="GA10" s="102">
        <v>0</v>
      </c>
      <c r="GB10" s="102">
        <v>0</v>
      </c>
      <c r="GC10" s="102">
        <v>0</v>
      </c>
      <c r="GD10" s="102">
        <v>0</v>
      </c>
      <c r="GE10" s="102">
        <v>0</v>
      </c>
      <c r="GF10" s="103">
        <v>0</v>
      </c>
      <c r="GG10" s="104">
        <v>0</v>
      </c>
      <c r="GH10" s="101">
        <v>40</v>
      </c>
      <c r="GI10" s="102">
        <v>49</v>
      </c>
      <c r="GJ10" s="103">
        <v>89</v>
      </c>
      <c r="GK10" s="413">
        <v>0</v>
      </c>
      <c r="GL10" s="102">
        <v>48</v>
      </c>
      <c r="GM10" s="102">
        <v>58</v>
      </c>
      <c r="GN10" s="102">
        <v>38</v>
      </c>
      <c r="GO10" s="102">
        <v>37</v>
      </c>
      <c r="GP10" s="102">
        <v>18</v>
      </c>
      <c r="GQ10" s="103">
        <v>199</v>
      </c>
      <c r="GR10" s="104">
        <v>288</v>
      </c>
      <c r="GS10" s="105">
        <v>348</v>
      </c>
      <c r="GT10" s="97">
        <v>411</v>
      </c>
      <c r="GU10" s="98">
        <v>759</v>
      </c>
      <c r="GV10" s="413">
        <v>0</v>
      </c>
      <c r="GW10" s="97">
        <v>458</v>
      </c>
      <c r="GX10" s="97">
        <v>481</v>
      </c>
      <c r="GY10" s="97">
        <v>332</v>
      </c>
      <c r="GZ10" s="97">
        <v>253</v>
      </c>
      <c r="HA10" s="97">
        <v>154</v>
      </c>
      <c r="HB10" s="99">
        <v>1678</v>
      </c>
      <c r="HC10" s="100">
        <v>2437</v>
      </c>
      <c r="HD10" s="101">
        <v>6</v>
      </c>
      <c r="HE10" s="102">
        <v>10</v>
      </c>
      <c r="HF10" s="103">
        <v>16</v>
      </c>
      <c r="HG10" s="413">
        <v>0</v>
      </c>
      <c r="HH10" s="102">
        <v>6</v>
      </c>
      <c r="HI10" s="102">
        <v>11</v>
      </c>
      <c r="HJ10" s="102">
        <v>9</v>
      </c>
      <c r="HK10" s="102">
        <v>8</v>
      </c>
      <c r="HL10" s="102">
        <v>5</v>
      </c>
      <c r="HM10" s="103">
        <v>39</v>
      </c>
      <c r="HN10" s="104">
        <v>55</v>
      </c>
      <c r="HO10" s="101">
        <v>17</v>
      </c>
      <c r="HP10" s="102">
        <v>23</v>
      </c>
      <c r="HQ10" s="103">
        <v>40</v>
      </c>
      <c r="HR10" s="413">
        <v>0</v>
      </c>
      <c r="HS10" s="102">
        <v>22</v>
      </c>
      <c r="HT10" s="102">
        <v>25</v>
      </c>
      <c r="HU10" s="102">
        <v>9</v>
      </c>
      <c r="HV10" s="102">
        <v>8</v>
      </c>
      <c r="HW10" s="102">
        <v>9</v>
      </c>
      <c r="HX10" s="103">
        <v>73</v>
      </c>
      <c r="HY10" s="104">
        <v>113</v>
      </c>
      <c r="HZ10" s="101">
        <v>32</v>
      </c>
      <c r="IA10" s="102">
        <v>39</v>
      </c>
      <c r="IB10" s="103">
        <v>71</v>
      </c>
      <c r="IC10" s="413">
        <v>0</v>
      </c>
      <c r="ID10" s="102">
        <v>40</v>
      </c>
      <c r="IE10" s="102">
        <v>39</v>
      </c>
      <c r="IF10" s="102">
        <v>24</v>
      </c>
      <c r="IG10" s="102">
        <v>21</v>
      </c>
      <c r="IH10" s="102">
        <v>19</v>
      </c>
      <c r="II10" s="103">
        <v>143</v>
      </c>
      <c r="IJ10" s="104">
        <v>214</v>
      </c>
      <c r="IK10" s="101">
        <v>83</v>
      </c>
      <c r="IL10" s="102">
        <v>97</v>
      </c>
      <c r="IM10" s="103">
        <v>180</v>
      </c>
      <c r="IN10" s="413">
        <v>0</v>
      </c>
      <c r="IO10" s="102">
        <v>106</v>
      </c>
      <c r="IP10" s="102">
        <v>107</v>
      </c>
      <c r="IQ10" s="102">
        <v>64</v>
      </c>
      <c r="IR10" s="102">
        <v>47</v>
      </c>
      <c r="IS10" s="102">
        <v>26</v>
      </c>
      <c r="IT10" s="103">
        <v>350</v>
      </c>
      <c r="IU10" s="104">
        <v>530</v>
      </c>
      <c r="IV10" s="101">
        <v>111</v>
      </c>
      <c r="IW10" s="102">
        <v>132</v>
      </c>
      <c r="IX10" s="103">
        <v>243</v>
      </c>
      <c r="IY10" s="413">
        <v>0</v>
      </c>
      <c r="IZ10" s="102">
        <v>145</v>
      </c>
      <c r="JA10" s="102">
        <v>147</v>
      </c>
      <c r="JB10" s="102">
        <v>94</v>
      </c>
      <c r="JC10" s="102">
        <v>76</v>
      </c>
      <c r="JD10" s="102">
        <v>40</v>
      </c>
      <c r="JE10" s="103">
        <v>502</v>
      </c>
      <c r="JF10" s="104">
        <v>745</v>
      </c>
      <c r="JG10" s="101">
        <v>99</v>
      </c>
      <c r="JH10" s="102">
        <v>110</v>
      </c>
      <c r="JI10" s="103">
        <v>209</v>
      </c>
      <c r="JJ10" s="413">
        <v>0</v>
      </c>
      <c r="JK10" s="102">
        <v>139</v>
      </c>
      <c r="JL10" s="102">
        <v>152</v>
      </c>
      <c r="JM10" s="102">
        <v>132</v>
      </c>
      <c r="JN10" s="102">
        <v>93</v>
      </c>
      <c r="JO10" s="102">
        <v>55</v>
      </c>
      <c r="JP10" s="103">
        <v>571</v>
      </c>
      <c r="JQ10" s="104">
        <v>780</v>
      </c>
      <c r="JR10" s="101">
        <v>0</v>
      </c>
      <c r="JS10" s="102">
        <v>0</v>
      </c>
      <c r="JT10" s="103">
        <v>0</v>
      </c>
      <c r="JU10" s="413">
        <v>0</v>
      </c>
      <c r="JV10" s="102">
        <v>0</v>
      </c>
      <c r="JW10" s="102">
        <v>0</v>
      </c>
      <c r="JX10" s="102">
        <v>0</v>
      </c>
      <c r="JY10" s="102">
        <v>0</v>
      </c>
      <c r="JZ10" s="102">
        <v>0</v>
      </c>
      <c r="KA10" s="103">
        <v>0</v>
      </c>
      <c r="KB10" s="104">
        <v>0</v>
      </c>
      <c r="KC10" s="101">
        <v>348</v>
      </c>
      <c r="KD10" s="102">
        <v>411</v>
      </c>
      <c r="KE10" s="103">
        <v>759</v>
      </c>
      <c r="KF10" s="413">
        <v>0</v>
      </c>
      <c r="KG10" s="102">
        <v>458</v>
      </c>
      <c r="KH10" s="102">
        <v>481</v>
      </c>
      <c r="KI10" s="102">
        <v>332</v>
      </c>
      <c r="KJ10" s="102">
        <v>253</v>
      </c>
      <c r="KK10" s="102">
        <v>154</v>
      </c>
      <c r="KL10" s="103">
        <v>1678</v>
      </c>
      <c r="KM10" s="104">
        <v>2437</v>
      </c>
    </row>
    <row r="11" spans="2:299" s="70" customFormat="1" ht="21" customHeight="1" x14ac:dyDescent="0.2">
      <c r="B11" s="106" t="s">
        <v>7</v>
      </c>
      <c r="C11" s="96">
        <v>236</v>
      </c>
      <c r="D11" s="97">
        <v>201</v>
      </c>
      <c r="E11" s="98">
        <v>437</v>
      </c>
      <c r="F11" s="413">
        <v>0</v>
      </c>
      <c r="G11" s="97">
        <v>534</v>
      </c>
      <c r="H11" s="97">
        <v>323</v>
      </c>
      <c r="I11" s="97">
        <v>187</v>
      </c>
      <c r="J11" s="97">
        <v>173</v>
      </c>
      <c r="K11" s="97">
        <v>85</v>
      </c>
      <c r="L11" s="99">
        <v>1302</v>
      </c>
      <c r="M11" s="100">
        <v>1739</v>
      </c>
      <c r="N11" s="101">
        <v>3</v>
      </c>
      <c r="O11" s="102">
        <v>2</v>
      </c>
      <c r="P11" s="103">
        <v>5</v>
      </c>
      <c r="Q11" s="413">
        <v>0</v>
      </c>
      <c r="R11" s="102">
        <v>7</v>
      </c>
      <c r="S11" s="102">
        <v>3</v>
      </c>
      <c r="T11" s="102">
        <v>2</v>
      </c>
      <c r="U11" s="102">
        <v>4</v>
      </c>
      <c r="V11" s="102">
        <v>1</v>
      </c>
      <c r="W11" s="103">
        <v>17</v>
      </c>
      <c r="X11" s="104">
        <v>22</v>
      </c>
      <c r="Y11" s="101">
        <v>4</v>
      </c>
      <c r="Z11" s="102">
        <v>9</v>
      </c>
      <c r="AA11" s="103">
        <v>13</v>
      </c>
      <c r="AB11" s="413">
        <v>0</v>
      </c>
      <c r="AC11" s="102">
        <v>14</v>
      </c>
      <c r="AD11" s="102">
        <v>9</v>
      </c>
      <c r="AE11" s="102">
        <v>5</v>
      </c>
      <c r="AF11" s="102">
        <v>7</v>
      </c>
      <c r="AG11" s="102">
        <v>6</v>
      </c>
      <c r="AH11" s="103">
        <v>41</v>
      </c>
      <c r="AI11" s="104">
        <v>54</v>
      </c>
      <c r="AJ11" s="101">
        <v>19</v>
      </c>
      <c r="AK11" s="102">
        <v>11</v>
      </c>
      <c r="AL11" s="103">
        <v>30</v>
      </c>
      <c r="AM11" s="413">
        <v>0</v>
      </c>
      <c r="AN11" s="102">
        <v>37</v>
      </c>
      <c r="AO11" s="102">
        <v>24</v>
      </c>
      <c r="AP11" s="102">
        <v>11</v>
      </c>
      <c r="AQ11" s="102">
        <v>13</v>
      </c>
      <c r="AR11" s="102">
        <v>9</v>
      </c>
      <c r="AS11" s="103">
        <v>94</v>
      </c>
      <c r="AT11" s="104">
        <v>124</v>
      </c>
      <c r="AU11" s="101">
        <v>47</v>
      </c>
      <c r="AV11" s="102">
        <v>38</v>
      </c>
      <c r="AW11" s="103">
        <v>85</v>
      </c>
      <c r="AX11" s="413">
        <v>0</v>
      </c>
      <c r="AY11" s="102">
        <v>114</v>
      </c>
      <c r="AZ11" s="102">
        <v>55</v>
      </c>
      <c r="BA11" s="102">
        <v>28</v>
      </c>
      <c r="BB11" s="102">
        <v>26</v>
      </c>
      <c r="BC11" s="102">
        <v>18</v>
      </c>
      <c r="BD11" s="103">
        <v>241</v>
      </c>
      <c r="BE11" s="104">
        <v>326</v>
      </c>
      <c r="BF11" s="101">
        <v>84</v>
      </c>
      <c r="BG11" s="102">
        <v>75</v>
      </c>
      <c r="BH11" s="103">
        <v>159</v>
      </c>
      <c r="BI11" s="413">
        <v>0</v>
      </c>
      <c r="BJ11" s="102">
        <v>181</v>
      </c>
      <c r="BK11" s="102">
        <v>98</v>
      </c>
      <c r="BL11" s="102">
        <v>67</v>
      </c>
      <c r="BM11" s="102">
        <v>50</v>
      </c>
      <c r="BN11" s="102">
        <v>21</v>
      </c>
      <c r="BO11" s="103">
        <v>417</v>
      </c>
      <c r="BP11" s="104">
        <v>576</v>
      </c>
      <c r="BQ11" s="101">
        <v>79</v>
      </c>
      <c r="BR11" s="102">
        <v>66</v>
      </c>
      <c r="BS11" s="103">
        <v>145</v>
      </c>
      <c r="BT11" s="413">
        <v>0</v>
      </c>
      <c r="BU11" s="102">
        <v>181</v>
      </c>
      <c r="BV11" s="102">
        <v>134</v>
      </c>
      <c r="BW11" s="102">
        <v>74</v>
      </c>
      <c r="BX11" s="102">
        <v>73</v>
      </c>
      <c r="BY11" s="102">
        <v>30</v>
      </c>
      <c r="BZ11" s="103">
        <v>492</v>
      </c>
      <c r="CA11" s="104">
        <v>637</v>
      </c>
      <c r="CB11" s="101">
        <v>0</v>
      </c>
      <c r="CC11" s="102">
        <v>0</v>
      </c>
      <c r="CD11" s="103">
        <v>0</v>
      </c>
      <c r="CE11" s="413">
        <v>0</v>
      </c>
      <c r="CF11" s="102">
        <v>0</v>
      </c>
      <c r="CG11" s="102">
        <v>0</v>
      </c>
      <c r="CH11" s="102">
        <v>0</v>
      </c>
      <c r="CI11" s="102">
        <v>0</v>
      </c>
      <c r="CJ11" s="102">
        <v>0</v>
      </c>
      <c r="CK11" s="103">
        <v>0</v>
      </c>
      <c r="CL11" s="104">
        <v>0</v>
      </c>
      <c r="CM11" s="101">
        <v>236</v>
      </c>
      <c r="CN11" s="102">
        <v>201</v>
      </c>
      <c r="CO11" s="103">
        <v>437</v>
      </c>
      <c r="CP11" s="413">
        <v>0</v>
      </c>
      <c r="CQ11" s="102">
        <v>534</v>
      </c>
      <c r="CR11" s="102">
        <v>323</v>
      </c>
      <c r="CS11" s="102">
        <v>187</v>
      </c>
      <c r="CT11" s="102">
        <v>173</v>
      </c>
      <c r="CU11" s="102">
        <v>85</v>
      </c>
      <c r="CV11" s="103">
        <v>1302</v>
      </c>
      <c r="CW11" s="104">
        <v>1739</v>
      </c>
      <c r="CX11" s="105">
        <v>41</v>
      </c>
      <c r="CY11" s="97">
        <v>34</v>
      </c>
      <c r="CZ11" s="98">
        <v>75</v>
      </c>
      <c r="DA11" s="413">
        <v>0</v>
      </c>
      <c r="DB11" s="97">
        <v>76</v>
      </c>
      <c r="DC11" s="97">
        <v>39</v>
      </c>
      <c r="DD11" s="97">
        <v>30</v>
      </c>
      <c r="DE11" s="97">
        <v>21</v>
      </c>
      <c r="DF11" s="97">
        <v>16</v>
      </c>
      <c r="DG11" s="99">
        <v>182</v>
      </c>
      <c r="DH11" s="100">
        <v>257</v>
      </c>
      <c r="DI11" s="101">
        <v>2</v>
      </c>
      <c r="DJ11" s="102">
        <v>1</v>
      </c>
      <c r="DK11" s="103">
        <v>3</v>
      </c>
      <c r="DL11" s="413">
        <v>0</v>
      </c>
      <c r="DM11" s="102">
        <v>3</v>
      </c>
      <c r="DN11" s="102">
        <v>0</v>
      </c>
      <c r="DO11" s="102">
        <v>0</v>
      </c>
      <c r="DP11" s="102">
        <v>0</v>
      </c>
      <c r="DQ11" s="102">
        <v>0</v>
      </c>
      <c r="DR11" s="103">
        <v>3</v>
      </c>
      <c r="DS11" s="104">
        <v>6</v>
      </c>
      <c r="DT11" s="101">
        <v>4</v>
      </c>
      <c r="DU11" s="102">
        <v>2</v>
      </c>
      <c r="DV11" s="103">
        <v>6</v>
      </c>
      <c r="DW11" s="413">
        <v>0</v>
      </c>
      <c r="DX11" s="102">
        <v>1</v>
      </c>
      <c r="DY11" s="102">
        <v>0</v>
      </c>
      <c r="DZ11" s="102">
        <v>0</v>
      </c>
      <c r="EA11" s="102">
        <v>1</v>
      </c>
      <c r="EB11" s="102">
        <v>1</v>
      </c>
      <c r="EC11" s="103">
        <v>3</v>
      </c>
      <c r="ED11" s="104">
        <v>9</v>
      </c>
      <c r="EE11" s="101">
        <v>5</v>
      </c>
      <c r="EF11" s="102">
        <v>3</v>
      </c>
      <c r="EG11" s="103">
        <v>8</v>
      </c>
      <c r="EH11" s="413">
        <v>0</v>
      </c>
      <c r="EI11" s="102">
        <v>4</v>
      </c>
      <c r="EJ11" s="102">
        <v>1</v>
      </c>
      <c r="EK11" s="102">
        <v>4</v>
      </c>
      <c r="EL11" s="102">
        <v>1</v>
      </c>
      <c r="EM11" s="102">
        <v>2</v>
      </c>
      <c r="EN11" s="103">
        <v>12</v>
      </c>
      <c r="EO11" s="104">
        <v>20</v>
      </c>
      <c r="EP11" s="101">
        <v>10</v>
      </c>
      <c r="EQ11" s="102">
        <v>7</v>
      </c>
      <c r="ER11" s="103">
        <v>17</v>
      </c>
      <c r="ES11" s="413">
        <v>0</v>
      </c>
      <c r="ET11" s="102">
        <v>12</v>
      </c>
      <c r="EU11" s="102">
        <v>9</v>
      </c>
      <c r="EV11" s="102">
        <v>3</v>
      </c>
      <c r="EW11" s="102">
        <v>2</v>
      </c>
      <c r="EX11" s="102">
        <v>2</v>
      </c>
      <c r="EY11" s="103">
        <v>28</v>
      </c>
      <c r="EZ11" s="104">
        <v>45</v>
      </c>
      <c r="FA11" s="101">
        <v>11</v>
      </c>
      <c r="FB11" s="102">
        <v>12</v>
      </c>
      <c r="FC11" s="103">
        <v>23</v>
      </c>
      <c r="FD11" s="413">
        <v>0</v>
      </c>
      <c r="FE11" s="102">
        <v>25</v>
      </c>
      <c r="FF11" s="102">
        <v>7</v>
      </c>
      <c r="FG11" s="102">
        <v>8</v>
      </c>
      <c r="FH11" s="102">
        <v>4</v>
      </c>
      <c r="FI11" s="102">
        <v>7</v>
      </c>
      <c r="FJ11" s="103">
        <v>51</v>
      </c>
      <c r="FK11" s="104">
        <v>74</v>
      </c>
      <c r="FL11" s="101">
        <v>9</v>
      </c>
      <c r="FM11" s="102">
        <v>9</v>
      </c>
      <c r="FN11" s="103">
        <v>18</v>
      </c>
      <c r="FO11" s="413">
        <v>0</v>
      </c>
      <c r="FP11" s="102">
        <v>31</v>
      </c>
      <c r="FQ11" s="102">
        <v>22</v>
      </c>
      <c r="FR11" s="102">
        <v>15</v>
      </c>
      <c r="FS11" s="102">
        <v>13</v>
      </c>
      <c r="FT11" s="102">
        <v>4</v>
      </c>
      <c r="FU11" s="103">
        <v>85</v>
      </c>
      <c r="FV11" s="104">
        <v>103</v>
      </c>
      <c r="FW11" s="101">
        <v>0</v>
      </c>
      <c r="FX11" s="102">
        <v>0</v>
      </c>
      <c r="FY11" s="103">
        <v>0</v>
      </c>
      <c r="FZ11" s="413">
        <v>0</v>
      </c>
      <c r="GA11" s="102">
        <v>0</v>
      </c>
      <c r="GB11" s="102">
        <v>0</v>
      </c>
      <c r="GC11" s="102">
        <v>0</v>
      </c>
      <c r="GD11" s="102">
        <v>0</v>
      </c>
      <c r="GE11" s="102">
        <v>0</v>
      </c>
      <c r="GF11" s="103">
        <v>0</v>
      </c>
      <c r="GG11" s="104">
        <v>0</v>
      </c>
      <c r="GH11" s="101">
        <v>41</v>
      </c>
      <c r="GI11" s="102">
        <v>34</v>
      </c>
      <c r="GJ11" s="103">
        <v>75</v>
      </c>
      <c r="GK11" s="413">
        <v>0</v>
      </c>
      <c r="GL11" s="102">
        <v>76</v>
      </c>
      <c r="GM11" s="102">
        <v>39</v>
      </c>
      <c r="GN11" s="102">
        <v>30</v>
      </c>
      <c r="GO11" s="102">
        <v>21</v>
      </c>
      <c r="GP11" s="102">
        <v>16</v>
      </c>
      <c r="GQ11" s="103">
        <v>182</v>
      </c>
      <c r="GR11" s="104">
        <v>257</v>
      </c>
      <c r="GS11" s="105">
        <v>277</v>
      </c>
      <c r="GT11" s="97">
        <v>235</v>
      </c>
      <c r="GU11" s="98">
        <v>512</v>
      </c>
      <c r="GV11" s="413">
        <v>0</v>
      </c>
      <c r="GW11" s="97">
        <v>610</v>
      </c>
      <c r="GX11" s="97">
        <v>362</v>
      </c>
      <c r="GY11" s="97">
        <v>217</v>
      </c>
      <c r="GZ11" s="97">
        <v>194</v>
      </c>
      <c r="HA11" s="97">
        <v>101</v>
      </c>
      <c r="HB11" s="99">
        <v>1484</v>
      </c>
      <c r="HC11" s="100">
        <v>1996</v>
      </c>
      <c r="HD11" s="101">
        <v>5</v>
      </c>
      <c r="HE11" s="102">
        <v>3</v>
      </c>
      <c r="HF11" s="103">
        <v>8</v>
      </c>
      <c r="HG11" s="413">
        <v>0</v>
      </c>
      <c r="HH11" s="102">
        <v>10</v>
      </c>
      <c r="HI11" s="102">
        <v>3</v>
      </c>
      <c r="HJ11" s="102">
        <v>2</v>
      </c>
      <c r="HK11" s="102">
        <v>4</v>
      </c>
      <c r="HL11" s="102">
        <v>1</v>
      </c>
      <c r="HM11" s="103">
        <v>20</v>
      </c>
      <c r="HN11" s="104">
        <v>28</v>
      </c>
      <c r="HO11" s="101">
        <v>8</v>
      </c>
      <c r="HP11" s="102">
        <v>11</v>
      </c>
      <c r="HQ11" s="103">
        <v>19</v>
      </c>
      <c r="HR11" s="413">
        <v>0</v>
      </c>
      <c r="HS11" s="102">
        <v>15</v>
      </c>
      <c r="HT11" s="102">
        <v>9</v>
      </c>
      <c r="HU11" s="102">
        <v>5</v>
      </c>
      <c r="HV11" s="102">
        <v>8</v>
      </c>
      <c r="HW11" s="102">
        <v>7</v>
      </c>
      <c r="HX11" s="103">
        <v>44</v>
      </c>
      <c r="HY11" s="104">
        <v>63</v>
      </c>
      <c r="HZ11" s="101">
        <v>24</v>
      </c>
      <c r="IA11" s="102">
        <v>14</v>
      </c>
      <c r="IB11" s="103">
        <v>38</v>
      </c>
      <c r="IC11" s="413">
        <v>0</v>
      </c>
      <c r="ID11" s="102">
        <v>41</v>
      </c>
      <c r="IE11" s="102">
        <v>25</v>
      </c>
      <c r="IF11" s="102">
        <v>15</v>
      </c>
      <c r="IG11" s="102">
        <v>14</v>
      </c>
      <c r="IH11" s="102">
        <v>11</v>
      </c>
      <c r="II11" s="103">
        <v>106</v>
      </c>
      <c r="IJ11" s="104">
        <v>144</v>
      </c>
      <c r="IK11" s="101">
        <v>57</v>
      </c>
      <c r="IL11" s="102">
        <v>45</v>
      </c>
      <c r="IM11" s="103">
        <v>102</v>
      </c>
      <c r="IN11" s="413">
        <v>0</v>
      </c>
      <c r="IO11" s="102">
        <v>126</v>
      </c>
      <c r="IP11" s="102">
        <v>64</v>
      </c>
      <c r="IQ11" s="102">
        <v>31</v>
      </c>
      <c r="IR11" s="102">
        <v>28</v>
      </c>
      <c r="IS11" s="102">
        <v>20</v>
      </c>
      <c r="IT11" s="103">
        <v>269</v>
      </c>
      <c r="IU11" s="104">
        <v>371</v>
      </c>
      <c r="IV11" s="101">
        <v>95</v>
      </c>
      <c r="IW11" s="102">
        <v>87</v>
      </c>
      <c r="IX11" s="103">
        <v>182</v>
      </c>
      <c r="IY11" s="413">
        <v>0</v>
      </c>
      <c r="IZ11" s="102">
        <v>206</v>
      </c>
      <c r="JA11" s="102">
        <v>105</v>
      </c>
      <c r="JB11" s="102">
        <v>75</v>
      </c>
      <c r="JC11" s="102">
        <v>54</v>
      </c>
      <c r="JD11" s="102">
        <v>28</v>
      </c>
      <c r="JE11" s="103">
        <v>468</v>
      </c>
      <c r="JF11" s="104">
        <v>650</v>
      </c>
      <c r="JG11" s="101">
        <v>88</v>
      </c>
      <c r="JH11" s="102">
        <v>75</v>
      </c>
      <c r="JI11" s="103">
        <v>163</v>
      </c>
      <c r="JJ11" s="413">
        <v>0</v>
      </c>
      <c r="JK11" s="102">
        <v>212</v>
      </c>
      <c r="JL11" s="102">
        <v>156</v>
      </c>
      <c r="JM11" s="102">
        <v>89</v>
      </c>
      <c r="JN11" s="102">
        <v>86</v>
      </c>
      <c r="JO11" s="102">
        <v>34</v>
      </c>
      <c r="JP11" s="103">
        <v>577</v>
      </c>
      <c r="JQ11" s="104">
        <v>740</v>
      </c>
      <c r="JR11" s="101">
        <v>0</v>
      </c>
      <c r="JS11" s="102">
        <v>0</v>
      </c>
      <c r="JT11" s="103">
        <v>0</v>
      </c>
      <c r="JU11" s="413">
        <v>0</v>
      </c>
      <c r="JV11" s="102">
        <v>0</v>
      </c>
      <c r="JW11" s="102">
        <v>0</v>
      </c>
      <c r="JX11" s="102">
        <v>0</v>
      </c>
      <c r="JY11" s="102">
        <v>0</v>
      </c>
      <c r="JZ11" s="102">
        <v>0</v>
      </c>
      <c r="KA11" s="103">
        <v>0</v>
      </c>
      <c r="KB11" s="104">
        <v>0</v>
      </c>
      <c r="KC11" s="101">
        <v>277</v>
      </c>
      <c r="KD11" s="102">
        <v>235</v>
      </c>
      <c r="KE11" s="103">
        <v>512</v>
      </c>
      <c r="KF11" s="413">
        <v>0</v>
      </c>
      <c r="KG11" s="102">
        <v>610</v>
      </c>
      <c r="KH11" s="102">
        <v>362</v>
      </c>
      <c r="KI11" s="102">
        <v>217</v>
      </c>
      <c r="KJ11" s="102">
        <v>194</v>
      </c>
      <c r="KK11" s="102">
        <v>101</v>
      </c>
      <c r="KL11" s="103">
        <v>1484</v>
      </c>
      <c r="KM11" s="104">
        <v>1996</v>
      </c>
    </row>
    <row r="12" spans="2:299" s="70" customFormat="1" ht="21" customHeight="1" x14ac:dyDescent="0.2">
      <c r="B12" s="106" t="s">
        <v>8</v>
      </c>
      <c r="C12" s="96">
        <v>95</v>
      </c>
      <c r="D12" s="97">
        <v>58</v>
      </c>
      <c r="E12" s="98">
        <v>153</v>
      </c>
      <c r="F12" s="413">
        <v>0</v>
      </c>
      <c r="G12" s="97">
        <v>158</v>
      </c>
      <c r="H12" s="97">
        <v>126</v>
      </c>
      <c r="I12" s="97">
        <v>90</v>
      </c>
      <c r="J12" s="97">
        <v>55</v>
      </c>
      <c r="K12" s="97">
        <v>40</v>
      </c>
      <c r="L12" s="99">
        <v>469</v>
      </c>
      <c r="M12" s="100">
        <v>622</v>
      </c>
      <c r="N12" s="101">
        <v>2</v>
      </c>
      <c r="O12" s="102">
        <v>1</v>
      </c>
      <c r="P12" s="103">
        <v>3</v>
      </c>
      <c r="Q12" s="413">
        <v>0</v>
      </c>
      <c r="R12" s="102">
        <v>1</v>
      </c>
      <c r="S12" s="102">
        <v>3</v>
      </c>
      <c r="T12" s="102">
        <v>2</v>
      </c>
      <c r="U12" s="102">
        <v>1</v>
      </c>
      <c r="V12" s="102">
        <v>0</v>
      </c>
      <c r="W12" s="103">
        <v>7</v>
      </c>
      <c r="X12" s="104">
        <v>10</v>
      </c>
      <c r="Y12" s="101">
        <v>2</v>
      </c>
      <c r="Z12" s="102">
        <v>2</v>
      </c>
      <c r="AA12" s="103">
        <v>4</v>
      </c>
      <c r="AB12" s="413">
        <v>0</v>
      </c>
      <c r="AC12" s="102">
        <v>4</v>
      </c>
      <c r="AD12" s="102">
        <v>11</v>
      </c>
      <c r="AE12" s="102">
        <v>6</v>
      </c>
      <c r="AF12" s="102">
        <v>5</v>
      </c>
      <c r="AG12" s="102">
        <v>3</v>
      </c>
      <c r="AH12" s="103">
        <v>29</v>
      </c>
      <c r="AI12" s="104">
        <v>33</v>
      </c>
      <c r="AJ12" s="101">
        <v>4</v>
      </c>
      <c r="AK12" s="102">
        <v>4</v>
      </c>
      <c r="AL12" s="103">
        <v>8</v>
      </c>
      <c r="AM12" s="413">
        <v>0</v>
      </c>
      <c r="AN12" s="102">
        <v>16</v>
      </c>
      <c r="AO12" s="102">
        <v>15</v>
      </c>
      <c r="AP12" s="102">
        <v>5</v>
      </c>
      <c r="AQ12" s="102">
        <v>9</v>
      </c>
      <c r="AR12" s="102">
        <v>1</v>
      </c>
      <c r="AS12" s="103">
        <v>46</v>
      </c>
      <c r="AT12" s="104">
        <v>54</v>
      </c>
      <c r="AU12" s="101">
        <v>19</v>
      </c>
      <c r="AV12" s="102">
        <v>10</v>
      </c>
      <c r="AW12" s="103">
        <v>29</v>
      </c>
      <c r="AX12" s="413">
        <v>0</v>
      </c>
      <c r="AY12" s="102">
        <v>34</v>
      </c>
      <c r="AZ12" s="102">
        <v>29</v>
      </c>
      <c r="BA12" s="102">
        <v>16</v>
      </c>
      <c r="BB12" s="102">
        <v>10</v>
      </c>
      <c r="BC12" s="102">
        <v>8</v>
      </c>
      <c r="BD12" s="103">
        <v>97</v>
      </c>
      <c r="BE12" s="104">
        <v>126</v>
      </c>
      <c r="BF12" s="101">
        <v>37</v>
      </c>
      <c r="BG12" s="102">
        <v>19</v>
      </c>
      <c r="BH12" s="103">
        <v>56</v>
      </c>
      <c r="BI12" s="413">
        <v>0</v>
      </c>
      <c r="BJ12" s="102">
        <v>47</v>
      </c>
      <c r="BK12" s="102">
        <v>25</v>
      </c>
      <c r="BL12" s="102">
        <v>25</v>
      </c>
      <c r="BM12" s="102">
        <v>9</v>
      </c>
      <c r="BN12" s="102">
        <v>10</v>
      </c>
      <c r="BO12" s="103">
        <v>116</v>
      </c>
      <c r="BP12" s="104">
        <v>172</v>
      </c>
      <c r="BQ12" s="101">
        <v>31</v>
      </c>
      <c r="BR12" s="102">
        <v>22</v>
      </c>
      <c r="BS12" s="103">
        <v>53</v>
      </c>
      <c r="BT12" s="413">
        <v>0</v>
      </c>
      <c r="BU12" s="102">
        <v>56</v>
      </c>
      <c r="BV12" s="102">
        <v>43</v>
      </c>
      <c r="BW12" s="102">
        <v>36</v>
      </c>
      <c r="BX12" s="102">
        <v>21</v>
      </c>
      <c r="BY12" s="102">
        <v>18</v>
      </c>
      <c r="BZ12" s="103">
        <v>174</v>
      </c>
      <c r="CA12" s="104">
        <v>227</v>
      </c>
      <c r="CB12" s="101">
        <v>0</v>
      </c>
      <c r="CC12" s="102">
        <v>0</v>
      </c>
      <c r="CD12" s="103">
        <v>0</v>
      </c>
      <c r="CE12" s="413">
        <v>0</v>
      </c>
      <c r="CF12" s="102">
        <v>0</v>
      </c>
      <c r="CG12" s="102">
        <v>0</v>
      </c>
      <c r="CH12" s="102">
        <v>0</v>
      </c>
      <c r="CI12" s="102">
        <v>0</v>
      </c>
      <c r="CJ12" s="102">
        <v>0</v>
      </c>
      <c r="CK12" s="103">
        <v>0</v>
      </c>
      <c r="CL12" s="104">
        <v>0</v>
      </c>
      <c r="CM12" s="101">
        <v>95</v>
      </c>
      <c r="CN12" s="102">
        <v>58</v>
      </c>
      <c r="CO12" s="103">
        <v>153</v>
      </c>
      <c r="CP12" s="413">
        <v>0</v>
      </c>
      <c r="CQ12" s="102">
        <v>158</v>
      </c>
      <c r="CR12" s="102">
        <v>126</v>
      </c>
      <c r="CS12" s="102">
        <v>90</v>
      </c>
      <c r="CT12" s="102">
        <v>55</v>
      </c>
      <c r="CU12" s="102">
        <v>40</v>
      </c>
      <c r="CV12" s="103">
        <v>469</v>
      </c>
      <c r="CW12" s="104">
        <v>622</v>
      </c>
      <c r="CX12" s="105">
        <v>12</v>
      </c>
      <c r="CY12" s="97">
        <v>7</v>
      </c>
      <c r="CZ12" s="98">
        <v>19</v>
      </c>
      <c r="DA12" s="413">
        <v>0</v>
      </c>
      <c r="DB12" s="97">
        <v>25</v>
      </c>
      <c r="DC12" s="97">
        <v>27</v>
      </c>
      <c r="DD12" s="97">
        <v>15</v>
      </c>
      <c r="DE12" s="97">
        <v>13</v>
      </c>
      <c r="DF12" s="97">
        <v>5</v>
      </c>
      <c r="DG12" s="99">
        <v>85</v>
      </c>
      <c r="DH12" s="100">
        <v>104</v>
      </c>
      <c r="DI12" s="101">
        <v>0</v>
      </c>
      <c r="DJ12" s="102">
        <v>0</v>
      </c>
      <c r="DK12" s="103">
        <v>0</v>
      </c>
      <c r="DL12" s="413">
        <v>0</v>
      </c>
      <c r="DM12" s="102">
        <v>0</v>
      </c>
      <c r="DN12" s="102">
        <v>1</v>
      </c>
      <c r="DO12" s="102">
        <v>0</v>
      </c>
      <c r="DP12" s="102">
        <v>0</v>
      </c>
      <c r="DQ12" s="102">
        <v>0</v>
      </c>
      <c r="DR12" s="103">
        <v>1</v>
      </c>
      <c r="DS12" s="104">
        <v>1</v>
      </c>
      <c r="DT12" s="101">
        <v>3</v>
      </c>
      <c r="DU12" s="102">
        <v>0</v>
      </c>
      <c r="DV12" s="103">
        <v>3</v>
      </c>
      <c r="DW12" s="413">
        <v>0</v>
      </c>
      <c r="DX12" s="102">
        <v>0</v>
      </c>
      <c r="DY12" s="102">
        <v>1</v>
      </c>
      <c r="DZ12" s="102">
        <v>1</v>
      </c>
      <c r="EA12" s="102">
        <v>0</v>
      </c>
      <c r="EB12" s="102">
        <v>0</v>
      </c>
      <c r="EC12" s="103">
        <v>2</v>
      </c>
      <c r="ED12" s="104">
        <v>5</v>
      </c>
      <c r="EE12" s="101">
        <v>0</v>
      </c>
      <c r="EF12" s="102">
        <v>0</v>
      </c>
      <c r="EG12" s="103">
        <v>0</v>
      </c>
      <c r="EH12" s="413">
        <v>0</v>
      </c>
      <c r="EI12" s="102">
        <v>0</v>
      </c>
      <c r="EJ12" s="102">
        <v>1</v>
      </c>
      <c r="EK12" s="102">
        <v>0</v>
      </c>
      <c r="EL12" s="102">
        <v>2</v>
      </c>
      <c r="EM12" s="102">
        <v>0</v>
      </c>
      <c r="EN12" s="103">
        <v>3</v>
      </c>
      <c r="EO12" s="104">
        <v>3</v>
      </c>
      <c r="EP12" s="101">
        <v>4</v>
      </c>
      <c r="EQ12" s="102">
        <v>0</v>
      </c>
      <c r="ER12" s="103">
        <v>4</v>
      </c>
      <c r="ES12" s="413">
        <v>0</v>
      </c>
      <c r="ET12" s="102">
        <v>4</v>
      </c>
      <c r="EU12" s="102">
        <v>3</v>
      </c>
      <c r="EV12" s="102">
        <v>3</v>
      </c>
      <c r="EW12" s="102">
        <v>1</v>
      </c>
      <c r="EX12" s="102">
        <v>1</v>
      </c>
      <c r="EY12" s="103">
        <v>12</v>
      </c>
      <c r="EZ12" s="104">
        <v>16</v>
      </c>
      <c r="FA12" s="101">
        <v>1</v>
      </c>
      <c r="FB12" s="102">
        <v>4</v>
      </c>
      <c r="FC12" s="103">
        <v>5</v>
      </c>
      <c r="FD12" s="413">
        <v>0</v>
      </c>
      <c r="FE12" s="102">
        <v>8</v>
      </c>
      <c r="FF12" s="102">
        <v>9</v>
      </c>
      <c r="FG12" s="102">
        <v>2</v>
      </c>
      <c r="FH12" s="102">
        <v>2</v>
      </c>
      <c r="FI12" s="102">
        <v>2</v>
      </c>
      <c r="FJ12" s="103">
        <v>23</v>
      </c>
      <c r="FK12" s="104">
        <v>28</v>
      </c>
      <c r="FL12" s="101">
        <v>4</v>
      </c>
      <c r="FM12" s="102">
        <v>3</v>
      </c>
      <c r="FN12" s="103">
        <v>7</v>
      </c>
      <c r="FO12" s="413">
        <v>0</v>
      </c>
      <c r="FP12" s="102">
        <v>13</v>
      </c>
      <c r="FQ12" s="102">
        <v>12</v>
      </c>
      <c r="FR12" s="102">
        <v>9</v>
      </c>
      <c r="FS12" s="102">
        <v>8</v>
      </c>
      <c r="FT12" s="102">
        <v>2</v>
      </c>
      <c r="FU12" s="103">
        <v>44</v>
      </c>
      <c r="FV12" s="104">
        <v>51</v>
      </c>
      <c r="FW12" s="101">
        <v>0</v>
      </c>
      <c r="FX12" s="102">
        <v>0</v>
      </c>
      <c r="FY12" s="103">
        <v>0</v>
      </c>
      <c r="FZ12" s="413">
        <v>0</v>
      </c>
      <c r="GA12" s="102">
        <v>0</v>
      </c>
      <c r="GB12" s="102">
        <v>0</v>
      </c>
      <c r="GC12" s="102">
        <v>0</v>
      </c>
      <c r="GD12" s="102">
        <v>0</v>
      </c>
      <c r="GE12" s="102">
        <v>0</v>
      </c>
      <c r="GF12" s="103">
        <v>0</v>
      </c>
      <c r="GG12" s="104">
        <v>0</v>
      </c>
      <c r="GH12" s="101">
        <v>12</v>
      </c>
      <c r="GI12" s="102">
        <v>7</v>
      </c>
      <c r="GJ12" s="103">
        <v>19</v>
      </c>
      <c r="GK12" s="413">
        <v>0</v>
      </c>
      <c r="GL12" s="102">
        <v>25</v>
      </c>
      <c r="GM12" s="102">
        <v>27</v>
      </c>
      <c r="GN12" s="102">
        <v>15</v>
      </c>
      <c r="GO12" s="102">
        <v>13</v>
      </c>
      <c r="GP12" s="102">
        <v>5</v>
      </c>
      <c r="GQ12" s="103">
        <v>85</v>
      </c>
      <c r="GR12" s="104">
        <v>104</v>
      </c>
      <c r="GS12" s="105">
        <v>107</v>
      </c>
      <c r="GT12" s="97">
        <v>65</v>
      </c>
      <c r="GU12" s="98">
        <v>172</v>
      </c>
      <c r="GV12" s="413">
        <v>0</v>
      </c>
      <c r="GW12" s="97">
        <v>183</v>
      </c>
      <c r="GX12" s="97">
        <v>153</v>
      </c>
      <c r="GY12" s="97">
        <v>105</v>
      </c>
      <c r="GZ12" s="97">
        <v>68</v>
      </c>
      <c r="HA12" s="97">
        <v>45</v>
      </c>
      <c r="HB12" s="99">
        <v>554</v>
      </c>
      <c r="HC12" s="100">
        <v>726</v>
      </c>
      <c r="HD12" s="101">
        <v>2</v>
      </c>
      <c r="HE12" s="102">
        <v>1</v>
      </c>
      <c r="HF12" s="103">
        <v>3</v>
      </c>
      <c r="HG12" s="413">
        <v>0</v>
      </c>
      <c r="HH12" s="102">
        <v>1</v>
      </c>
      <c r="HI12" s="102">
        <v>4</v>
      </c>
      <c r="HJ12" s="102">
        <v>2</v>
      </c>
      <c r="HK12" s="102">
        <v>1</v>
      </c>
      <c r="HL12" s="102">
        <v>0</v>
      </c>
      <c r="HM12" s="103">
        <v>8</v>
      </c>
      <c r="HN12" s="104">
        <v>11</v>
      </c>
      <c r="HO12" s="101">
        <v>5</v>
      </c>
      <c r="HP12" s="102">
        <v>2</v>
      </c>
      <c r="HQ12" s="103">
        <v>7</v>
      </c>
      <c r="HR12" s="413">
        <v>0</v>
      </c>
      <c r="HS12" s="102">
        <v>4</v>
      </c>
      <c r="HT12" s="102">
        <v>12</v>
      </c>
      <c r="HU12" s="102">
        <v>7</v>
      </c>
      <c r="HV12" s="102">
        <v>5</v>
      </c>
      <c r="HW12" s="102">
        <v>3</v>
      </c>
      <c r="HX12" s="103">
        <v>31</v>
      </c>
      <c r="HY12" s="104">
        <v>38</v>
      </c>
      <c r="HZ12" s="101">
        <v>4</v>
      </c>
      <c r="IA12" s="102">
        <v>4</v>
      </c>
      <c r="IB12" s="103">
        <v>8</v>
      </c>
      <c r="IC12" s="413">
        <v>0</v>
      </c>
      <c r="ID12" s="102">
        <v>16</v>
      </c>
      <c r="IE12" s="102">
        <v>16</v>
      </c>
      <c r="IF12" s="102">
        <v>5</v>
      </c>
      <c r="IG12" s="102">
        <v>11</v>
      </c>
      <c r="IH12" s="102">
        <v>1</v>
      </c>
      <c r="II12" s="103">
        <v>49</v>
      </c>
      <c r="IJ12" s="104">
        <v>57</v>
      </c>
      <c r="IK12" s="101">
        <v>23</v>
      </c>
      <c r="IL12" s="102">
        <v>10</v>
      </c>
      <c r="IM12" s="103">
        <v>33</v>
      </c>
      <c r="IN12" s="413">
        <v>0</v>
      </c>
      <c r="IO12" s="102">
        <v>38</v>
      </c>
      <c r="IP12" s="102">
        <v>32</v>
      </c>
      <c r="IQ12" s="102">
        <v>19</v>
      </c>
      <c r="IR12" s="102">
        <v>11</v>
      </c>
      <c r="IS12" s="102">
        <v>9</v>
      </c>
      <c r="IT12" s="103">
        <v>109</v>
      </c>
      <c r="IU12" s="104">
        <v>142</v>
      </c>
      <c r="IV12" s="101">
        <v>38</v>
      </c>
      <c r="IW12" s="102">
        <v>23</v>
      </c>
      <c r="IX12" s="103">
        <v>61</v>
      </c>
      <c r="IY12" s="413">
        <v>0</v>
      </c>
      <c r="IZ12" s="102">
        <v>55</v>
      </c>
      <c r="JA12" s="102">
        <v>34</v>
      </c>
      <c r="JB12" s="102">
        <v>27</v>
      </c>
      <c r="JC12" s="102">
        <v>11</v>
      </c>
      <c r="JD12" s="102">
        <v>12</v>
      </c>
      <c r="JE12" s="103">
        <v>139</v>
      </c>
      <c r="JF12" s="104">
        <v>200</v>
      </c>
      <c r="JG12" s="101">
        <v>35</v>
      </c>
      <c r="JH12" s="102">
        <v>25</v>
      </c>
      <c r="JI12" s="103">
        <v>60</v>
      </c>
      <c r="JJ12" s="413">
        <v>0</v>
      </c>
      <c r="JK12" s="102">
        <v>69</v>
      </c>
      <c r="JL12" s="102">
        <v>55</v>
      </c>
      <c r="JM12" s="102">
        <v>45</v>
      </c>
      <c r="JN12" s="102">
        <v>29</v>
      </c>
      <c r="JO12" s="102">
        <v>20</v>
      </c>
      <c r="JP12" s="103">
        <v>218</v>
      </c>
      <c r="JQ12" s="104">
        <v>278</v>
      </c>
      <c r="JR12" s="101">
        <v>0</v>
      </c>
      <c r="JS12" s="102">
        <v>0</v>
      </c>
      <c r="JT12" s="103">
        <v>0</v>
      </c>
      <c r="JU12" s="413">
        <v>0</v>
      </c>
      <c r="JV12" s="102">
        <v>0</v>
      </c>
      <c r="JW12" s="102">
        <v>0</v>
      </c>
      <c r="JX12" s="102">
        <v>0</v>
      </c>
      <c r="JY12" s="102">
        <v>0</v>
      </c>
      <c r="JZ12" s="102">
        <v>0</v>
      </c>
      <c r="KA12" s="103">
        <v>0</v>
      </c>
      <c r="KB12" s="104">
        <v>0</v>
      </c>
      <c r="KC12" s="101">
        <v>107</v>
      </c>
      <c r="KD12" s="102">
        <v>65</v>
      </c>
      <c r="KE12" s="103">
        <v>172</v>
      </c>
      <c r="KF12" s="413">
        <v>0</v>
      </c>
      <c r="KG12" s="102">
        <v>183</v>
      </c>
      <c r="KH12" s="102">
        <v>153</v>
      </c>
      <c r="KI12" s="102">
        <v>105</v>
      </c>
      <c r="KJ12" s="102">
        <v>68</v>
      </c>
      <c r="KK12" s="102">
        <v>45</v>
      </c>
      <c r="KL12" s="103">
        <v>554</v>
      </c>
      <c r="KM12" s="104">
        <v>726</v>
      </c>
    </row>
    <row r="13" spans="2:299" s="70" customFormat="1" ht="21" customHeight="1" x14ac:dyDescent="0.2">
      <c r="B13" s="106" t="s">
        <v>9</v>
      </c>
      <c r="C13" s="96">
        <v>192</v>
      </c>
      <c r="D13" s="97">
        <v>93</v>
      </c>
      <c r="E13" s="98">
        <v>285</v>
      </c>
      <c r="F13" s="413">
        <v>0</v>
      </c>
      <c r="G13" s="97">
        <v>221</v>
      </c>
      <c r="H13" s="97">
        <v>125</v>
      </c>
      <c r="I13" s="97">
        <v>111</v>
      </c>
      <c r="J13" s="97">
        <v>105</v>
      </c>
      <c r="K13" s="97">
        <v>46</v>
      </c>
      <c r="L13" s="99">
        <v>608</v>
      </c>
      <c r="M13" s="100">
        <v>893</v>
      </c>
      <c r="N13" s="101">
        <v>4</v>
      </c>
      <c r="O13" s="102">
        <v>0</v>
      </c>
      <c r="P13" s="103">
        <v>4</v>
      </c>
      <c r="Q13" s="413">
        <v>0</v>
      </c>
      <c r="R13" s="102">
        <v>0</v>
      </c>
      <c r="S13" s="102">
        <v>2</v>
      </c>
      <c r="T13" s="102">
        <v>1</v>
      </c>
      <c r="U13" s="102">
        <v>1</v>
      </c>
      <c r="V13" s="102">
        <v>2</v>
      </c>
      <c r="W13" s="103">
        <v>6</v>
      </c>
      <c r="X13" s="104">
        <v>10</v>
      </c>
      <c r="Y13" s="101">
        <v>4</v>
      </c>
      <c r="Z13" s="102">
        <v>1</v>
      </c>
      <c r="AA13" s="103">
        <v>5</v>
      </c>
      <c r="AB13" s="413">
        <v>0</v>
      </c>
      <c r="AC13" s="102">
        <v>2</v>
      </c>
      <c r="AD13" s="102">
        <v>4</v>
      </c>
      <c r="AE13" s="102">
        <v>2</v>
      </c>
      <c r="AF13" s="102">
        <v>1</v>
      </c>
      <c r="AG13" s="102">
        <v>0</v>
      </c>
      <c r="AH13" s="103">
        <v>9</v>
      </c>
      <c r="AI13" s="104">
        <v>14</v>
      </c>
      <c r="AJ13" s="101">
        <v>10</v>
      </c>
      <c r="AK13" s="102">
        <v>2</v>
      </c>
      <c r="AL13" s="103">
        <v>12</v>
      </c>
      <c r="AM13" s="413">
        <v>0</v>
      </c>
      <c r="AN13" s="102">
        <v>12</v>
      </c>
      <c r="AO13" s="102">
        <v>14</v>
      </c>
      <c r="AP13" s="102">
        <v>9</v>
      </c>
      <c r="AQ13" s="102">
        <v>5</v>
      </c>
      <c r="AR13" s="102">
        <v>1</v>
      </c>
      <c r="AS13" s="103">
        <v>41</v>
      </c>
      <c r="AT13" s="104">
        <v>53</v>
      </c>
      <c r="AU13" s="101">
        <v>41</v>
      </c>
      <c r="AV13" s="102">
        <v>16</v>
      </c>
      <c r="AW13" s="103">
        <v>57</v>
      </c>
      <c r="AX13" s="413">
        <v>0</v>
      </c>
      <c r="AY13" s="102">
        <v>31</v>
      </c>
      <c r="AZ13" s="102">
        <v>12</v>
      </c>
      <c r="BA13" s="102">
        <v>11</v>
      </c>
      <c r="BB13" s="102">
        <v>14</v>
      </c>
      <c r="BC13" s="102">
        <v>10</v>
      </c>
      <c r="BD13" s="103">
        <v>78</v>
      </c>
      <c r="BE13" s="104">
        <v>135</v>
      </c>
      <c r="BF13" s="101">
        <v>67</v>
      </c>
      <c r="BG13" s="102">
        <v>39</v>
      </c>
      <c r="BH13" s="103">
        <v>106</v>
      </c>
      <c r="BI13" s="413">
        <v>0</v>
      </c>
      <c r="BJ13" s="102">
        <v>78</v>
      </c>
      <c r="BK13" s="102">
        <v>33</v>
      </c>
      <c r="BL13" s="102">
        <v>35</v>
      </c>
      <c r="BM13" s="102">
        <v>26</v>
      </c>
      <c r="BN13" s="102">
        <v>10</v>
      </c>
      <c r="BO13" s="103">
        <v>182</v>
      </c>
      <c r="BP13" s="104">
        <v>288</v>
      </c>
      <c r="BQ13" s="101">
        <v>66</v>
      </c>
      <c r="BR13" s="102">
        <v>35</v>
      </c>
      <c r="BS13" s="103">
        <v>101</v>
      </c>
      <c r="BT13" s="413">
        <v>0</v>
      </c>
      <c r="BU13" s="102">
        <v>98</v>
      </c>
      <c r="BV13" s="102">
        <v>60</v>
      </c>
      <c r="BW13" s="102">
        <v>53</v>
      </c>
      <c r="BX13" s="102">
        <v>58</v>
      </c>
      <c r="BY13" s="102">
        <v>23</v>
      </c>
      <c r="BZ13" s="103">
        <v>292</v>
      </c>
      <c r="CA13" s="104">
        <v>393</v>
      </c>
      <c r="CB13" s="101">
        <v>0</v>
      </c>
      <c r="CC13" s="102">
        <v>0</v>
      </c>
      <c r="CD13" s="103">
        <v>0</v>
      </c>
      <c r="CE13" s="413">
        <v>0</v>
      </c>
      <c r="CF13" s="102">
        <v>0</v>
      </c>
      <c r="CG13" s="102">
        <v>0</v>
      </c>
      <c r="CH13" s="102">
        <v>0</v>
      </c>
      <c r="CI13" s="102">
        <v>0</v>
      </c>
      <c r="CJ13" s="102">
        <v>0</v>
      </c>
      <c r="CK13" s="103">
        <v>0</v>
      </c>
      <c r="CL13" s="104">
        <v>0</v>
      </c>
      <c r="CM13" s="101">
        <v>192</v>
      </c>
      <c r="CN13" s="102">
        <v>93</v>
      </c>
      <c r="CO13" s="103">
        <v>285</v>
      </c>
      <c r="CP13" s="413">
        <v>0</v>
      </c>
      <c r="CQ13" s="102">
        <v>221</v>
      </c>
      <c r="CR13" s="102">
        <v>125</v>
      </c>
      <c r="CS13" s="102">
        <v>111</v>
      </c>
      <c r="CT13" s="102">
        <v>105</v>
      </c>
      <c r="CU13" s="102">
        <v>46</v>
      </c>
      <c r="CV13" s="103">
        <v>608</v>
      </c>
      <c r="CW13" s="104">
        <v>893</v>
      </c>
      <c r="CX13" s="105">
        <v>30</v>
      </c>
      <c r="CY13" s="97">
        <v>24</v>
      </c>
      <c r="CZ13" s="98">
        <v>54</v>
      </c>
      <c r="DA13" s="413">
        <v>0</v>
      </c>
      <c r="DB13" s="97">
        <v>32</v>
      </c>
      <c r="DC13" s="97">
        <v>20</v>
      </c>
      <c r="DD13" s="97">
        <v>23</v>
      </c>
      <c r="DE13" s="97">
        <v>15</v>
      </c>
      <c r="DF13" s="97">
        <v>15</v>
      </c>
      <c r="DG13" s="99">
        <v>105</v>
      </c>
      <c r="DH13" s="100">
        <v>159</v>
      </c>
      <c r="DI13" s="101">
        <v>0</v>
      </c>
      <c r="DJ13" s="102">
        <v>1</v>
      </c>
      <c r="DK13" s="103">
        <v>1</v>
      </c>
      <c r="DL13" s="413">
        <v>0</v>
      </c>
      <c r="DM13" s="102">
        <v>1</v>
      </c>
      <c r="DN13" s="102">
        <v>1</v>
      </c>
      <c r="DO13" s="102">
        <v>1</v>
      </c>
      <c r="DP13" s="102">
        <v>0</v>
      </c>
      <c r="DQ13" s="102">
        <v>1</v>
      </c>
      <c r="DR13" s="103">
        <v>4</v>
      </c>
      <c r="DS13" s="104">
        <v>5</v>
      </c>
      <c r="DT13" s="101">
        <v>4</v>
      </c>
      <c r="DU13" s="102">
        <v>1</v>
      </c>
      <c r="DV13" s="103">
        <v>5</v>
      </c>
      <c r="DW13" s="413">
        <v>0</v>
      </c>
      <c r="DX13" s="102">
        <v>0</v>
      </c>
      <c r="DY13" s="102">
        <v>0</v>
      </c>
      <c r="DZ13" s="102">
        <v>0</v>
      </c>
      <c r="EA13" s="102">
        <v>0</v>
      </c>
      <c r="EB13" s="102">
        <v>0</v>
      </c>
      <c r="EC13" s="103">
        <v>0</v>
      </c>
      <c r="ED13" s="104">
        <v>5</v>
      </c>
      <c r="EE13" s="101">
        <v>6</v>
      </c>
      <c r="EF13" s="102">
        <v>0</v>
      </c>
      <c r="EG13" s="103">
        <v>6</v>
      </c>
      <c r="EH13" s="413">
        <v>0</v>
      </c>
      <c r="EI13" s="102">
        <v>3</v>
      </c>
      <c r="EJ13" s="102">
        <v>1</v>
      </c>
      <c r="EK13" s="102">
        <v>1</v>
      </c>
      <c r="EL13" s="102">
        <v>0</v>
      </c>
      <c r="EM13" s="102">
        <v>2</v>
      </c>
      <c r="EN13" s="103">
        <v>7</v>
      </c>
      <c r="EO13" s="104">
        <v>13</v>
      </c>
      <c r="EP13" s="101">
        <v>9</v>
      </c>
      <c r="EQ13" s="102">
        <v>4</v>
      </c>
      <c r="ER13" s="103">
        <v>13</v>
      </c>
      <c r="ES13" s="413">
        <v>0</v>
      </c>
      <c r="ET13" s="102">
        <v>6</v>
      </c>
      <c r="EU13" s="102">
        <v>1</v>
      </c>
      <c r="EV13" s="102">
        <v>3</v>
      </c>
      <c r="EW13" s="102">
        <v>1</v>
      </c>
      <c r="EX13" s="102">
        <v>1</v>
      </c>
      <c r="EY13" s="103">
        <v>12</v>
      </c>
      <c r="EZ13" s="104">
        <v>25</v>
      </c>
      <c r="FA13" s="101">
        <v>8</v>
      </c>
      <c r="FB13" s="102">
        <v>12</v>
      </c>
      <c r="FC13" s="103">
        <v>20</v>
      </c>
      <c r="FD13" s="413">
        <v>0</v>
      </c>
      <c r="FE13" s="102">
        <v>9</v>
      </c>
      <c r="FF13" s="102">
        <v>4</v>
      </c>
      <c r="FG13" s="102">
        <v>5</v>
      </c>
      <c r="FH13" s="102">
        <v>2</v>
      </c>
      <c r="FI13" s="102">
        <v>3</v>
      </c>
      <c r="FJ13" s="103">
        <v>23</v>
      </c>
      <c r="FK13" s="104">
        <v>43</v>
      </c>
      <c r="FL13" s="101">
        <v>3</v>
      </c>
      <c r="FM13" s="102">
        <v>6</v>
      </c>
      <c r="FN13" s="103">
        <v>9</v>
      </c>
      <c r="FO13" s="413">
        <v>0</v>
      </c>
      <c r="FP13" s="102">
        <v>13</v>
      </c>
      <c r="FQ13" s="102">
        <v>13</v>
      </c>
      <c r="FR13" s="102">
        <v>13</v>
      </c>
      <c r="FS13" s="102">
        <v>12</v>
      </c>
      <c r="FT13" s="102">
        <v>8</v>
      </c>
      <c r="FU13" s="103">
        <v>59</v>
      </c>
      <c r="FV13" s="104">
        <v>68</v>
      </c>
      <c r="FW13" s="101">
        <v>0</v>
      </c>
      <c r="FX13" s="102">
        <v>0</v>
      </c>
      <c r="FY13" s="103">
        <v>0</v>
      </c>
      <c r="FZ13" s="413">
        <v>0</v>
      </c>
      <c r="GA13" s="102">
        <v>0</v>
      </c>
      <c r="GB13" s="102">
        <v>0</v>
      </c>
      <c r="GC13" s="102">
        <v>0</v>
      </c>
      <c r="GD13" s="102">
        <v>0</v>
      </c>
      <c r="GE13" s="102">
        <v>0</v>
      </c>
      <c r="GF13" s="103">
        <v>0</v>
      </c>
      <c r="GG13" s="104">
        <v>0</v>
      </c>
      <c r="GH13" s="101">
        <v>30</v>
      </c>
      <c r="GI13" s="102">
        <v>24</v>
      </c>
      <c r="GJ13" s="103">
        <v>54</v>
      </c>
      <c r="GK13" s="413">
        <v>0</v>
      </c>
      <c r="GL13" s="102">
        <v>32</v>
      </c>
      <c r="GM13" s="102">
        <v>20</v>
      </c>
      <c r="GN13" s="102">
        <v>23</v>
      </c>
      <c r="GO13" s="102">
        <v>15</v>
      </c>
      <c r="GP13" s="102">
        <v>15</v>
      </c>
      <c r="GQ13" s="103">
        <v>105</v>
      </c>
      <c r="GR13" s="104">
        <v>159</v>
      </c>
      <c r="GS13" s="105">
        <v>222</v>
      </c>
      <c r="GT13" s="97">
        <v>117</v>
      </c>
      <c r="GU13" s="98">
        <v>339</v>
      </c>
      <c r="GV13" s="413">
        <v>0</v>
      </c>
      <c r="GW13" s="97">
        <v>253</v>
      </c>
      <c r="GX13" s="97">
        <v>145</v>
      </c>
      <c r="GY13" s="97">
        <v>134</v>
      </c>
      <c r="GZ13" s="97">
        <v>120</v>
      </c>
      <c r="HA13" s="97">
        <v>61</v>
      </c>
      <c r="HB13" s="99">
        <v>713</v>
      </c>
      <c r="HC13" s="100">
        <v>1052</v>
      </c>
      <c r="HD13" s="101">
        <v>4</v>
      </c>
      <c r="HE13" s="102">
        <v>1</v>
      </c>
      <c r="HF13" s="103">
        <v>5</v>
      </c>
      <c r="HG13" s="413">
        <v>0</v>
      </c>
      <c r="HH13" s="102">
        <v>1</v>
      </c>
      <c r="HI13" s="102">
        <v>3</v>
      </c>
      <c r="HJ13" s="102">
        <v>2</v>
      </c>
      <c r="HK13" s="102">
        <v>1</v>
      </c>
      <c r="HL13" s="102">
        <v>3</v>
      </c>
      <c r="HM13" s="103">
        <v>10</v>
      </c>
      <c r="HN13" s="104">
        <v>15</v>
      </c>
      <c r="HO13" s="101">
        <v>8</v>
      </c>
      <c r="HP13" s="102">
        <v>2</v>
      </c>
      <c r="HQ13" s="103">
        <v>10</v>
      </c>
      <c r="HR13" s="413">
        <v>0</v>
      </c>
      <c r="HS13" s="102">
        <v>2</v>
      </c>
      <c r="HT13" s="102">
        <v>4</v>
      </c>
      <c r="HU13" s="102">
        <v>2</v>
      </c>
      <c r="HV13" s="102">
        <v>1</v>
      </c>
      <c r="HW13" s="102">
        <v>0</v>
      </c>
      <c r="HX13" s="103">
        <v>9</v>
      </c>
      <c r="HY13" s="104">
        <v>19</v>
      </c>
      <c r="HZ13" s="101">
        <v>16</v>
      </c>
      <c r="IA13" s="102">
        <v>2</v>
      </c>
      <c r="IB13" s="103">
        <v>18</v>
      </c>
      <c r="IC13" s="413">
        <v>0</v>
      </c>
      <c r="ID13" s="102">
        <v>15</v>
      </c>
      <c r="IE13" s="102">
        <v>15</v>
      </c>
      <c r="IF13" s="102">
        <v>10</v>
      </c>
      <c r="IG13" s="102">
        <v>5</v>
      </c>
      <c r="IH13" s="102">
        <v>3</v>
      </c>
      <c r="II13" s="103">
        <v>48</v>
      </c>
      <c r="IJ13" s="104">
        <v>66</v>
      </c>
      <c r="IK13" s="101">
        <v>50</v>
      </c>
      <c r="IL13" s="102">
        <v>20</v>
      </c>
      <c r="IM13" s="103">
        <v>70</v>
      </c>
      <c r="IN13" s="413">
        <v>0</v>
      </c>
      <c r="IO13" s="102">
        <v>37</v>
      </c>
      <c r="IP13" s="102">
        <v>13</v>
      </c>
      <c r="IQ13" s="102">
        <v>14</v>
      </c>
      <c r="IR13" s="102">
        <v>15</v>
      </c>
      <c r="IS13" s="102">
        <v>11</v>
      </c>
      <c r="IT13" s="103">
        <v>90</v>
      </c>
      <c r="IU13" s="104">
        <v>160</v>
      </c>
      <c r="IV13" s="101">
        <v>75</v>
      </c>
      <c r="IW13" s="102">
        <v>51</v>
      </c>
      <c r="IX13" s="103">
        <v>126</v>
      </c>
      <c r="IY13" s="413">
        <v>0</v>
      </c>
      <c r="IZ13" s="102">
        <v>87</v>
      </c>
      <c r="JA13" s="102">
        <v>37</v>
      </c>
      <c r="JB13" s="102">
        <v>40</v>
      </c>
      <c r="JC13" s="102">
        <v>28</v>
      </c>
      <c r="JD13" s="102">
        <v>13</v>
      </c>
      <c r="JE13" s="103">
        <v>205</v>
      </c>
      <c r="JF13" s="104">
        <v>331</v>
      </c>
      <c r="JG13" s="101">
        <v>69</v>
      </c>
      <c r="JH13" s="102">
        <v>41</v>
      </c>
      <c r="JI13" s="103">
        <v>110</v>
      </c>
      <c r="JJ13" s="413">
        <v>0</v>
      </c>
      <c r="JK13" s="102">
        <v>111</v>
      </c>
      <c r="JL13" s="102">
        <v>73</v>
      </c>
      <c r="JM13" s="102">
        <v>66</v>
      </c>
      <c r="JN13" s="102">
        <v>70</v>
      </c>
      <c r="JO13" s="102">
        <v>31</v>
      </c>
      <c r="JP13" s="103">
        <v>351</v>
      </c>
      <c r="JQ13" s="104">
        <v>461</v>
      </c>
      <c r="JR13" s="101">
        <v>0</v>
      </c>
      <c r="JS13" s="102">
        <v>0</v>
      </c>
      <c r="JT13" s="103">
        <v>0</v>
      </c>
      <c r="JU13" s="413">
        <v>0</v>
      </c>
      <c r="JV13" s="102">
        <v>0</v>
      </c>
      <c r="JW13" s="102">
        <v>0</v>
      </c>
      <c r="JX13" s="102">
        <v>0</v>
      </c>
      <c r="JY13" s="102">
        <v>0</v>
      </c>
      <c r="JZ13" s="102">
        <v>0</v>
      </c>
      <c r="KA13" s="103">
        <v>0</v>
      </c>
      <c r="KB13" s="104">
        <v>0</v>
      </c>
      <c r="KC13" s="101">
        <v>222</v>
      </c>
      <c r="KD13" s="102">
        <v>117</v>
      </c>
      <c r="KE13" s="103">
        <v>339</v>
      </c>
      <c r="KF13" s="413">
        <v>0</v>
      </c>
      <c r="KG13" s="102">
        <v>253</v>
      </c>
      <c r="KH13" s="102">
        <v>145</v>
      </c>
      <c r="KI13" s="102">
        <v>134</v>
      </c>
      <c r="KJ13" s="102">
        <v>120</v>
      </c>
      <c r="KK13" s="102">
        <v>61</v>
      </c>
      <c r="KL13" s="103">
        <v>713</v>
      </c>
      <c r="KM13" s="104">
        <v>1052</v>
      </c>
    </row>
    <row r="14" spans="2:299" s="70" customFormat="1" ht="21" customHeight="1" x14ac:dyDescent="0.2">
      <c r="B14" s="106" t="s">
        <v>10</v>
      </c>
      <c r="C14" s="96">
        <v>351</v>
      </c>
      <c r="D14" s="97">
        <v>207</v>
      </c>
      <c r="E14" s="98">
        <v>558</v>
      </c>
      <c r="F14" s="413">
        <v>0</v>
      </c>
      <c r="G14" s="97">
        <v>347</v>
      </c>
      <c r="H14" s="97">
        <v>179</v>
      </c>
      <c r="I14" s="97">
        <v>115</v>
      </c>
      <c r="J14" s="97">
        <v>112</v>
      </c>
      <c r="K14" s="97">
        <v>86</v>
      </c>
      <c r="L14" s="99">
        <v>839</v>
      </c>
      <c r="M14" s="100">
        <v>1397</v>
      </c>
      <c r="N14" s="101">
        <v>5</v>
      </c>
      <c r="O14" s="102">
        <v>2</v>
      </c>
      <c r="P14" s="103">
        <v>7</v>
      </c>
      <c r="Q14" s="413">
        <v>0</v>
      </c>
      <c r="R14" s="102">
        <v>2</v>
      </c>
      <c r="S14" s="102">
        <v>3</v>
      </c>
      <c r="T14" s="102">
        <v>1</v>
      </c>
      <c r="U14" s="102">
        <v>6</v>
      </c>
      <c r="V14" s="102">
        <v>2</v>
      </c>
      <c r="W14" s="103">
        <v>14</v>
      </c>
      <c r="X14" s="104">
        <v>21</v>
      </c>
      <c r="Y14" s="101">
        <v>14</v>
      </c>
      <c r="Z14" s="102">
        <v>5</v>
      </c>
      <c r="AA14" s="103">
        <v>19</v>
      </c>
      <c r="AB14" s="413">
        <v>0</v>
      </c>
      <c r="AC14" s="102">
        <v>13</v>
      </c>
      <c r="AD14" s="102">
        <v>8</v>
      </c>
      <c r="AE14" s="102">
        <v>3</v>
      </c>
      <c r="AF14" s="102">
        <v>2</v>
      </c>
      <c r="AG14" s="102">
        <v>6</v>
      </c>
      <c r="AH14" s="103">
        <v>32</v>
      </c>
      <c r="AI14" s="104">
        <v>51</v>
      </c>
      <c r="AJ14" s="101">
        <v>25</v>
      </c>
      <c r="AK14" s="102">
        <v>15</v>
      </c>
      <c r="AL14" s="103">
        <v>40</v>
      </c>
      <c r="AM14" s="413">
        <v>0</v>
      </c>
      <c r="AN14" s="102">
        <v>24</v>
      </c>
      <c r="AO14" s="102">
        <v>14</v>
      </c>
      <c r="AP14" s="102">
        <v>7</v>
      </c>
      <c r="AQ14" s="102">
        <v>11</v>
      </c>
      <c r="AR14" s="102">
        <v>10</v>
      </c>
      <c r="AS14" s="103">
        <v>66</v>
      </c>
      <c r="AT14" s="104">
        <v>106</v>
      </c>
      <c r="AU14" s="101">
        <v>71</v>
      </c>
      <c r="AV14" s="102">
        <v>34</v>
      </c>
      <c r="AW14" s="103">
        <v>105</v>
      </c>
      <c r="AX14" s="413">
        <v>0</v>
      </c>
      <c r="AY14" s="102">
        <v>65</v>
      </c>
      <c r="AZ14" s="102">
        <v>33</v>
      </c>
      <c r="BA14" s="102">
        <v>22</v>
      </c>
      <c r="BB14" s="102">
        <v>24</v>
      </c>
      <c r="BC14" s="102">
        <v>15</v>
      </c>
      <c r="BD14" s="103">
        <v>159</v>
      </c>
      <c r="BE14" s="104">
        <v>264</v>
      </c>
      <c r="BF14" s="101">
        <v>133</v>
      </c>
      <c r="BG14" s="102">
        <v>74</v>
      </c>
      <c r="BH14" s="103">
        <v>207</v>
      </c>
      <c r="BI14" s="413">
        <v>0</v>
      </c>
      <c r="BJ14" s="102">
        <v>129</v>
      </c>
      <c r="BK14" s="102">
        <v>53</v>
      </c>
      <c r="BL14" s="102">
        <v>26</v>
      </c>
      <c r="BM14" s="102">
        <v>26</v>
      </c>
      <c r="BN14" s="102">
        <v>18</v>
      </c>
      <c r="BO14" s="103">
        <v>252</v>
      </c>
      <c r="BP14" s="104">
        <v>459</v>
      </c>
      <c r="BQ14" s="101">
        <v>103</v>
      </c>
      <c r="BR14" s="102">
        <v>77</v>
      </c>
      <c r="BS14" s="103">
        <v>180</v>
      </c>
      <c r="BT14" s="413">
        <v>0</v>
      </c>
      <c r="BU14" s="102">
        <v>114</v>
      </c>
      <c r="BV14" s="102">
        <v>68</v>
      </c>
      <c r="BW14" s="102">
        <v>56</v>
      </c>
      <c r="BX14" s="102">
        <v>43</v>
      </c>
      <c r="BY14" s="102">
        <v>35</v>
      </c>
      <c r="BZ14" s="103">
        <v>316</v>
      </c>
      <c r="CA14" s="104">
        <v>496</v>
      </c>
      <c r="CB14" s="101">
        <v>0</v>
      </c>
      <c r="CC14" s="102">
        <v>0</v>
      </c>
      <c r="CD14" s="103">
        <v>0</v>
      </c>
      <c r="CE14" s="413">
        <v>0</v>
      </c>
      <c r="CF14" s="102">
        <v>0</v>
      </c>
      <c r="CG14" s="102">
        <v>0</v>
      </c>
      <c r="CH14" s="102">
        <v>0</v>
      </c>
      <c r="CI14" s="102">
        <v>0</v>
      </c>
      <c r="CJ14" s="102">
        <v>0</v>
      </c>
      <c r="CK14" s="103">
        <v>0</v>
      </c>
      <c r="CL14" s="104">
        <v>0</v>
      </c>
      <c r="CM14" s="101">
        <v>351</v>
      </c>
      <c r="CN14" s="102">
        <v>207</v>
      </c>
      <c r="CO14" s="103">
        <v>558</v>
      </c>
      <c r="CP14" s="413">
        <v>0</v>
      </c>
      <c r="CQ14" s="102">
        <v>347</v>
      </c>
      <c r="CR14" s="102">
        <v>179</v>
      </c>
      <c r="CS14" s="102">
        <v>115</v>
      </c>
      <c r="CT14" s="102">
        <v>112</v>
      </c>
      <c r="CU14" s="102">
        <v>86</v>
      </c>
      <c r="CV14" s="103">
        <v>839</v>
      </c>
      <c r="CW14" s="104">
        <v>1397</v>
      </c>
      <c r="CX14" s="105">
        <v>45</v>
      </c>
      <c r="CY14" s="97">
        <v>34</v>
      </c>
      <c r="CZ14" s="98">
        <v>79</v>
      </c>
      <c r="DA14" s="413">
        <v>0</v>
      </c>
      <c r="DB14" s="97">
        <v>57</v>
      </c>
      <c r="DC14" s="97">
        <v>25</v>
      </c>
      <c r="DD14" s="97">
        <v>14</v>
      </c>
      <c r="DE14" s="97">
        <v>28</v>
      </c>
      <c r="DF14" s="97">
        <v>16</v>
      </c>
      <c r="DG14" s="99">
        <v>140</v>
      </c>
      <c r="DH14" s="100">
        <v>219</v>
      </c>
      <c r="DI14" s="101">
        <v>1</v>
      </c>
      <c r="DJ14" s="102">
        <v>0</v>
      </c>
      <c r="DK14" s="103">
        <v>1</v>
      </c>
      <c r="DL14" s="413">
        <v>0</v>
      </c>
      <c r="DM14" s="102">
        <v>1</v>
      </c>
      <c r="DN14" s="102">
        <v>0</v>
      </c>
      <c r="DO14" s="102">
        <v>0</v>
      </c>
      <c r="DP14" s="102">
        <v>0</v>
      </c>
      <c r="DQ14" s="102">
        <v>0</v>
      </c>
      <c r="DR14" s="103">
        <v>1</v>
      </c>
      <c r="DS14" s="104">
        <v>2</v>
      </c>
      <c r="DT14" s="101">
        <v>5</v>
      </c>
      <c r="DU14" s="102">
        <v>3</v>
      </c>
      <c r="DV14" s="103">
        <v>8</v>
      </c>
      <c r="DW14" s="413">
        <v>0</v>
      </c>
      <c r="DX14" s="102">
        <v>7</v>
      </c>
      <c r="DY14" s="102">
        <v>0</v>
      </c>
      <c r="DZ14" s="102">
        <v>0</v>
      </c>
      <c r="EA14" s="102">
        <v>0</v>
      </c>
      <c r="EB14" s="102">
        <v>0</v>
      </c>
      <c r="EC14" s="103">
        <v>7</v>
      </c>
      <c r="ED14" s="104">
        <v>15</v>
      </c>
      <c r="EE14" s="101">
        <v>8</v>
      </c>
      <c r="EF14" s="102">
        <v>4</v>
      </c>
      <c r="EG14" s="103">
        <v>12</v>
      </c>
      <c r="EH14" s="413">
        <v>0</v>
      </c>
      <c r="EI14" s="102">
        <v>2</v>
      </c>
      <c r="EJ14" s="102">
        <v>4</v>
      </c>
      <c r="EK14" s="102">
        <v>0</v>
      </c>
      <c r="EL14" s="102">
        <v>1</v>
      </c>
      <c r="EM14" s="102">
        <v>1</v>
      </c>
      <c r="EN14" s="103">
        <v>8</v>
      </c>
      <c r="EO14" s="104">
        <v>20</v>
      </c>
      <c r="EP14" s="101">
        <v>7</v>
      </c>
      <c r="EQ14" s="102">
        <v>5</v>
      </c>
      <c r="ER14" s="103">
        <v>12</v>
      </c>
      <c r="ES14" s="413">
        <v>0</v>
      </c>
      <c r="ET14" s="102">
        <v>14</v>
      </c>
      <c r="EU14" s="102">
        <v>4</v>
      </c>
      <c r="EV14" s="102">
        <v>2</v>
      </c>
      <c r="EW14" s="102">
        <v>2</v>
      </c>
      <c r="EX14" s="102">
        <v>0</v>
      </c>
      <c r="EY14" s="103">
        <v>22</v>
      </c>
      <c r="EZ14" s="104">
        <v>34</v>
      </c>
      <c r="FA14" s="101">
        <v>17</v>
      </c>
      <c r="FB14" s="102">
        <v>11</v>
      </c>
      <c r="FC14" s="103">
        <v>28</v>
      </c>
      <c r="FD14" s="413">
        <v>0</v>
      </c>
      <c r="FE14" s="102">
        <v>12</v>
      </c>
      <c r="FF14" s="102">
        <v>6</v>
      </c>
      <c r="FG14" s="102">
        <v>2</v>
      </c>
      <c r="FH14" s="102">
        <v>6</v>
      </c>
      <c r="FI14" s="102">
        <v>3</v>
      </c>
      <c r="FJ14" s="103">
        <v>29</v>
      </c>
      <c r="FK14" s="104">
        <v>57</v>
      </c>
      <c r="FL14" s="101">
        <v>7</v>
      </c>
      <c r="FM14" s="102">
        <v>11</v>
      </c>
      <c r="FN14" s="103">
        <v>18</v>
      </c>
      <c r="FO14" s="413">
        <v>0</v>
      </c>
      <c r="FP14" s="102">
        <v>21</v>
      </c>
      <c r="FQ14" s="102">
        <v>11</v>
      </c>
      <c r="FR14" s="102">
        <v>10</v>
      </c>
      <c r="FS14" s="102">
        <v>19</v>
      </c>
      <c r="FT14" s="102">
        <v>12</v>
      </c>
      <c r="FU14" s="103">
        <v>73</v>
      </c>
      <c r="FV14" s="104">
        <v>91</v>
      </c>
      <c r="FW14" s="101">
        <v>0</v>
      </c>
      <c r="FX14" s="102">
        <v>0</v>
      </c>
      <c r="FY14" s="103">
        <v>0</v>
      </c>
      <c r="FZ14" s="413">
        <v>0</v>
      </c>
      <c r="GA14" s="102">
        <v>0</v>
      </c>
      <c r="GB14" s="102">
        <v>0</v>
      </c>
      <c r="GC14" s="102">
        <v>0</v>
      </c>
      <c r="GD14" s="102">
        <v>0</v>
      </c>
      <c r="GE14" s="102">
        <v>0</v>
      </c>
      <c r="GF14" s="103">
        <v>0</v>
      </c>
      <c r="GG14" s="104">
        <v>0</v>
      </c>
      <c r="GH14" s="101">
        <v>45</v>
      </c>
      <c r="GI14" s="102">
        <v>34</v>
      </c>
      <c r="GJ14" s="103">
        <v>79</v>
      </c>
      <c r="GK14" s="413">
        <v>0</v>
      </c>
      <c r="GL14" s="102">
        <v>57</v>
      </c>
      <c r="GM14" s="102">
        <v>25</v>
      </c>
      <c r="GN14" s="102">
        <v>14</v>
      </c>
      <c r="GO14" s="102">
        <v>28</v>
      </c>
      <c r="GP14" s="102">
        <v>16</v>
      </c>
      <c r="GQ14" s="103">
        <v>140</v>
      </c>
      <c r="GR14" s="104">
        <v>219</v>
      </c>
      <c r="GS14" s="105">
        <v>396</v>
      </c>
      <c r="GT14" s="97">
        <v>241</v>
      </c>
      <c r="GU14" s="98">
        <v>637</v>
      </c>
      <c r="GV14" s="413">
        <v>0</v>
      </c>
      <c r="GW14" s="97">
        <v>404</v>
      </c>
      <c r="GX14" s="97">
        <v>204</v>
      </c>
      <c r="GY14" s="97">
        <v>129</v>
      </c>
      <c r="GZ14" s="97">
        <v>140</v>
      </c>
      <c r="HA14" s="97">
        <v>102</v>
      </c>
      <c r="HB14" s="99">
        <v>979</v>
      </c>
      <c r="HC14" s="100">
        <v>1616</v>
      </c>
      <c r="HD14" s="101">
        <v>6</v>
      </c>
      <c r="HE14" s="102">
        <v>2</v>
      </c>
      <c r="HF14" s="103">
        <v>8</v>
      </c>
      <c r="HG14" s="413">
        <v>0</v>
      </c>
      <c r="HH14" s="102">
        <v>3</v>
      </c>
      <c r="HI14" s="102">
        <v>3</v>
      </c>
      <c r="HJ14" s="102">
        <v>1</v>
      </c>
      <c r="HK14" s="102">
        <v>6</v>
      </c>
      <c r="HL14" s="102">
        <v>2</v>
      </c>
      <c r="HM14" s="103">
        <v>15</v>
      </c>
      <c r="HN14" s="104">
        <v>23</v>
      </c>
      <c r="HO14" s="101">
        <v>19</v>
      </c>
      <c r="HP14" s="102">
        <v>8</v>
      </c>
      <c r="HQ14" s="103">
        <v>27</v>
      </c>
      <c r="HR14" s="413">
        <v>0</v>
      </c>
      <c r="HS14" s="102">
        <v>20</v>
      </c>
      <c r="HT14" s="102">
        <v>8</v>
      </c>
      <c r="HU14" s="102">
        <v>3</v>
      </c>
      <c r="HV14" s="102">
        <v>2</v>
      </c>
      <c r="HW14" s="102">
        <v>6</v>
      </c>
      <c r="HX14" s="103">
        <v>39</v>
      </c>
      <c r="HY14" s="104">
        <v>66</v>
      </c>
      <c r="HZ14" s="101">
        <v>33</v>
      </c>
      <c r="IA14" s="102">
        <v>19</v>
      </c>
      <c r="IB14" s="103">
        <v>52</v>
      </c>
      <c r="IC14" s="413">
        <v>0</v>
      </c>
      <c r="ID14" s="102">
        <v>26</v>
      </c>
      <c r="IE14" s="102">
        <v>18</v>
      </c>
      <c r="IF14" s="102">
        <v>7</v>
      </c>
      <c r="IG14" s="102">
        <v>12</v>
      </c>
      <c r="IH14" s="102">
        <v>11</v>
      </c>
      <c r="II14" s="103">
        <v>74</v>
      </c>
      <c r="IJ14" s="104">
        <v>126</v>
      </c>
      <c r="IK14" s="101">
        <v>78</v>
      </c>
      <c r="IL14" s="102">
        <v>39</v>
      </c>
      <c r="IM14" s="103">
        <v>117</v>
      </c>
      <c r="IN14" s="413">
        <v>0</v>
      </c>
      <c r="IO14" s="102">
        <v>79</v>
      </c>
      <c r="IP14" s="102">
        <v>37</v>
      </c>
      <c r="IQ14" s="102">
        <v>24</v>
      </c>
      <c r="IR14" s="102">
        <v>26</v>
      </c>
      <c r="IS14" s="102">
        <v>15</v>
      </c>
      <c r="IT14" s="103">
        <v>181</v>
      </c>
      <c r="IU14" s="104">
        <v>298</v>
      </c>
      <c r="IV14" s="101">
        <v>150</v>
      </c>
      <c r="IW14" s="102">
        <v>85</v>
      </c>
      <c r="IX14" s="103">
        <v>235</v>
      </c>
      <c r="IY14" s="413">
        <v>0</v>
      </c>
      <c r="IZ14" s="102">
        <v>141</v>
      </c>
      <c r="JA14" s="102">
        <v>59</v>
      </c>
      <c r="JB14" s="102">
        <v>28</v>
      </c>
      <c r="JC14" s="102">
        <v>32</v>
      </c>
      <c r="JD14" s="102">
        <v>21</v>
      </c>
      <c r="JE14" s="103">
        <v>281</v>
      </c>
      <c r="JF14" s="104">
        <v>516</v>
      </c>
      <c r="JG14" s="101">
        <v>110</v>
      </c>
      <c r="JH14" s="102">
        <v>88</v>
      </c>
      <c r="JI14" s="103">
        <v>198</v>
      </c>
      <c r="JJ14" s="413">
        <v>0</v>
      </c>
      <c r="JK14" s="102">
        <v>135</v>
      </c>
      <c r="JL14" s="102">
        <v>79</v>
      </c>
      <c r="JM14" s="102">
        <v>66</v>
      </c>
      <c r="JN14" s="102">
        <v>62</v>
      </c>
      <c r="JO14" s="102">
        <v>47</v>
      </c>
      <c r="JP14" s="103">
        <v>389</v>
      </c>
      <c r="JQ14" s="104">
        <v>587</v>
      </c>
      <c r="JR14" s="101">
        <v>0</v>
      </c>
      <c r="JS14" s="102">
        <v>0</v>
      </c>
      <c r="JT14" s="103">
        <v>0</v>
      </c>
      <c r="JU14" s="413">
        <v>0</v>
      </c>
      <c r="JV14" s="102">
        <v>0</v>
      </c>
      <c r="JW14" s="102">
        <v>0</v>
      </c>
      <c r="JX14" s="102">
        <v>0</v>
      </c>
      <c r="JY14" s="102">
        <v>0</v>
      </c>
      <c r="JZ14" s="102">
        <v>0</v>
      </c>
      <c r="KA14" s="103">
        <v>0</v>
      </c>
      <c r="KB14" s="104">
        <v>0</v>
      </c>
      <c r="KC14" s="101">
        <v>396</v>
      </c>
      <c r="KD14" s="102">
        <v>241</v>
      </c>
      <c r="KE14" s="103">
        <v>637</v>
      </c>
      <c r="KF14" s="413">
        <v>0</v>
      </c>
      <c r="KG14" s="102">
        <v>404</v>
      </c>
      <c r="KH14" s="102">
        <v>204</v>
      </c>
      <c r="KI14" s="102">
        <v>129</v>
      </c>
      <c r="KJ14" s="102">
        <v>140</v>
      </c>
      <c r="KK14" s="102">
        <v>102</v>
      </c>
      <c r="KL14" s="103">
        <v>979</v>
      </c>
      <c r="KM14" s="104">
        <v>1616</v>
      </c>
    </row>
    <row r="15" spans="2:299" s="70" customFormat="1" ht="21" customHeight="1" x14ac:dyDescent="0.2">
      <c r="B15" s="106" t="s">
        <v>11</v>
      </c>
      <c r="C15" s="96">
        <v>91</v>
      </c>
      <c r="D15" s="97">
        <v>66</v>
      </c>
      <c r="E15" s="98">
        <v>157</v>
      </c>
      <c r="F15" s="413">
        <v>0</v>
      </c>
      <c r="G15" s="97">
        <v>149</v>
      </c>
      <c r="H15" s="97">
        <v>88</v>
      </c>
      <c r="I15" s="97">
        <v>64</v>
      </c>
      <c r="J15" s="97">
        <v>57</v>
      </c>
      <c r="K15" s="97">
        <v>20</v>
      </c>
      <c r="L15" s="99">
        <v>378</v>
      </c>
      <c r="M15" s="100">
        <v>535</v>
      </c>
      <c r="N15" s="101">
        <v>0</v>
      </c>
      <c r="O15" s="102">
        <v>1</v>
      </c>
      <c r="P15" s="103">
        <v>1</v>
      </c>
      <c r="Q15" s="413">
        <v>0</v>
      </c>
      <c r="R15" s="102">
        <v>1</v>
      </c>
      <c r="S15" s="102">
        <v>0</v>
      </c>
      <c r="T15" s="102">
        <v>1</v>
      </c>
      <c r="U15" s="102">
        <v>0</v>
      </c>
      <c r="V15" s="102">
        <v>0</v>
      </c>
      <c r="W15" s="103">
        <v>2</v>
      </c>
      <c r="X15" s="104">
        <v>3</v>
      </c>
      <c r="Y15" s="101">
        <v>2</v>
      </c>
      <c r="Z15" s="102">
        <v>3</v>
      </c>
      <c r="AA15" s="103">
        <v>5</v>
      </c>
      <c r="AB15" s="413">
        <v>0</v>
      </c>
      <c r="AC15" s="102">
        <v>8</v>
      </c>
      <c r="AD15" s="102">
        <v>7</v>
      </c>
      <c r="AE15" s="102">
        <v>5</v>
      </c>
      <c r="AF15" s="102">
        <v>6</v>
      </c>
      <c r="AG15" s="102">
        <v>2</v>
      </c>
      <c r="AH15" s="103">
        <v>28</v>
      </c>
      <c r="AI15" s="104">
        <v>33</v>
      </c>
      <c r="AJ15" s="101">
        <v>5</v>
      </c>
      <c r="AK15" s="102">
        <v>5</v>
      </c>
      <c r="AL15" s="103">
        <v>10</v>
      </c>
      <c r="AM15" s="413">
        <v>0</v>
      </c>
      <c r="AN15" s="102">
        <v>9</v>
      </c>
      <c r="AO15" s="102">
        <v>10</v>
      </c>
      <c r="AP15" s="102">
        <v>6</v>
      </c>
      <c r="AQ15" s="102">
        <v>3</v>
      </c>
      <c r="AR15" s="102">
        <v>1</v>
      </c>
      <c r="AS15" s="103">
        <v>29</v>
      </c>
      <c r="AT15" s="104">
        <v>39</v>
      </c>
      <c r="AU15" s="101">
        <v>12</v>
      </c>
      <c r="AV15" s="102">
        <v>10</v>
      </c>
      <c r="AW15" s="103">
        <v>22</v>
      </c>
      <c r="AX15" s="413">
        <v>0</v>
      </c>
      <c r="AY15" s="102">
        <v>29</v>
      </c>
      <c r="AZ15" s="102">
        <v>9</v>
      </c>
      <c r="BA15" s="102">
        <v>6</v>
      </c>
      <c r="BB15" s="102">
        <v>8</v>
      </c>
      <c r="BC15" s="102">
        <v>3</v>
      </c>
      <c r="BD15" s="103">
        <v>55</v>
      </c>
      <c r="BE15" s="104">
        <v>77</v>
      </c>
      <c r="BF15" s="101">
        <v>41</v>
      </c>
      <c r="BG15" s="102">
        <v>25</v>
      </c>
      <c r="BH15" s="103">
        <v>66</v>
      </c>
      <c r="BI15" s="413">
        <v>0</v>
      </c>
      <c r="BJ15" s="102">
        <v>40</v>
      </c>
      <c r="BK15" s="102">
        <v>20</v>
      </c>
      <c r="BL15" s="102">
        <v>21</v>
      </c>
      <c r="BM15" s="102">
        <v>18</v>
      </c>
      <c r="BN15" s="102">
        <v>6</v>
      </c>
      <c r="BO15" s="103">
        <v>105</v>
      </c>
      <c r="BP15" s="104">
        <v>171</v>
      </c>
      <c r="BQ15" s="101">
        <v>31</v>
      </c>
      <c r="BR15" s="102">
        <v>22</v>
      </c>
      <c r="BS15" s="103">
        <v>53</v>
      </c>
      <c r="BT15" s="413">
        <v>0</v>
      </c>
      <c r="BU15" s="102">
        <v>62</v>
      </c>
      <c r="BV15" s="102">
        <v>42</v>
      </c>
      <c r="BW15" s="102">
        <v>25</v>
      </c>
      <c r="BX15" s="102">
        <v>22</v>
      </c>
      <c r="BY15" s="102">
        <v>8</v>
      </c>
      <c r="BZ15" s="103">
        <v>159</v>
      </c>
      <c r="CA15" s="104">
        <v>212</v>
      </c>
      <c r="CB15" s="101">
        <v>0</v>
      </c>
      <c r="CC15" s="102">
        <v>0</v>
      </c>
      <c r="CD15" s="103">
        <v>0</v>
      </c>
      <c r="CE15" s="413">
        <v>0</v>
      </c>
      <c r="CF15" s="102">
        <v>0</v>
      </c>
      <c r="CG15" s="102">
        <v>0</v>
      </c>
      <c r="CH15" s="102">
        <v>0</v>
      </c>
      <c r="CI15" s="102">
        <v>0</v>
      </c>
      <c r="CJ15" s="102">
        <v>0</v>
      </c>
      <c r="CK15" s="103">
        <v>0</v>
      </c>
      <c r="CL15" s="104">
        <v>0</v>
      </c>
      <c r="CM15" s="101">
        <v>91</v>
      </c>
      <c r="CN15" s="102">
        <v>66</v>
      </c>
      <c r="CO15" s="103">
        <v>157</v>
      </c>
      <c r="CP15" s="413">
        <v>0</v>
      </c>
      <c r="CQ15" s="102">
        <v>149</v>
      </c>
      <c r="CR15" s="102">
        <v>88</v>
      </c>
      <c r="CS15" s="102">
        <v>64</v>
      </c>
      <c r="CT15" s="102">
        <v>57</v>
      </c>
      <c r="CU15" s="102">
        <v>20</v>
      </c>
      <c r="CV15" s="103">
        <v>378</v>
      </c>
      <c r="CW15" s="104">
        <v>535</v>
      </c>
      <c r="CX15" s="105">
        <v>14</v>
      </c>
      <c r="CY15" s="97">
        <v>12</v>
      </c>
      <c r="CZ15" s="98">
        <v>26</v>
      </c>
      <c r="DA15" s="413">
        <v>0</v>
      </c>
      <c r="DB15" s="97">
        <v>25</v>
      </c>
      <c r="DC15" s="97">
        <v>15</v>
      </c>
      <c r="DD15" s="97">
        <v>11</v>
      </c>
      <c r="DE15" s="97">
        <v>15</v>
      </c>
      <c r="DF15" s="97">
        <v>12</v>
      </c>
      <c r="DG15" s="99">
        <v>78</v>
      </c>
      <c r="DH15" s="100">
        <v>104</v>
      </c>
      <c r="DI15" s="101">
        <v>2</v>
      </c>
      <c r="DJ15" s="102">
        <v>0</v>
      </c>
      <c r="DK15" s="103">
        <v>2</v>
      </c>
      <c r="DL15" s="413">
        <v>0</v>
      </c>
      <c r="DM15" s="102">
        <v>1</v>
      </c>
      <c r="DN15" s="102">
        <v>0</v>
      </c>
      <c r="DO15" s="102">
        <v>0</v>
      </c>
      <c r="DP15" s="102">
        <v>0</v>
      </c>
      <c r="DQ15" s="102">
        <v>0</v>
      </c>
      <c r="DR15" s="103">
        <v>1</v>
      </c>
      <c r="DS15" s="104">
        <v>3</v>
      </c>
      <c r="DT15" s="101">
        <v>0</v>
      </c>
      <c r="DU15" s="102">
        <v>1</v>
      </c>
      <c r="DV15" s="103">
        <v>1</v>
      </c>
      <c r="DW15" s="413">
        <v>0</v>
      </c>
      <c r="DX15" s="102">
        <v>1</v>
      </c>
      <c r="DY15" s="102">
        <v>0</v>
      </c>
      <c r="DZ15" s="102">
        <v>0</v>
      </c>
      <c r="EA15" s="102">
        <v>0</v>
      </c>
      <c r="EB15" s="102">
        <v>1</v>
      </c>
      <c r="EC15" s="103">
        <v>2</v>
      </c>
      <c r="ED15" s="104">
        <v>3</v>
      </c>
      <c r="EE15" s="101">
        <v>2</v>
      </c>
      <c r="EF15" s="102">
        <v>1</v>
      </c>
      <c r="EG15" s="103">
        <v>3</v>
      </c>
      <c r="EH15" s="413">
        <v>0</v>
      </c>
      <c r="EI15" s="102">
        <v>1</v>
      </c>
      <c r="EJ15" s="102">
        <v>2</v>
      </c>
      <c r="EK15" s="102">
        <v>0</v>
      </c>
      <c r="EL15" s="102">
        <v>1</v>
      </c>
      <c r="EM15" s="102">
        <v>2</v>
      </c>
      <c r="EN15" s="103">
        <v>6</v>
      </c>
      <c r="EO15" s="104">
        <v>9</v>
      </c>
      <c r="EP15" s="101">
        <v>3</v>
      </c>
      <c r="EQ15" s="102">
        <v>2</v>
      </c>
      <c r="ER15" s="103">
        <v>5</v>
      </c>
      <c r="ES15" s="413">
        <v>0</v>
      </c>
      <c r="ET15" s="102">
        <v>5</v>
      </c>
      <c r="EU15" s="102">
        <v>4</v>
      </c>
      <c r="EV15" s="102">
        <v>1</v>
      </c>
      <c r="EW15" s="102">
        <v>1</v>
      </c>
      <c r="EX15" s="102">
        <v>1</v>
      </c>
      <c r="EY15" s="103">
        <v>12</v>
      </c>
      <c r="EZ15" s="104">
        <v>17</v>
      </c>
      <c r="FA15" s="101">
        <v>5</v>
      </c>
      <c r="FB15" s="102">
        <v>4</v>
      </c>
      <c r="FC15" s="103">
        <v>9</v>
      </c>
      <c r="FD15" s="413">
        <v>0</v>
      </c>
      <c r="FE15" s="102">
        <v>7</v>
      </c>
      <c r="FF15" s="102">
        <v>2</v>
      </c>
      <c r="FG15" s="102">
        <v>3</v>
      </c>
      <c r="FH15" s="102">
        <v>5</v>
      </c>
      <c r="FI15" s="102">
        <v>3</v>
      </c>
      <c r="FJ15" s="103">
        <v>20</v>
      </c>
      <c r="FK15" s="104">
        <v>29</v>
      </c>
      <c r="FL15" s="101">
        <v>2</v>
      </c>
      <c r="FM15" s="102">
        <v>4</v>
      </c>
      <c r="FN15" s="103">
        <v>6</v>
      </c>
      <c r="FO15" s="413">
        <v>0</v>
      </c>
      <c r="FP15" s="102">
        <v>10</v>
      </c>
      <c r="FQ15" s="102">
        <v>7</v>
      </c>
      <c r="FR15" s="102">
        <v>7</v>
      </c>
      <c r="FS15" s="102">
        <v>8</v>
      </c>
      <c r="FT15" s="102">
        <v>5</v>
      </c>
      <c r="FU15" s="103">
        <v>37</v>
      </c>
      <c r="FV15" s="104">
        <v>43</v>
      </c>
      <c r="FW15" s="101">
        <v>0</v>
      </c>
      <c r="FX15" s="102">
        <v>0</v>
      </c>
      <c r="FY15" s="103">
        <v>0</v>
      </c>
      <c r="FZ15" s="413">
        <v>0</v>
      </c>
      <c r="GA15" s="102">
        <v>0</v>
      </c>
      <c r="GB15" s="102">
        <v>0</v>
      </c>
      <c r="GC15" s="102">
        <v>0</v>
      </c>
      <c r="GD15" s="102">
        <v>0</v>
      </c>
      <c r="GE15" s="102">
        <v>0</v>
      </c>
      <c r="GF15" s="103">
        <v>0</v>
      </c>
      <c r="GG15" s="104">
        <v>0</v>
      </c>
      <c r="GH15" s="101">
        <v>14</v>
      </c>
      <c r="GI15" s="102">
        <v>12</v>
      </c>
      <c r="GJ15" s="103">
        <v>26</v>
      </c>
      <c r="GK15" s="413">
        <v>0</v>
      </c>
      <c r="GL15" s="102">
        <v>25</v>
      </c>
      <c r="GM15" s="102">
        <v>15</v>
      </c>
      <c r="GN15" s="102">
        <v>11</v>
      </c>
      <c r="GO15" s="102">
        <v>15</v>
      </c>
      <c r="GP15" s="102">
        <v>12</v>
      </c>
      <c r="GQ15" s="103">
        <v>78</v>
      </c>
      <c r="GR15" s="104">
        <v>104</v>
      </c>
      <c r="GS15" s="105">
        <v>105</v>
      </c>
      <c r="GT15" s="97">
        <v>78</v>
      </c>
      <c r="GU15" s="98">
        <v>183</v>
      </c>
      <c r="GV15" s="413">
        <v>0</v>
      </c>
      <c r="GW15" s="97">
        <v>174</v>
      </c>
      <c r="GX15" s="97">
        <v>103</v>
      </c>
      <c r="GY15" s="97">
        <v>75</v>
      </c>
      <c r="GZ15" s="97">
        <v>72</v>
      </c>
      <c r="HA15" s="97">
        <v>32</v>
      </c>
      <c r="HB15" s="99">
        <v>456</v>
      </c>
      <c r="HC15" s="100">
        <v>639</v>
      </c>
      <c r="HD15" s="101">
        <v>2</v>
      </c>
      <c r="HE15" s="102">
        <v>1</v>
      </c>
      <c r="HF15" s="103">
        <v>3</v>
      </c>
      <c r="HG15" s="413">
        <v>0</v>
      </c>
      <c r="HH15" s="102">
        <v>2</v>
      </c>
      <c r="HI15" s="102">
        <v>0</v>
      </c>
      <c r="HJ15" s="102">
        <v>1</v>
      </c>
      <c r="HK15" s="102">
        <v>0</v>
      </c>
      <c r="HL15" s="102">
        <v>0</v>
      </c>
      <c r="HM15" s="103">
        <v>3</v>
      </c>
      <c r="HN15" s="104">
        <v>6</v>
      </c>
      <c r="HO15" s="101">
        <v>2</v>
      </c>
      <c r="HP15" s="102">
        <v>4</v>
      </c>
      <c r="HQ15" s="103">
        <v>6</v>
      </c>
      <c r="HR15" s="413">
        <v>0</v>
      </c>
      <c r="HS15" s="102">
        <v>9</v>
      </c>
      <c r="HT15" s="102">
        <v>7</v>
      </c>
      <c r="HU15" s="102">
        <v>5</v>
      </c>
      <c r="HV15" s="102">
        <v>6</v>
      </c>
      <c r="HW15" s="102">
        <v>3</v>
      </c>
      <c r="HX15" s="103">
        <v>30</v>
      </c>
      <c r="HY15" s="104">
        <v>36</v>
      </c>
      <c r="HZ15" s="101">
        <v>7</v>
      </c>
      <c r="IA15" s="102">
        <v>6</v>
      </c>
      <c r="IB15" s="103">
        <v>13</v>
      </c>
      <c r="IC15" s="413">
        <v>0</v>
      </c>
      <c r="ID15" s="102">
        <v>10</v>
      </c>
      <c r="IE15" s="102">
        <v>12</v>
      </c>
      <c r="IF15" s="102">
        <v>6</v>
      </c>
      <c r="IG15" s="102">
        <v>4</v>
      </c>
      <c r="IH15" s="102">
        <v>3</v>
      </c>
      <c r="II15" s="103">
        <v>35</v>
      </c>
      <c r="IJ15" s="104">
        <v>48</v>
      </c>
      <c r="IK15" s="101">
        <v>15</v>
      </c>
      <c r="IL15" s="102">
        <v>12</v>
      </c>
      <c r="IM15" s="103">
        <v>27</v>
      </c>
      <c r="IN15" s="413">
        <v>0</v>
      </c>
      <c r="IO15" s="102">
        <v>34</v>
      </c>
      <c r="IP15" s="102">
        <v>13</v>
      </c>
      <c r="IQ15" s="102">
        <v>7</v>
      </c>
      <c r="IR15" s="102">
        <v>9</v>
      </c>
      <c r="IS15" s="102">
        <v>4</v>
      </c>
      <c r="IT15" s="103">
        <v>67</v>
      </c>
      <c r="IU15" s="104">
        <v>94</v>
      </c>
      <c r="IV15" s="101">
        <v>46</v>
      </c>
      <c r="IW15" s="102">
        <v>29</v>
      </c>
      <c r="IX15" s="103">
        <v>75</v>
      </c>
      <c r="IY15" s="413">
        <v>0</v>
      </c>
      <c r="IZ15" s="102">
        <v>47</v>
      </c>
      <c r="JA15" s="102">
        <v>22</v>
      </c>
      <c r="JB15" s="102">
        <v>24</v>
      </c>
      <c r="JC15" s="102">
        <v>23</v>
      </c>
      <c r="JD15" s="102">
        <v>9</v>
      </c>
      <c r="JE15" s="103">
        <v>125</v>
      </c>
      <c r="JF15" s="104">
        <v>200</v>
      </c>
      <c r="JG15" s="101">
        <v>33</v>
      </c>
      <c r="JH15" s="102">
        <v>26</v>
      </c>
      <c r="JI15" s="103">
        <v>59</v>
      </c>
      <c r="JJ15" s="413">
        <v>0</v>
      </c>
      <c r="JK15" s="102">
        <v>72</v>
      </c>
      <c r="JL15" s="102">
        <v>49</v>
      </c>
      <c r="JM15" s="102">
        <v>32</v>
      </c>
      <c r="JN15" s="102">
        <v>30</v>
      </c>
      <c r="JO15" s="102">
        <v>13</v>
      </c>
      <c r="JP15" s="103">
        <v>196</v>
      </c>
      <c r="JQ15" s="104">
        <v>255</v>
      </c>
      <c r="JR15" s="101">
        <v>0</v>
      </c>
      <c r="JS15" s="102">
        <v>0</v>
      </c>
      <c r="JT15" s="103">
        <v>0</v>
      </c>
      <c r="JU15" s="413">
        <v>0</v>
      </c>
      <c r="JV15" s="102">
        <v>0</v>
      </c>
      <c r="JW15" s="102">
        <v>0</v>
      </c>
      <c r="JX15" s="102">
        <v>0</v>
      </c>
      <c r="JY15" s="102">
        <v>0</v>
      </c>
      <c r="JZ15" s="102">
        <v>0</v>
      </c>
      <c r="KA15" s="103">
        <v>0</v>
      </c>
      <c r="KB15" s="104">
        <v>0</v>
      </c>
      <c r="KC15" s="101">
        <v>105</v>
      </c>
      <c r="KD15" s="102">
        <v>78</v>
      </c>
      <c r="KE15" s="103">
        <v>183</v>
      </c>
      <c r="KF15" s="413">
        <v>0</v>
      </c>
      <c r="KG15" s="102">
        <v>174</v>
      </c>
      <c r="KH15" s="102">
        <v>103</v>
      </c>
      <c r="KI15" s="102">
        <v>75</v>
      </c>
      <c r="KJ15" s="102">
        <v>72</v>
      </c>
      <c r="KK15" s="102">
        <v>32</v>
      </c>
      <c r="KL15" s="103">
        <v>456</v>
      </c>
      <c r="KM15" s="104">
        <v>639</v>
      </c>
    </row>
    <row r="16" spans="2:299" s="70" customFormat="1" ht="21" customHeight="1" x14ac:dyDescent="0.2">
      <c r="B16" s="106" t="s">
        <v>12</v>
      </c>
      <c r="C16" s="96">
        <v>175</v>
      </c>
      <c r="D16" s="97">
        <v>159</v>
      </c>
      <c r="E16" s="98">
        <v>334</v>
      </c>
      <c r="F16" s="413">
        <v>0</v>
      </c>
      <c r="G16" s="97">
        <v>170</v>
      </c>
      <c r="H16" s="97">
        <v>157</v>
      </c>
      <c r="I16" s="97">
        <v>86</v>
      </c>
      <c r="J16" s="97">
        <v>91</v>
      </c>
      <c r="K16" s="97">
        <v>31</v>
      </c>
      <c r="L16" s="99">
        <v>535</v>
      </c>
      <c r="M16" s="100">
        <v>869</v>
      </c>
      <c r="N16" s="107">
        <v>7</v>
      </c>
      <c r="O16" s="102">
        <v>1</v>
      </c>
      <c r="P16" s="103">
        <v>8</v>
      </c>
      <c r="Q16" s="413">
        <v>0</v>
      </c>
      <c r="R16" s="102">
        <v>0</v>
      </c>
      <c r="S16" s="102">
        <v>5</v>
      </c>
      <c r="T16" s="102">
        <v>0</v>
      </c>
      <c r="U16" s="102">
        <v>2</v>
      </c>
      <c r="V16" s="102">
        <v>1</v>
      </c>
      <c r="W16" s="103">
        <v>8</v>
      </c>
      <c r="X16" s="104">
        <v>16</v>
      </c>
      <c r="Y16" s="101">
        <v>12</v>
      </c>
      <c r="Z16" s="102">
        <v>8</v>
      </c>
      <c r="AA16" s="103">
        <v>20</v>
      </c>
      <c r="AB16" s="413">
        <v>0</v>
      </c>
      <c r="AC16" s="102">
        <v>3</v>
      </c>
      <c r="AD16" s="102">
        <v>4</v>
      </c>
      <c r="AE16" s="102">
        <v>4</v>
      </c>
      <c r="AF16" s="102">
        <v>1</v>
      </c>
      <c r="AG16" s="102">
        <v>0</v>
      </c>
      <c r="AH16" s="103">
        <v>12</v>
      </c>
      <c r="AI16" s="104">
        <v>32</v>
      </c>
      <c r="AJ16" s="107">
        <v>11</v>
      </c>
      <c r="AK16" s="102">
        <v>14</v>
      </c>
      <c r="AL16" s="103">
        <v>25</v>
      </c>
      <c r="AM16" s="413">
        <v>0</v>
      </c>
      <c r="AN16" s="102">
        <v>15</v>
      </c>
      <c r="AO16" s="102">
        <v>13</v>
      </c>
      <c r="AP16" s="102">
        <v>10</v>
      </c>
      <c r="AQ16" s="102">
        <v>10</v>
      </c>
      <c r="AR16" s="102">
        <v>3</v>
      </c>
      <c r="AS16" s="103">
        <v>51</v>
      </c>
      <c r="AT16" s="104">
        <v>76</v>
      </c>
      <c r="AU16" s="101">
        <v>32</v>
      </c>
      <c r="AV16" s="102">
        <v>30</v>
      </c>
      <c r="AW16" s="103">
        <v>62</v>
      </c>
      <c r="AX16" s="413">
        <v>0</v>
      </c>
      <c r="AY16" s="102">
        <v>28</v>
      </c>
      <c r="AZ16" s="102">
        <v>31</v>
      </c>
      <c r="BA16" s="102">
        <v>17</v>
      </c>
      <c r="BB16" s="102">
        <v>13</v>
      </c>
      <c r="BC16" s="102">
        <v>8</v>
      </c>
      <c r="BD16" s="103">
        <v>97</v>
      </c>
      <c r="BE16" s="104">
        <v>159</v>
      </c>
      <c r="BF16" s="107">
        <v>67</v>
      </c>
      <c r="BG16" s="102">
        <v>53</v>
      </c>
      <c r="BH16" s="103">
        <v>120</v>
      </c>
      <c r="BI16" s="413">
        <v>0</v>
      </c>
      <c r="BJ16" s="102">
        <v>65</v>
      </c>
      <c r="BK16" s="102">
        <v>40</v>
      </c>
      <c r="BL16" s="102">
        <v>20</v>
      </c>
      <c r="BM16" s="102">
        <v>24</v>
      </c>
      <c r="BN16" s="102">
        <v>10</v>
      </c>
      <c r="BO16" s="103">
        <v>159</v>
      </c>
      <c r="BP16" s="104">
        <v>279</v>
      </c>
      <c r="BQ16" s="101">
        <v>46</v>
      </c>
      <c r="BR16" s="102">
        <v>53</v>
      </c>
      <c r="BS16" s="103">
        <v>99</v>
      </c>
      <c r="BT16" s="413">
        <v>0</v>
      </c>
      <c r="BU16" s="102">
        <v>59</v>
      </c>
      <c r="BV16" s="102">
        <v>64</v>
      </c>
      <c r="BW16" s="102">
        <v>35</v>
      </c>
      <c r="BX16" s="102">
        <v>41</v>
      </c>
      <c r="BY16" s="102">
        <v>9</v>
      </c>
      <c r="BZ16" s="103">
        <v>208</v>
      </c>
      <c r="CA16" s="104">
        <v>307</v>
      </c>
      <c r="CB16" s="101">
        <v>0</v>
      </c>
      <c r="CC16" s="102">
        <v>0</v>
      </c>
      <c r="CD16" s="103">
        <v>0</v>
      </c>
      <c r="CE16" s="413">
        <v>0</v>
      </c>
      <c r="CF16" s="102">
        <v>0</v>
      </c>
      <c r="CG16" s="102">
        <v>0</v>
      </c>
      <c r="CH16" s="102">
        <v>0</v>
      </c>
      <c r="CI16" s="102">
        <v>0</v>
      </c>
      <c r="CJ16" s="102">
        <v>0</v>
      </c>
      <c r="CK16" s="103">
        <v>0</v>
      </c>
      <c r="CL16" s="104">
        <v>0</v>
      </c>
      <c r="CM16" s="101">
        <v>175</v>
      </c>
      <c r="CN16" s="102">
        <v>159</v>
      </c>
      <c r="CO16" s="103">
        <v>334</v>
      </c>
      <c r="CP16" s="413">
        <v>0</v>
      </c>
      <c r="CQ16" s="102">
        <v>170</v>
      </c>
      <c r="CR16" s="102">
        <v>157</v>
      </c>
      <c r="CS16" s="102">
        <v>86</v>
      </c>
      <c r="CT16" s="102">
        <v>91</v>
      </c>
      <c r="CU16" s="102">
        <v>31</v>
      </c>
      <c r="CV16" s="103">
        <v>535</v>
      </c>
      <c r="CW16" s="104">
        <v>869</v>
      </c>
      <c r="CX16" s="105">
        <v>25</v>
      </c>
      <c r="CY16" s="97">
        <v>19</v>
      </c>
      <c r="CZ16" s="98">
        <v>44</v>
      </c>
      <c r="DA16" s="413">
        <v>0</v>
      </c>
      <c r="DB16" s="97">
        <v>20</v>
      </c>
      <c r="DC16" s="97">
        <v>23</v>
      </c>
      <c r="DD16" s="97">
        <v>11</v>
      </c>
      <c r="DE16" s="97">
        <v>14</v>
      </c>
      <c r="DF16" s="97">
        <v>9</v>
      </c>
      <c r="DG16" s="99">
        <v>77</v>
      </c>
      <c r="DH16" s="100">
        <v>121</v>
      </c>
      <c r="DI16" s="107">
        <v>0</v>
      </c>
      <c r="DJ16" s="102">
        <v>0</v>
      </c>
      <c r="DK16" s="103">
        <v>0</v>
      </c>
      <c r="DL16" s="413">
        <v>0</v>
      </c>
      <c r="DM16" s="102">
        <v>0</v>
      </c>
      <c r="DN16" s="102">
        <v>0</v>
      </c>
      <c r="DO16" s="102">
        <v>1</v>
      </c>
      <c r="DP16" s="102">
        <v>1</v>
      </c>
      <c r="DQ16" s="102">
        <v>0</v>
      </c>
      <c r="DR16" s="103">
        <v>2</v>
      </c>
      <c r="DS16" s="104">
        <v>2</v>
      </c>
      <c r="DT16" s="101">
        <v>2</v>
      </c>
      <c r="DU16" s="102">
        <v>1</v>
      </c>
      <c r="DV16" s="103">
        <v>3</v>
      </c>
      <c r="DW16" s="413">
        <v>0</v>
      </c>
      <c r="DX16" s="102">
        <v>0</v>
      </c>
      <c r="DY16" s="102">
        <v>2</v>
      </c>
      <c r="DZ16" s="102">
        <v>0</v>
      </c>
      <c r="EA16" s="102">
        <v>0</v>
      </c>
      <c r="EB16" s="102">
        <v>0</v>
      </c>
      <c r="EC16" s="103">
        <v>2</v>
      </c>
      <c r="ED16" s="104">
        <v>5</v>
      </c>
      <c r="EE16" s="107">
        <v>2</v>
      </c>
      <c r="EF16" s="102">
        <v>4</v>
      </c>
      <c r="EG16" s="103">
        <v>6</v>
      </c>
      <c r="EH16" s="413">
        <v>0</v>
      </c>
      <c r="EI16" s="102">
        <v>2</v>
      </c>
      <c r="EJ16" s="102">
        <v>2</v>
      </c>
      <c r="EK16" s="102">
        <v>0</v>
      </c>
      <c r="EL16" s="102">
        <v>2</v>
      </c>
      <c r="EM16" s="102">
        <v>0</v>
      </c>
      <c r="EN16" s="103">
        <v>6</v>
      </c>
      <c r="EO16" s="104">
        <v>12</v>
      </c>
      <c r="EP16" s="101">
        <v>6</v>
      </c>
      <c r="EQ16" s="102">
        <v>2</v>
      </c>
      <c r="ER16" s="103">
        <v>8</v>
      </c>
      <c r="ES16" s="413">
        <v>0</v>
      </c>
      <c r="ET16" s="102">
        <v>4</v>
      </c>
      <c r="EU16" s="102">
        <v>2</v>
      </c>
      <c r="EV16" s="102">
        <v>1</v>
      </c>
      <c r="EW16" s="102">
        <v>1</v>
      </c>
      <c r="EX16" s="102">
        <v>0</v>
      </c>
      <c r="EY16" s="103">
        <v>8</v>
      </c>
      <c r="EZ16" s="104">
        <v>16</v>
      </c>
      <c r="FA16" s="107">
        <v>5</v>
      </c>
      <c r="FB16" s="102">
        <v>8</v>
      </c>
      <c r="FC16" s="103">
        <v>13</v>
      </c>
      <c r="FD16" s="413">
        <v>0</v>
      </c>
      <c r="FE16" s="102">
        <v>8</v>
      </c>
      <c r="FF16" s="102">
        <v>6</v>
      </c>
      <c r="FG16" s="102">
        <v>2</v>
      </c>
      <c r="FH16" s="102">
        <v>4</v>
      </c>
      <c r="FI16" s="102">
        <v>3</v>
      </c>
      <c r="FJ16" s="103">
        <v>23</v>
      </c>
      <c r="FK16" s="104">
        <v>36</v>
      </c>
      <c r="FL16" s="101">
        <v>10</v>
      </c>
      <c r="FM16" s="102">
        <v>4</v>
      </c>
      <c r="FN16" s="103">
        <v>14</v>
      </c>
      <c r="FO16" s="413">
        <v>0</v>
      </c>
      <c r="FP16" s="102">
        <v>6</v>
      </c>
      <c r="FQ16" s="102">
        <v>11</v>
      </c>
      <c r="FR16" s="102">
        <v>7</v>
      </c>
      <c r="FS16" s="102">
        <v>6</v>
      </c>
      <c r="FT16" s="102">
        <v>6</v>
      </c>
      <c r="FU16" s="103">
        <v>36</v>
      </c>
      <c r="FV16" s="104">
        <v>50</v>
      </c>
      <c r="FW16" s="101">
        <v>0</v>
      </c>
      <c r="FX16" s="102">
        <v>0</v>
      </c>
      <c r="FY16" s="103">
        <v>0</v>
      </c>
      <c r="FZ16" s="413">
        <v>0</v>
      </c>
      <c r="GA16" s="102">
        <v>0</v>
      </c>
      <c r="GB16" s="102">
        <v>0</v>
      </c>
      <c r="GC16" s="102">
        <v>0</v>
      </c>
      <c r="GD16" s="102">
        <v>0</v>
      </c>
      <c r="GE16" s="102">
        <v>0</v>
      </c>
      <c r="GF16" s="103">
        <v>0</v>
      </c>
      <c r="GG16" s="104">
        <v>0</v>
      </c>
      <c r="GH16" s="101">
        <v>25</v>
      </c>
      <c r="GI16" s="102">
        <v>19</v>
      </c>
      <c r="GJ16" s="103">
        <v>44</v>
      </c>
      <c r="GK16" s="413">
        <v>0</v>
      </c>
      <c r="GL16" s="102">
        <v>20</v>
      </c>
      <c r="GM16" s="102">
        <v>23</v>
      </c>
      <c r="GN16" s="102">
        <v>11</v>
      </c>
      <c r="GO16" s="102">
        <v>14</v>
      </c>
      <c r="GP16" s="102">
        <v>9</v>
      </c>
      <c r="GQ16" s="103">
        <v>77</v>
      </c>
      <c r="GR16" s="104">
        <v>121</v>
      </c>
      <c r="GS16" s="105">
        <v>200</v>
      </c>
      <c r="GT16" s="97">
        <v>178</v>
      </c>
      <c r="GU16" s="98">
        <v>378</v>
      </c>
      <c r="GV16" s="413">
        <v>0</v>
      </c>
      <c r="GW16" s="97">
        <v>190</v>
      </c>
      <c r="GX16" s="97">
        <v>180</v>
      </c>
      <c r="GY16" s="97">
        <v>97</v>
      </c>
      <c r="GZ16" s="97">
        <v>105</v>
      </c>
      <c r="HA16" s="97">
        <v>40</v>
      </c>
      <c r="HB16" s="99">
        <v>612</v>
      </c>
      <c r="HC16" s="100">
        <v>990</v>
      </c>
      <c r="HD16" s="107">
        <v>7</v>
      </c>
      <c r="HE16" s="102">
        <v>1</v>
      </c>
      <c r="HF16" s="103">
        <v>8</v>
      </c>
      <c r="HG16" s="413">
        <v>0</v>
      </c>
      <c r="HH16" s="102">
        <v>0</v>
      </c>
      <c r="HI16" s="102">
        <v>5</v>
      </c>
      <c r="HJ16" s="102">
        <v>1</v>
      </c>
      <c r="HK16" s="102">
        <v>3</v>
      </c>
      <c r="HL16" s="102">
        <v>1</v>
      </c>
      <c r="HM16" s="103">
        <v>10</v>
      </c>
      <c r="HN16" s="104">
        <v>18</v>
      </c>
      <c r="HO16" s="101">
        <v>14</v>
      </c>
      <c r="HP16" s="102">
        <v>9</v>
      </c>
      <c r="HQ16" s="103">
        <v>23</v>
      </c>
      <c r="HR16" s="413">
        <v>0</v>
      </c>
      <c r="HS16" s="102">
        <v>3</v>
      </c>
      <c r="HT16" s="102">
        <v>6</v>
      </c>
      <c r="HU16" s="102">
        <v>4</v>
      </c>
      <c r="HV16" s="102">
        <v>1</v>
      </c>
      <c r="HW16" s="102">
        <v>0</v>
      </c>
      <c r="HX16" s="103">
        <v>14</v>
      </c>
      <c r="HY16" s="104">
        <v>37</v>
      </c>
      <c r="HZ16" s="107">
        <v>13</v>
      </c>
      <c r="IA16" s="102">
        <v>18</v>
      </c>
      <c r="IB16" s="103">
        <v>31</v>
      </c>
      <c r="IC16" s="413">
        <v>0</v>
      </c>
      <c r="ID16" s="102">
        <v>17</v>
      </c>
      <c r="IE16" s="102">
        <v>15</v>
      </c>
      <c r="IF16" s="102">
        <v>10</v>
      </c>
      <c r="IG16" s="102">
        <v>12</v>
      </c>
      <c r="IH16" s="102">
        <v>3</v>
      </c>
      <c r="II16" s="103">
        <v>57</v>
      </c>
      <c r="IJ16" s="104">
        <v>88</v>
      </c>
      <c r="IK16" s="101">
        <v>38</v>
      </c>
      <c r="IL16" s="102">
        <v>32</v>
      </c>
      <c r="IM16" s="103">
        <v>70</v>
      </c>
      <c r="IN16" s="413">
        <v>0</v>
      </c>
      <c r="IO16" s="102">
        <v>32</v>
      </c>
      <c r="IP16" s="102">
        <v>33</v>
      </c>
      <c r="IQ16" s="102">
        <v>18</v>
      </c>
      <c r="IR16" s="102">
        <v>14</v>
      </c>
      <c r="IS16" s="102">
        <v>8</v>
      </c>
      <c r="IT16" s="103">
        <v>105</v>
      </c>
      <c r="IU16" s="104">
        <v>175</v>
      </c>
      <c r="IV16" s="107">
        <v>72</v>
      </c>
      <c r="IW16" s="102">
        <v>61</v>
      </c>
      <c r="IX16" s="103">
        <v>133</v>
      </c>
      <c r="IY16" s="413">
        <v>0</v>
      </c>
      <c r="IZ16" s="102">
        <v>73</v>
      </c>
      <c r="JA16" s="102">
        <v>46</v>
      </c>
      <c r="JB16" s="102">
        <v>22</v>
      </c>
      <c r="JC16" s="102">
        <v>28</v>
      </c>
      <c r="JD16" s="102">
        <v>13</v>
      </c>
      <c r="JE16" s="103">
        <v>182</v>
      </c>
      <c r="JF16" s="104">
        <v>315</v>
      </c>
      <c r="JG16" s="101">
        <v>56</v>
      </c>
      <c r="JH16" s="102">
        <v>57</v>
      </c>
      <c r="JI16" s="103">
        <v>113</v>
      </c>
      <c r="JJ16" s="413">
        <v>0</v>
      </c>
      <c r="JK16" s="102">
        <v>65</v>
      </c>
      <c r="JL16" s="102">
        <v>75</v>
      </c>
      <c r="JM16" s="102">
        <v>42</v>
      </c>
      <c r="JN16" s="102">
        <v>47</v>
      </c>
      <c r="JO16" s="102">
        <v>15</v>
      </c>
      <c r="JP16" s="103">
        <v>244</v>
      </c>
      <c r="JQ16" s="104">
        <v>357</v>
      </c>
      <c r="JR16" s="101">
        <v>0</v>
      </c>
      <c r="JS16" s="102">
        <v>0</v>
      </c>
      <c r="JT16" s="103">
        <v>0</v>
      </c>
      <c r="JU16" s="413">
        <v>0</v>
      </c>
      <c r="JV16" s="102">
        <v>0</v>
      </c>
      <c r="JW16" s="102">
        <v>0</v>
      </c>
      <c r="JX16" s="102">
        <v>0</v>
      </c>
      <c r="JY16" s="102">
        <v>0</v>
      </c>
      <c r="JZ16" s="102">
        <v>0</v>
      </c>
      <c r="KA16" s="103">
        <v>0</v>
      </c>
      <c r="KB16" s="104">
        <v>0</v>
      </c>
      <c r="KC16" s="101">
        <v>200</v>
      </c>
      <c r="KD16" s="102">
        <v>178</v>
      </c>
      <c r="KE16" s="103">
        <v>378</v>
      </c>
      <c r="KF16" s="413">
        <v>0</v>
      </c>
      <c r="KG16" s="102">
        <v>190</v>
      </c>
      <c r="KH16" s="102">
        <v>180</v>
      </c>
      <c r="KI16" s="102">
        <v>97</v>
      </c>
      <c r="KJ16" s="102">
        <v>105</v>
      </c>
      <c r="KK16" s="102">
        <v>40</v>
      </c>
      <c r="KL16" s="103">
        <v>612</v>
      </c>
      <c r="KM16" s="104">
        <v>990</v>
      </c>
    </row>
    <row r="17" spans="2:299" s="70" customFormat="1" ht="21" customHeight="1" x14ac:dyDescent="0.2">
      <c r="B17" s="106" t="s">
        <v>13</v>
      </c>
      <c r="C17" s="96">
        <v>47</v>
      </c>
      <c r="D17" s="97">
        <v>41</v>
      </c>
      <c r="E17" s="98">
        <v>88</v>
      </c>
      <c r="F17" s="413">
        <v>0</v>
      </c>
      <c r="G17" s="97">
        <v>73</v>
      </c>
      <c r="H17" s="97">
        <v>72</v>
      </c>
      <c r="I17" s="97">
        <v>39</v>
      </c>
      <c r="J17" s="97">
        <v>39</v>
      </c>
      <c r="K17" s="97">
        <v>23</v>
      </c>
      <c r="L17" s="99">
        <v>246</v>
      </c>
      <c r="M17" s="100">
        <v>334</v>
      </c>
      <c r="N17" s="101">
        <v>0</v>
      </c>
      <c r="O17" s="102">
        <v>0</v>
      </c>
      <c r="P17" s="103">
        <v>0</v>
      </c>
      <c r="Q17" s="413">
        <v>0</v>
      </c>
      <c r="R17" s="102">
        <v>3</v>
      </c>
      <c r="S17" s="102">
        <v>0</v>
      </c>
      <c r="T17" s="102">
        <v>0</v>
      </c>
      <c r="U17" s="102">
        <v>0</v>
      </c>
      <c r="V17" s="102">
        <v>0</v>
      </c>
      <c r="W17" s="103">
        <v>3</v>
      </c>
      <c r="X17" s="104">
        <v>3</v>
      </c>
      <c r="Y17" s="101">
        <v>0</v>
      </c>
      <c r="Z17" s="102">
        <v>0</v>
      </c>
      <c r="AA17" s="103">
        <v>0</v>
      </c>
      <c r="AB17" s="413">
        <v>0</v>
      </c>
      <c r="AC17" s="102">
        <v>1</v>
      </c>
      <c r="AD17" s="102">
        <v>0</v>
      </c>
      <c r="AE17" s="102">
        <v>1</v>
      </c>
      <c r="AF17" s="102">
        <v>2</v>
      </c>
      <c r="AG17" s="102">
        <v>1</v>
      </c>
      <c r="AH17" s="103">
        <v>5</v>
      </c>
      <c r="AI17" s="104">
        <v>5</v>
      </c>
      <c r="AJ17" s="101">
        <v>4</v>
      </c>
      <c r="AK17" s="102">
        <v>1</v>
      </c>
      <c r="AL17" s="103">
        <v>5</v>
      </c>
      <c r="AM17" s="413">
        <v>0</v>
      </c>
      <c r="AN17" s="102">
        <v>3</v>
      </c>
      <c r="AO17" s="102">
        <v>4</v>
      </c>
      <c r="AP17" s="102">
        <v>3</v>
      </c>
      <c r="AQ17" s="102">
        <v>1</v>
      </c>
      <c r="AR17" s="102">
        <v>1</v>
      </c>
      <c r="AS17" s="103">
        <v>12</v>
      </c>
      <c r="AT17" s="104">
        <v>17</v>
      </c>
      <c r="AU17" s="101">
        <v>9</v>
      </c>
      <c r="AV17" s="102">
        <v>8</v>
      </c>
      <c r="AW17" s="103">
        <v>17</v>
      </c>
      <c r="AX17" s="413">
        <v>0</v>
      </c>
      <c r="AY17" s="102">
        <v>10</v>
      </c>
      <c r="AZ17" s="102">
        <v>11</v>
      </c>
      <c r="BA17" s="102">
        <v>6</v>
      </c>
      <c r="BB17" s="102">
        <v>7</v>
      </c>
      <c r="BC17" s="102">
        <v>4</v>
      </c>
      <c r="BD17" s="103">
        <v>38</v>
      </c>
      <c r="BE17" s="104">
        <v>55</v>
      </c>
      <c r="BF17" s="101">
        <v>17</v>
      </c>
      <c r="BG17" s="102">
        <v>15</v>
      </c>
      <c r="BH17" s="103">
        <v>32</v>
      </c>
      <c r="BI17" s="413">
        <v>0</v>
      </c>
      <c r="BJ17" s="102">
        <v>27</v>
      </c>
      <c r="BK17" s="102">
        <v>23</v>
      </c>
      <c r="BL17" s="102">
        <v>9</v>
      </c>
      <c r="BM17" s="102">
        <v>13</v>
      </c>
      <c r="BN17" s="102">
        <v>5</v>
      </c>
      <c r="BO17" s="103">
        <v>77</v>
      </c>
      <c r="BP17" s="104">
        <v>109</v>
      </c>
      <c r="BQ17" s="101">
        <v>17</v>
      </c>
      <c r="BR17" s="102">
        <v>17</v>
      </c>
      <c r="BS17" s="103">
        <v>34</v>
      </c>
      <c r="BT17" s="413">
        <v>0</v>
      </c>
      <c r="BU17" s="102">
        <v>29</v>
      </c>
      <c r="BV17" s="102">
        <v>34</v>
      </c>
      <c r="BW17" s="102">
        <v>20</v>
      </c>
      <c r="BX17" s="102">
        <v>16</v>
      </c>
      <c r="BY17" s="102">
        <v>12</v>
      </c>
      <c r="BZ17" s="103">
        <v>111</v>
      </c>
      <c r="CA17" s="104">
        <v>145</v>
      </c>
      <c r="CB17" s="101">
        <v>0</v>
      </c>
      <c r="CC17" s="102">
        <v>0</v>
      </c>
      <c r="CD17" s="103">
        <v>0</v>
      </c>
      <c r="CE17" s="413">
        <v>0</v>
      </c>
      <c r="CF17" s="102">
        <v>0</v>
      </c>
      <c r="CG17" s="102">
        <v>0</v>
      </c>
      <c r="CH17" s="102">
        <v>0</v>
      </c>
      <c r="CI17" s="102">
        <v>0</v>
      </c>
      <c r="CJ17" s="102">
        <v>0</v>
      </c>
      <c r="CK17" s="103">
        <v>0</v>
      </c>
      <c r="CL17" s="104">
        <v>0</v>
      </c>
      <c r="CM17" s="101">
        <v>47</v>
      </c>
      <c r="CN17" s="102">
        <v>41</v>
      </c>
      <c r="CO17" s="103">
        <v>88</v>
      </c>
      <c r="CP17" s="413">
        <v>0</v>
      </c>
      <c r="CQ17" s="102">
        <v>73</v>
      </c>
      <c r="CR17" s="102">
        <v>72</v>
      </c>
      <c r="CS17" s="102">
        <v>39</v>
      </c>
      <c r="CT17" s="102">
        <v>39</v>
      </c>
      <c r="CU17" s="102">
        <v>23</v>
      </c>
      <c r="CV17" s="103">
        <v>246</v>
      </c>
      <c r="CW17" s="104">
        <v>334</v>
      </c>
      <c r="CX17" s="105">
        <v>8</v>
      </c>
      <c r="CY17" s="97">
        <v>6</v>
      </c>
      <c r="CZ17" s="98">
        <v>14</v>
      </c>
      <c r="DA17" s="413">
        <v>0</v>
      </c>
      <c r="DB17" s="97">
        <v>16</v>
      </c>
      <c r="DC17" s="97">
        <v>9</v>
      </c>
      <c r="DD17" s="97">
        <v>4</v>
      </c>
      <c r="DE17" s="97">
        <v>12</v>
      </c>
      <c r="DF17" s="97">
        <v>3</v>
      </c>
      <c r="DG17" s="99">
        <v>44</v>
      </c>
      <c r="DH17" s="100">
        <v>58</v>
      </c>
      <c r="DI17" s="101">
        <v>0</v>
      </c>
      <c r="DJ17" s="102">
        <v>0</v>
      </c>
      <c r="DK17" s="103">
        <v>0</v>
      </c>
      <c r="DL17" s="413">
        <v>0</v>
      </c>
      <c r="DM17" s="102">
        <v>0</v>
      </c>
      <c r="DN17" s="102">
        <v>0</v>
      </c>
      <c r="DO17" s="102">
        <v>0</v>
      </c>
      <c r="DP17" s="102">
        <v>0</v>
      </c>
      <c r="DQ17" s="102">
        <v>0</v>
      </c>
      <c r="DR17" s="103">
        <v>0</v>
      </c>
      <c r="DS17" s="104">
        <v>0</v>
      </c>
      <c r="DT17" s="101">
        <v>1</v>
      </c>
      <c r="DU17" s="102">
        <v>0</v>
      </c>
      <c r="DV17" s="103">
        <v>1</v>
      </c>
      <c r="DW17" s="413">
        <v>0</v>
      </c>
      <c r="DX17" s="102">
        <v>0</v>
      </c>
      <c r="DY17" s="102">
        <v>0</v>
      </c>
      <c r="DZ17" s="102">
        <v>0</v>
      </c>
      <c r="EA17" s="102">
        <v>0</v>
      </c>
      <c r="EB17" s="102">
        <v>0</v>
      </c>
      <c r="EC17" s="103">
        <v>0</v>
      </c>
      <c r="ED17" s="104">
        <v>1</v>
      </c>
      <c r="EE17" s="101">
        <v>0</v>
      </c>
      <c r="EF17" s="102">
        <v>1</v>
      </c>
      <c r="EG17" s="103">
        <v>1</v>
      </c>
      <c r="EH17" s="413">
        <v>0</v>
      </c>
      <c r="EI17" s="102">
        <v>2</v>
      </c>
      <c r="EJ17" s="102">
        <v>0</v>
      </c>
      <c r="EK17" s="102">
        <v>0</v>
      </c>
      <c r="EL17" s="102">
        <v>0</v>
      </c>
      <c r="EM17" s="102">
        <v>0</v>
      </c>
      <c r="EN17" s="103">
        <v>2</v>
      </c>
      <c r="EO17" s="104">
        <v>3</v>
      </c>
      <c r="EP17" s="101">
        <v>1</v>
      </c>
      <c r="EQ17" s="102">
        <v>2</v>
      </c>
      <c r="ER17" s="103">
        <v>3</v>
      </c>
      <c r="ES17" s="413">
        <v>0</v>
      </c>
      <c r="ET17" s="102">
        <v>1</v>
      </c>
      <c r="EU17" s="102">
        <v>3</v>
      </c>
      <c r="EV17" s="102">
        <v>2</v>
      </c>
      <c r="EW17" s="102">
        <v>2</v>
      </c>
      <c r="EX17" s="102">
        <v>1</v>
      </c>
      <c r="EY17" s="103">
        <v>9</v>
      </c>
      <c r="EZ17" s="104">
        <v>12</v>
      </c>
      <c r="FA17" s="101">
        <v>4</v>
      </c>
      <c r="FB17" s="102">
        <v>3</v>
      </c>
      <c r="FC17" s="103">
        <v>7</v>
      </c>
      <c r="FD17" s="413">
        <v>0</v>
      </c>
      <c r="FE17" s="102">
        <v>4</v>
      </c>
      <c r="FF17" s="102">
        <v>3</v>
      </c>
      <c r="FG17" s="102">
        <v>0</v>
      </c>
      <c r="FH17" s="102">
        <v>2</v>
      </c>
      <c r="FI17" s="102">
        <v>0</v>
      </c>
      <c r="FJ17" s="103">
        <v>9</v>
      </c>
      <c r="FK17" s="104">
        <v>16</v>
      </c>
      <c r="FL17" s="101">
        <v>2</v>
      </c>
      <c r="FM17" s="102">
        <v>0</v>
      </c>
      <c r="FN17" s="103">
        <v>2</v>
      </c>
      <c r="FO17" s="413">
        <v>0</v>
      </c>
      <c r="FP17" s="102">
        <v>9</v>
      </c>
      <c r="FQ17" s="102">
        <v>3</v>
      </c>
      <c r="FR17" s="102">
        <v>2</v>
      </c>
      <c r="FS17" s="102">
        <v>8</v>
      </c>
      <c r="FT17" s="102">
        <v>2</v>
      </c>
      <c r="FU17" s="103">
        <v>24</v>
      </c>
      <c r="FV17" s="104">
        <v>26</v>
      </c>
      <c r="FW17" s="101">
        <v>0</v>
      </c>
      <c r="FX17" s="102">
        <v>0</v>
      </c>
      <c r="FY17" s="103">
        <v>0</v>
      </c>
      <c r="FZ17" s="413">
        <v>0</v>
      </c>
      <c r="GA17" s="102">
        <v>0</v>
      </c>
      <c r="GB17" s="102">
        <v>0</v>
      </c>
      <c r="GC17" s="102">
        <v>0</v>
      </c>
      <c r="GD17" s="102">
        <v>0</v>
      </c>
      <c r="GE17" s="102">
        <v>0</v>
      </c>
      <c r="GF17" s="103">
        <v>0</v>
      </c>
      <c r="GG17" s="104">
        <v>0</v>
      </c>
      <c r="GH17" s="101">
        <v>8</v>
      </c>
      <c r="GI17" s="102">
        <v>6</v>
      </c>
      <c r="GJ17" s="103">
        <v>14</v>
      </c>
      <c r="GK17" s="413">
        <v>0</v>
      </c>
      <c r="GL17" s="102">
        <v>16</v>
      </c>
      <c r="GM17" s="102">
        <v>9</v>
      </c>
      <c r="GN17" s="102">
        <v>4</v>
      </c>
      <c r="GO17" s="102">
        <v>12</v>
      </c>
      <c r="GP17" s="102">
        <v>3</v>
      </c>
      <c r="GQ17" s="103">
        <v>44</v>
      </c>
      <c r="GR17" s="104">
        <v>58</v>
      </c>
      <c r="GS17" s="105">
        <v>55</v>
      </c>
      <c r="GT17" s="97">
        <v>47</v>
      </c>
      <c r="GU17" s="98">
        <v>102</v>
      </c>
      <c r="GV17" s="413">
        <v>0</v>
      </c>
      <c r="GW17" s="97">
        <v>89</v>
      </c>
      <c r="GX17" s="97">
        <v>81</v>
      </c>
      <c r="GY17" s="97">
        <v>43</v>
      </c>
      <c r="GZ17" s="97">
        <v>51</v>
      </c>
      <c r="HA17" s="97">
        <v>26</v>
      </c>
      <c r="HB17" s="99">
        <v>290</v>
      </c>
      <c r="HC17" s="100">
        <v>392</v>
      </c>
      <c r="HD17" s="101">
        <v>0</v>
      </c>
      <c r="HE17" s="102">
        <v>0</v>
      </c>
      <c r="HF17" s="103">
        <v>0</v>
      </c>
      <c r="HG17" s="413">
        <v>0</v>
      </c>
      <c r="HH17" s="102">
        <v>3</v>
      </c>
      <c r="HI17" s="102">
        <v>0</v>
      </c>
      <c r="HJ17" s="102">
        <v>0</v>
      </c>
      <c r="HK17" s="102">
        <v>0</v>
      </c>
      <c r="HL17" s="102">
        <v>0</v>
      </c>
      <c r="HM17" s="103">
        <v>3</v>
      </c>
      <c r="HN17" s="104">
        <v>3</v>
      </c>
      <c r="HO17" s="101">
        <v>1</v>
      </c>
      <c r="HP17" s="102">
        <v>0</v>
      </c>
      <c r="HQ17" s="103">
        <v>1</v>
      </c>
      <c r="HR17" s="413">
        <v>0</v>
      </c>
      <c r="HS17" s="102">
        <v>1</v>
      </c>
      <c r="HT17" s="102">
        <v>0</v>
      </c>
      <c r="HU17" s="102">
        <v>1</v>
      </c>
      <c r="HV17" s="102">
        <v>2</v>
      </c>
      <c r="HW17" s="102">
        <v>1</v>
      </c>
      <c r="HX17" s="103">
        <v>5</v>
      </c>
      <c r="HY17" s="104">
        <v>6</v>
      </c>
      <c r="HZ17" s="101">
        <v>4</v>
      </c>
      <c r="IA17" s="102">
        <v>2</v>
      </c>
      <c r="IB17" s="103">
        <v>6</v>
      </c>
      <c r="IC17" s="413">
        <v>0</v>
      </c>
      <c r="ID17" s="102">
        <v>5</v>
      </c>
      <c r="IE17" s="102">
        <v>4</v>
      </c>
      <c r="IF17" s="102">
        <v>3</v>
      </c>
      <c r="IG17" s="102">
        <v>1</v>
      </c>
      <c r="IH17" s="102">
        <v>1</v>
      </c>
      <c r="II17" s="103">
        <v>14</v>
      </c>
      <c r="IJ17" s="104">
        <v>20</v>
      </c>
      <c r="IK17" s="101">
        <v>10</v>
      </c>
      <c r="IL17" s="102">
        <v>10</v>
      </c>
      <c r="IM17" s="103">
        <v>20</v>
      </c>
      <c r="IN17" s="413">
        <v>0</v>
      </c>
      <c r="IO17" s="102">
        <v>11</v>
      </c>
      <c r="IP17" s="102">
        <v>14</v>
      </c>
      <c r="IQ17" s="102">
        <v>8</v>
      </c>
      <c r="IR17" s="102">
        <v>9</v>
      </c>
      <c r="IS17" s="102">
        <v>5</v>
      </c>
      <c r="IT17" s="103">
        <v>47</v>
      </c>
      <c r="IU17" s="104">
        <v>67</v>
      </c>
      <c r="IV17" s="101">
        <v>21</v>
      </c>
      <c r="IW17" s="102">
        <v>18</v>
      </c>
      <c r="IX17" s="103">
        <v>39</v>
      </c>
      <c r="IY17" s="413">
        <v>0</v>
      </c>
      <c r="IZ17" s="102">
        <v>31</v>
      </c>
      <c r="JA17" s="102">
        <v>26</v>
      </c>
      <c r="JB17" s="102">
        <v>9</v>
      </c>
      <c r="JC17" s="102">
        <v>15</v>
      </c>
      <c r="JD17" s="102">
        <v>5</v>
      </c>
      <c r="JE17" s="103">
        <v>86</v>
      </c>
      <c r="JF17" s="104">
        <v>125</v>
      </c>
      <c r="JG17" s="101">
        <v>19</v>
      </c>
      <c r="JH17" s="102">
        <v>17</v>
      </c>
      <c r="JI17" s="103">
        <v>36</v>
      </c>
      <c r="JJ17" s="413">
        <v>0</v>
      </c>
      <c r="JK17" s="102">
        <v>38</v>
      </c>
      <c r="JL17" s="102">
        <v>37</v>
      </c>
      <c r="JM17" s="102">
        <v>22</v>
      </c>
      <c r="JN17" s="102">
        <v>24</v>
      </c>
      <c r="JO17" s="102">
        <v>14</v>
      </c>
      <c r="JP17" s="103">
        <v>135</v>
      </c>
      <c r="JQ17" s="104">
        <v>171</v>
      </c>
      <c r="JR17" s="101">
        <v>0</v>
      </c>
      <c r="JS17" s="102">
        <v>0</v>
      </c>
      <c r="JT17" s="103">
        <v>0</v>
      </c>
      <c r="JU17" s="413">
        <v>0</v>
      </c>
      <c r="JV17" s="102">
        <v>0</v>
      </c>
      <c r="JW17" s="102">
        <v>0</v>
      </c>
      <c r="JX17" s="102">
        <v>0</v>
      </c>
      <c r="JY17" s="102">
        <v>0</v>
      </c>
      <c r="JZ17" s="102">
        <v>0</v>
      </c>
      <c r="KA17" s="103">
        <v>0</v>
      </c>
      <c r="KB17" s="104">
        <v>0</v>
      </c>
      <c r="KC17" s="101">
        <v>55</v>
      </c>
      <c r="KD17" s="102">
        <v>47</v>
      </c>
      <c r="KE17" s="103">
        <v>102</v>
      </c>
      <c r="KF17" s="413">
        <v>0</v>
      </c>
      <c r="KG17" s="102">
        <v>89</v>
      </c>
      <c r="KH17" s="102">
        <v>81</v>
      </c>
      <c r="KI17" s="102">
        <v>43</v>
      </c>
      <c r="KJ17" s="102">
        <v>51</v>
      </c>
      <c r="KK17" s="102">
        <v>26</v>
      </c>
      <c r="KL17" s="103">
        <v>290</v>
      </c>
      <c r="KM17" s="104">
        <v>392</v>
      </c>
    </row>
    <row r="18" spans="2:299" s="70" customFormat="1" ht="21" customHeight="1" x14ac:dyDescent="0.2">
      <c r="B18" s="106" t="s">
        <v>15</v>
      </c>
      <c r="C18" s="96">
        <v>15</v>
      </c>
      <c r="D18" s="97">
        <v>20</v>
      </c>
      <c r="E18" s="98">
        <v>35</v>
      </c>
      <c r="F18" s="413">
        <v>0</v>
      </c>
      <c r="G18" s="97">
        <v>40</v>
      </c>
      <c r="H18" s="97">
        <v>31</v>
      </c>
      <c r="I18" s="97">
        <v>16</v>
      </c>
      <c r="J18" s="97">
        <v>30</v>
      </c>
      <c r="K18" s="97">
        <v>7</v>
      </c>
      <c r="L18" s="99">
        <v>124</v>
      </c>
      <c r="M18" s="100">
        <v>159</v>
      </c>
      <c r="N18" s="101">
        <v>0</v>
      </c>
      <c r="O18" s="102">
        <v>0</v>
      </c>
      <c r="P18" s="103">
        <v>0</v>
      </c>
      <c r="Q18" s="413">
        <v>0</v>
      </c>
      <c r="R18" s="102">
        <v>1</v>
      </c>
      <c r="S18" s="102">
        <v>0</v>
      </c>
      <c r="T18" s="102">
        <v>0</v>
      </c>
      <c r="U18" s="102">
        <v>0</v>
      </c>
      <c r="V18" s="102">
        <v>0</v>
      </c>
      <c r="W18" s="103">
        <v>1</v>
      </c>
      <c r="X18" s="104">
        <v>1</v>
      </c>
      <c r="Y18" s="101">
        <v>0</v>
      </c>
      <c r="Z18" s="102">
        <v>2</v>
      </c>
      <c r="AA18" s="103">
        <v>2</v>
      </c>
      <c r="AB18" s="413">
        <v>0</v>
      </c>
      <c r="AC18" s="102">
        <v>3</v>
      </c>
      <c r="AD18" s="102">
        <v>0</v>
      </c>
      <c r="AE18" s="102">
        <v>1</v>
      </c>
      <c r="AF18" s="102">
        <v>2</v>
      </c>
      <c r="AG18" s="102">
        <v>1</v>
      </c>
      <c r="AH18" s="103">
        <v>7</v>
      </c>
      <c r="AI18" s="104">
        <v>9</v>
      </c>
      <c r="AJ18" s="101">
        <v>5</v>
      </c>
      <c r="AK18" s="102">
        <v>1</v>
      </c>
      <c r="AL18" s="103">
        <v>6</v>
      </c>
      <c r="AM18" s="413">
        <v>0</v>
      </c>
      <c r="AN18" s="102">
        <v>5</v>
      </c>
      <c r="AO18" s="102">
        <v>7</v>
      </c>
      <c r="AP18" s="102">
        <v>0</v>
      </c>
      <c r="AQ18" s="102">
        <v>5</v>
      </c>
      <c r="AR18" s="102">
        <v>2</v>
      </c>
      <c r="AS18" s="103">
        <v>19</v>
      </c>
      <c r="AT18" s="104">
        <v>25</v>
      </c>
      <c r="AU18" s="101">
        <v>4</v>
      </c>
      <c r="AV18" s="102">
        <v>3</v>
      </c>
      <c r="AW18" s="103">
        <v>7</v>
      </c>
      <c r="AX18" s="413">
        <v>0</v>
      </c>
      <c r="AY18" s="102">
        <v>12</v>
      </c>
      <c r="AZ18" s="102">
        <v>3</v>
      </c>
      <c r="BA18" s="102">
        <v>3</v>
      </c>
      <c r="BB18" s="102">
        <v>4</v>
      </c>
      <c r="BC18" s="102">
        <v>1</v>
      </c>
      <c r="BD18" s="103">
        <v>23</v>
      </c>
      <c r="BE18" s="104">
        <v>30</v>
      </c>
      <c r="BF18" s="101">
        <v>4</v>
      </c>
      <c r="BG18" s="102">
        <v>7</v>
      </c>
      <c r="BH18" s="103">
        <v>11</v>
      </c>
      <c r="BI18" s="413">
        <v>0</v>
      </c>
      <c r="BJ18" s="102">
        <v>10</v>
      </c>
      <c r="BK18" s="102">
        <v>7</v>
      </c>
      <c r="BL18" s="102">
        <v>6</v>
      </c>
      <c r="BM18" s="102">
        <v>8</v>
      </c>
      <c r="BN18" s="102">
        <v>0</v>
      </c>
      <c r="BO18" s="103">
        <v>31</v>
      </c>
      <c r="BP18" s="104">
        <v>42</v>
      </c>
      <c r="BQ18" s="101">
        <v>2</v>
      </c>
      <c r="BR18" s="102">
        <v>7</v>
      </c>
      <c r="BS18" s="103">
        <v>9</v>
      </c>
      <c r="BT18" s="413">
        <v>0</v>
      </c>
      <c r="BU18" s="102">
        <v>9</v>
      </c>
      <c r="BV18" s="102">
        <v>14</v>
      </c>
      <c r="BW18" s="102">
        <v>6</v>
      </c>
      <c r="BX18" s="102">
        <v>11</v>
      </c>
      <c r="BY18" s="102">
        <v>3</v>
      </c>
      <c r="BZ18" s="103">
        <v>43</v>
      </c>
      <c r="CA18" s="104">
        <v>52</v>
      </c>
      <c r="CB18" s="101">
        <v>0</v>
      </c>
      <c r="CC18" s="102">
        <v>0</v>
      </c>
      <c r="CD18" s="103">
        <v>0</v>
      </c>
      <c r="CE18" s="413">
        <v>0</v>
      </c>
      <c r="CF18" s="102">
        <v>0</v>
      </c>
      <c r="CG18" s="102">
        <v>0</v>
      </c>
      <c r="CH18" s="102">
        <v>0</v>
      </c>
      <c r="CI18" s="102">
        <v>0</v>
      </c>
      <c r="CJ18" s="102">
        <v>0</v>
      </c>
      <c r="CK18" s="103">
        <v>0</v>
      </c>
      <c r="CL18" s="104">
        <v>0</v>
      </c>
      <c r="CM18" s="101">
        <v>15</v>
      </c>
      <c r="CN18" s="102">
        <v>20</v>
      </c>
      <c r="CO18" s="103">
        <v>35</v>
      </c>
      <c r="CP18" s="413">
        <v>0</v>
      </c>
      <c r="CQ18" s="102">
        <v>40</v>
      </c>
      <c r="CR18" s="102">
        <v>31</v>
      </c>
      <c r="CS18" s="102">
        <v>16</v>
      </c>
      <c r="CT18" s="102">
        <v>30</v>
      </c>
      <c r="CU18" s="102">
        <v>7</v>
      </c>
      <c r="CV18" s="103">
        <v>124</v>
      </c>
      <c r="CW18" s="104">
        <v>159</v>
      </c>
      <c r="CX18" s="105">
        <v>2</v>
      </c>
      <c r="CY18" s="97">
        <v>9</v>
      </c>
      <c r="CZ18" s="98">
        <v>11</v>
      </c>
      <c r="DA18" s="413">
        <v>0</v>
      </c>
      <c r="DB18" s="97">
        <v>7</v>
      </c>
      <c r="DC18" s="97">
        <v>8</v>
      </c>
      <c r="DD18" s="97">
        <v>2</v>
      </c>
      <c r="DE18" s="97">
        <v>2</v>
      </c>
      <c r="DF18" s="97">
        <v>3</v>
      </c>
      <c r="DG18" s="99">
        <v>22</v>
      </c>
      <c r="DH18" s="100">
        <v>33</v>
      </c>
      <c r="DI18" s="101">
        <v>0</v>
      </c>
      <c r="DJ18" s="102">
        <v>1</v>
      </c>
      <c r="DK18" s="103">
        <v>1</v>
      </c>
      <c r="DL18" s="413">
        <v>0</v>
      </c>
      <c r="DM18" s="102">
        <v>1</v>
      </c>
      <c r="DN18" s="102">
        <v>0</v>
      </c>
      <c r="DO18" s="102">
        <v>0</v>
      </c>
      <c r="DP18" s="102">
        <v>0</v>
      </c>
      <c r="DQ18" s="102">
        <v>0</v>
      </c>
      <c r="DR18" s="103">
        <v>1</v>
      </c>
      <c r="DS18" s="104">
        <v>2</v>
      </c>
      <c r="DT18" s="101">
        <v>0</v>
      </c>
      <c r="DU18" s="102">
        <v>0</v>
      </c>
      <c r="DV18" s="103">
        <v>0</v>
      </c>
      <c r="DW18" s="413">
        <v>0</v>
      </c>
      <c r="DX18" s="102">
        <v>1</v>
      </c>
      <c r="DY18" s="102">
        <v>0</v>
      </c>
      <c r="DZ18" s="102">
        <v>0</v>
      </c>
      <c r="EA18" s="102">
        <v>0</v>
      </c>
      <c r="EB18" s="102">
        <v>0</v>
      </c>
      <c r="EC18" s="103">
        <v>1</v>
      </c>
      <c r="ED18" s="104">
        <v>1</v>
      </c>
      <c r="EE18" s="101">
        <v>1</v>
      </c>
      <c r="EF18" s="102">
        <v>2</v>
      </c>
      <c r="EG18" s="103">
        <v>3</v>
      </c>
      <c r="EH18" s="413">
        <v>0</v>
      </c>
      <c r="EI18" s="102">
        <v>0</v>
      </c>
      <c r="EJ18" s="102">
        <v>0</v>
      </c>
      <c r="EK18" s="102">
        <v>0</v>
      </c>
      <c r="EL18" s="102">
        <v>0</v>
      </c>
      <c r="EM18" s="102">
        <v>1</v>
      </c>
      <c r="EN18" s="103">
        <v>1</v>
      </c>
      <c r="EO18" s="104">
        <v>4</v>
      </c>
      <c r="EP18" s="101">
        <v>1</v>
      </c>
      <c r="EQ18" s="102">
        <v>3</v>
      </c>
      <c r="ER18" s="103">
        <v>4</v>
      </c>
      <c r="ES18" s="413">
        <v>0</v>
      </c>
      <c r="ET18" s="102">
        <v>1</v>
      </c>
      <c r="EU18" s="102">
        <v>1</v>
      </c>
      <c r="EV18" s="102">
        <v>0</v>
      </c>
      <c r="EW18" s="102">
        <v>0</v>
      </c>
      <c r="EX18" s="102">
        <v>0</v>
      </c>
      <c r="EY18" s="103">
        <v>2</v>
      </c>
      <c r="EZ18" s="104">
        <v>6</v>
      </c>
      <c r="FA18" s="101">
        <v>0</v>
      </c>
      <c r="FB18" s="102">
        <v>1</v>
      </c>
      <c r="FC18" s="103">
        <v>1</v>
      </c>
      <c r="FD18" s="413">
        <v>0</v>
      </c>
      <c r="FE18" s="102">
        <v>2</v>
      </c>
      <c r="FF18" s="102">
        <v>2</v>
      </c>
      <c r="FG18" s="102">
        <v>0</v>
      </c>
      <c r="FH18" s="102">
        <v>0</v>
      </c>
      <c r="FI18" s="102">
        <v>2</v>
      </c>
      <c r="FJ18" s="103">
        <v>6</v>
      </c>
      <c r="FK18" s="104">
        <v>7</v>
      </c>
      <c r="FL18" s="101">
        <v>0</v>
      </c>
      <c r="FM18" s="102">
        <v>2</v>
      </c>
      <c r="FN18" s="103">
        <v>2</v>
      </c>
      <c r="FO18" s="413">
        <v>0</v>
      </c>
      <c r="FP18" s="102">
        <v>2</v>
      </c>
      <c r="FQ18" s="102">
        <v>5</v>
      </c>
      <c r="FR18" s="102">
        <v>2</v>
      </c>
      <c r="FS18" s="102">
        <v>2</v>
      </c>
      <c r="FT18" s="102">
        <v>0</v>
      </c>
      <c r="FU18" s="103">
        <v>11</v>
      </c>
      <c r="FV18" s="104">
        <v>13</v>
      </c>
      <c r="FW18" s="101">
        <v>0</v>
      </c>
      <c r="FX18" s="102">
        <v>0</v>
      </c>
      <c r="FY18" s="103">
        <v>0</v>
      </c>
      <c r="FZ18" s="413">
        <v>0</v>
      </c>
      <c r="GA18" s="102">
        <v>0</v>
      </c>
      <c r="GB18" s="102">
        <v>0</v>
      </c>
      <c r="GC18" s="102">
        <v>0</v>
      </c>
      <c r="GD18" s="102">
        <v>0</v>
      </c>
      <c r="GE18" s="102">
        <v>0</v>
      </c>
      <c r="GF18" s="103">
        <v>0</v>
      </c>
      <c r="GG18" s="104">
        <v>0</v>
      </c>
      <c r="GH18" s="101">
        <v>2</v>
      </c>
      <c r="GI18" s="102">
        <v>9</v>
      </c>
      <c r="GJ18" s="103">
        <v>11</v>
      </c>
      <c r="GK18" s="413">
        <v>0</v>
      </c>
      <c r="GL18" s="102">
        <v>7</v>
      </c>
      <c r="GM18" s="102">
        <v>8</v>
      </c>
      <c r="GN18" s="102">
        <v>2</v>
      </c>
      <c r="GO18" s="102">
        <v>2</v>
      </c>
      <c r="GP18" s="102">
        <v>3</v>
      </c>
      <c r="GQ18" s="103">
        <v>22</v>
      </c>
      <c r="GR18" s="104">
        <v>33</v>
      </c>
      <c r="GS18" s="105">
        <v>17</v>
      </c>
      <c r="GT18" s="97">
        <v>29</v>
      </c>
      <c r="GU18" s="98">
        <v>46</v>
      </c>
      <c r="GV18" s="413">
        <v>0</v>
      </c>
      <c r="GW18" s="97">
        <v>47</v>
      </c>
      <c r="GX18" s="97">
        <v>39</v>
      </c>
      <c r="GY18" s="97">
        <v>18</v>
      </c>
      <c r="GZ18" s="97">
        <v>32</v>
      </c>
      <c r="HA18" s="97">
        <v>10</v>
      </c>
      <c r="HB18" s="99">
        <v>146</v>
      </c>
      <c r="HC18" s="100">
        <v>192</v>
      </c>
      <c r="HD18" s="101">
        <v>0</v>
      </c>
      <c r="HE18" s="102">
        <v>1</v>
      </c>
      <c r="HF18" s="103">
        <v>1</v>
      </c>
      <c r="HG18" s="413">
        <v>0</v>
      </c>
      <c r="HH18" s="102">
        <v>2</v>
      </c>
      <c r="HI18" s="102">
        <v>0</v>
      </c>
      <c r="HJ18" s="102">
        <v>0</v>
      </c>
      <c r="HK18" s="102">
        <v>0</v>
      </c>
      <c r="HL18" s="102">
        <v>0</v>
      </c>
      <c r="HM18" s="103">
        <v>2</v>
      </c>
      <c r="HN18" s="104">
        <v>3</v>
      </c>
      <c r="HO18" s="101">
        <v>0</v>
      </c>
      <c r="HP18" s="102">
        <v>2</v>
      </c>
      <c r="HQ18" s="103">
        <v>2</v>
      </c>
      <c r="HR18" s="413">
        <v>0</v>
      </c>
      <c r="HS18" s="102">
        <v>4</v>
      </c>
      <c r="HT18" s="102">
        <v>0</v>
      </c>
      <c r="HU18" s="102">
        <v>1</v>
      </c>
      <c r="HV18" s="102">
        <v>2</v>
      </c>
      <c r="HW18" s="102">
        <v>1</v>
      </c>
      <c r="HX18" s="103">
        <v>8</v>
      </c>
      <c r="HY18" s="104">
        <v>10</v>
      </c>
      <c r="HZ18" s="101">
        <v>6</v>
      </c>
      <c r="IA18" s="102">
        <v>3</v>
      </c>
      <c r="IB18" s="103">
        <v>9</v>
      </c>
      <c r="IC18" s="413">
        <v>0</v>
      </c>
      <c r="ID18" s="102">
        <v>5</v>
      </c>
      <c r="IE18" s="102">
        <v>7</v>
      </c>
      <c r="IF18" s="102">
        <v>0</v>
      </c>
      <c r="IG18" s="102">
        <v>5</v>
      </c>
      <c r="IH18" s="102">
        <v>3</v>
      </c>
      <c r="II18" s="103">
        <v>20</v>
      </c>
      <c r="IJ18" s="104">
        <v>29</v>
      </c>
      <c r="IK18" s="101">
        <v>5</v>
      </c>
      <c r="IL18" s="102">
        <v>6</v>
      </c>
      <c r="IM18" s="103">
        <v>11</v>
      </c>
      <c r="IN18" s="413">
        <v>0</v>
      </c>
      <c r="IO18" s="102">
        <v>13</v>
      </c>
      <c r="IP18" s="102">
        <v>4</v>
      </c>
      <c r="IQ18" s="102">
        <v>3</v>
      </c>
      <c r="IR18" s="102">
        <v>4</v>
      </c>
      <c r="IS18" s="102">
        <v>1</v>
      </c>
      <c r="IT18" s="103">
        <v>25</v>
      </c>
      <c r="IU18" s="104">
        <v>36</v>
      </c>
      <c r="IV18" s="101">
        <v>4</v>
      </c>
      <c r="IW18" s="102">
        <v>8</v>
      </c>
      <c r="IX18" s="103">
        <v>12</v>
      </c>
      <c r="IY18" s="413">
        <v>0</v>
      </c>
      <c r="IZ18" s="102">
        <v>12</v>
      </c>
      <c r="JA18" s="102">
        <v>9</v>
      </c>
      <c r="JB18" s="102">
        <v>6</v>
      </c>
      <c r="JC18" s="102">
        <v>8</v>
      </c>
      <c r="JD18" s="102">
        <v>2</v>
      </c>
      <c r="JE18" s="103">
        <v>37</v>
      </c>
      <c r="JF18" s="104">
        <v>49</v>
      </c>
      <c r="JG18" s="101">
        <v>2</v>
      </c>
      <c r="JH18" s="102">
        <v>9</v>
      </c>
      <c r="JI18" s="103">
        <v>11</v>
      </c>
      <c r="JJ18" s="413">
        <v>0</v>
      </c>
      <c r="JK18" s="102">
        <v>11</v>
      </c>
      <c r="JL18" s="102">
        <v>19</v>
      </c>
      <c r="JM18" s="102">
        <v>8</v>
      </c>
      <c r="JN18" s="102">
        <v>13</v>
      </c>
      <c r="JO18" s="102">
        <v>3</v>
      </c>
      <c r="JP18" s="103">
        <v>54</v>
      </c>
      <c r="JQ18" s="104">
        <v>65</v>
      </c>
      <c r="JR18" s="101">
        <v>0</v>
      </c>
      <c r="JS18" s="102">
        <v>0</v>
      </c>
      <c r="JT18" s="103">
        <v>0</v>
      </c>
      <c r="JU18" s="413">
        <v>0</v>
      </c>
      <c r="JV18" s="102">
        <v>0</v>
      </c>
      <c r="JW18" s="102">
        <v>0</v>
      </c>
      <c r="JX18" s="102">
        <v>0</v>
      </c>
      <c r="JY18" s="102">
        <v>0</v>
      </c>
      <c r="JZ18" s="102">
        <v>0</v>
      </c>
      <c r="KA18" s="103">
        <v>0</v>
      </c>
      <c r="KB18" s="104">
        <v>0</v>
      </c>
      <c r="KC18" s="101">
        <v>17</v>
      </c>
      <c r="KD18" s="102">
        <v>29</v>
      </c>
      <c r="KE18" s="103">
        <v>46</v>
      </c>
      <c r="KF18" s="413">
        <v>0</v>
      </c>
      <c r="KG18" s="102">
        <v>47</v>
      </c>
      <c r="KH18" s="102">
        <v>39</v>
      </c>
      <c r="KI18" s="102">
        <v>18</v>
      </c>
      <c r="KJ18" s="102">
        <v>32</v>
      </c>
      <c r="KK18" s="102">
        <v>10</v>
      </c>
      <c r="KL18" s="103">
        <v>146</v>
      </c>
      <c r="KM18" s="104">
        <v>192</v>
      </c>
    </row>
    <row r="19" spans="2:299" s="70" customFormat="1" ht="21" customHeight="1" x14ac:dyDescent="0.2">
      <c r="B19" s="106" t="s">
        <v>16</v>
      </c>
      <c r="C19" s="96">
        <v>42</v>
      </c>
      <c r="D19" s="97">
        <v>52</v>
      </c>
      <c r="E19" s="98">
        <v>94</v>
      </c>
      <c r="F19" s="413">
        <v>0</v>
      </c>
      <c r="G19" s="97">
        <v>90</v>
      </c>
      <c r="H19" s="97">
        <v>102</v>
      </c>
      <c r="I19" s="97">
        <v>52</v>
      </c>
      <c r="J19" s="97">
        <v>50</v>
      </c>
      <c r="K19" s="97">
        <v>17</v>
      </c>
      <c r="L19" s="99">
        <v>311</v>
      </c>
      <c r="M19" s="100">
        <v>405</v>
      </c>
      <c r="N19" s="101">
        <v>1</v>
      </c>
      <c r="O19" s="102">
        <v>1</v>
      </c>
      <c r="P19" s="103">
        <v>2</v>
      </c>
      <c r="Q19" s="413">
        <v>0</v>
      </c>
      <c r="R19" s="102">
        <v>1</v>
      </c>
      <c r="S19" s="102">
        <v>1</v>
      </c>
      <c r="T19" s="102">
        <v>0</v>
      </c>
      <c r="U19" s="102">
        <v>2</v>
      </c>
      <c r="V19" s="102">
        <v>0</v>
      </c>
      <c r="W19" s="103">
        <v>4</v>
      </c>
      <c r="X19" s="104">
        <v>6</v>
      </c>
      <c r="Y19" s="101">
        <v>1</v>
      </c>
      <c r="Z19" s="102">
        <v>4</v>
      </c>
      <c r="AA19" s="103">
        <v>5</v>
      </c>
      <c r="AB19" s="413">
        <v>0</v>
      </c>
      <c r="AC19" s="102">
        <v>2</v>
      </c>
      <c r="AD19" s="102">
        <v>10</v>
      </c>
      <c r="AE19" s="102">
        <v>5</v>
      </c>
      <c r="AF19" s="102">
        <v>1</v>
      </c>
      <c r="AG19" s="102">
        <v>2</v>
      </c>
      <c r="AH19" s="103">
        <v>20</v>
      </c>
      <c r="AI19" s="104">
        <v>25</v>
      </c>
      <c r="AJ19" s="101">
        <v>5</v>
      </c>
      <c r="AK19" s="102">
        <v>8</v>
      </c>
      <c r="AL19" s="103">
        <v>13</v>
      </c>
      <c r="AM19" s="413">
        <v>0</v>
      </c>
      <c r="AN19" s="102">
        <v>8</v>
      </c>
      <c r="AO19" s="102">
        <v>3</v>
      </c>
      <c r="AP19" s="102">
        <v>7</v>
      </c>
      <c r="AQ19" s="102">
        <v>3</v>
      </c>
      <c r="AR19" s="102">
        <v>4</v>
      </c>
      <c r="AS19" s="103">
        <v>25</v>
      </c>
      <c r="AT19" s="104">
        <v>38</v>
      </c>
      <c r="AU19" s="101">
        <v>12</v>
      </c>
      <c r="AV19" s="102">
        <v>12</v>
      </c>
      <c r="AW19" s="103">
        <v>24</v>
      </c>
      <c r="AX19" s="413">
        <v>0</v>
      </c>
      <c r="AY19" s="102">
        <v>25</v>
      </c>
      <c r="AZ19" s="102">
        <v>22</v>
      </c>
      <c r="BA19" s="102">
        <v>9</v>
      </c>
      <c r="BB19" s="102">
        <v>8</v>
      </c>
      <c r="BC19" s="102">
        <v>7</v>
      </c>
      <c r="BD19" s="103">
        <v>71</v>
      </c>
      <c r="BE19" s="104">
        <v>95</v>
      </c>
      <c r="BF19" s="101">
        <v>10</v>
      </c>
      <c r="BG19" s="102">
        <v>17</v>
      </c>
      <c r="BH19" s="103">
        <v>27</v>
      </c>
      <c r="BI19" s="413">
        <v>0</v>
      </c>
      <c r="BJ19" s="102">
        <v>31</v>
      </c>
      <c r="BK19" s="102">
        <v>30</v>
      </c>
      <c r="BL19" s="102">
        <v>11</v>
      </c>
      <c r="BM19" s="102">
        <v>9</v>
      </c>
      <c r="BN19" s="102">
        <v>0</v>
      </c>
      <c r="BO19" s="103">
        <v>81</v>
      </c>
      <c r="BP19" s="104">
        <v>108</v>
      </c>
      <c r="BQ19" s="101">
        <v>13</v>
      </c>
      <c r="BR19" s="102">
        <v>10</v>
      </c>
      <c r="BS19" s="103">
        <v>23</v>
      </c>
      <c r="BT19" s="413">
        <v>0</v>
      </c>
      <c r="BU19" s="102">
        <v>23</v>
      </c>
      <c r="BV19" s="102">
        <v>36</v>
      </c>
      <c r="BW19" s="102">
        <v>20</v>
      </c>
      <c r="BX19" s="102">
        <v>27</v>
      </c>
      <c r="BY19" s="102">
        <v>4</v>
      </c>
      <c r="BZ19" s="103">
        <v>110</v>
      </c>
      <c r="CA19" s="104">
        <v>133</v>
      </c>
      <c r="CB19" s="101">
        <v>0</v>
      </c>
      <c r="CC19" s="102">
        <v>0</v>
      </c>
      <c r="CD19" s="103">
        <v>0</v>
      </c>
      <c r="CE19" s="413">
        <v>0</v>
      </c>
      <c r="CF19" s="102">
        <v>0</v>
      </c>
      <c r="CG19" s="102">
        <v>0</v>
      </c>
      <c r="CH19" s="102">
        <v>0</v>
      </c>
      <c r="CI19" s="102">
        <v>0</v>
      </c>
      <c r="CJ19" s="102">
        <v>0</v>
      </c>
      <c r="CK19" s="103">
        <v>0</v>
      </c>
      <c r="CL19" s="104">
        <v>0</v>
      </c>
      <c r="CM19" s="101">
        <v>42</v>
      </c>
      <c r="CN19" s="102">
        <v>52</v>
      </c>
      <c r="CO19" s="103">
        <v>94</v>
      </c>
      <c r="CP19" s="413">
        <v>0</v>
      </c>
      <c r="CQ19" s="102">
        <v>90</v>
      </c>
      <c r="CR19" s="102">
        <v>102</v>
      </c>
      <c r="CS19" s="102">
        <v>52</v>
      </c>
      <c r="CT19" s="102">
        <v>50</v>
      </c>
      <c r="CU19" s="102">
        <v>17</v>
      </c>
      <c r="CV19" s="103">
        <v>311</v>
      </c>
      <c r="CW19" s="104">
        <v>405</v>
      </c>
      <c r="CX19" s="105">
        <v>11</v>
      </c>
      <c r="CY19" s="97">
        <v>12</v>
      </c>
      <c r="CZ19" s="98">
        <v>23</v>
      </c>
      <c r="DA19" s="413">
        <v>0</v>
      </c>
      <c r="DB19" s="97">
        <v>6</v>
      </c>
      <c r="DC19" s="97">
        <v>5</v>
      </c>
      <c r="DD19" s="97">
        <v>9</v>
      </c>
      <c r="DE19" s="97">
        <v>8</v>
      </c>
      <c r="DF19" s="97">
        <v>6</v>
      </c>
      <c r="DG19" s="99">
        <v>34</v>
      </c>
      <c r="DH19" s="100">
        <v>57</v>
      </c>
      <c r="DI19" s="101">
        <v>2</v>
      </c>
      <c r="DJ19" s="102">
        <v>1</v>
      </c>
      <c r="DK19" s="103">
        <v>3</v>
      </c>
      <c r="DL19" s="413">
        <v>0</v>
      </c>
      <c r="DM19" s="102">
        <v>0</v>
      </c>
      <c r="DN19" s="102">
        <v>0</v>
      </c>
      <c r="DO19" s="102">
        <v>1</v>
      </c>
      <c r="DP19" s="102">
        <v>0</v>
      </c>
      <c r="DQ19" s="102">
        <v>0</v>
      </c>
      <c r="DR19" s="103">
        <v>1</v>
      </c>
      <c r="DS19" s="104">
        <v>4</v>
      </c>
      <c r="DT19" s="101">
        <v>0</v>
      </c>
      <c r="DU19" s="102">
        <v>0</v>
      </c>
      <c r="DV19" s="103">
        <v>0</v>
      </c>
      <c r="DW19" s="413">
        <v>0</v>
      </c>
      <c r="DX19" s="102">
        <v>0</v>
      </c>
      <c r="DY19" s="102">
        <v>1</v>
      </c>
      <c r="DZ19" s="102">
        <v>0</v>
      </c>
      <c r="EA19" s="102">
        <v>0</v>
      </c>
      <c r="EB19" s="102">
        <v>0</v>
      </c>
      <c r="EC19" s="103">
        <v>1</v>
      </c>
      <c r="ED19" s="104">
        <v>1</v>
      </c>
      <c r="EE19" s="101">
        <v>1</v>
      </c>
      <c r="EF19" s="102">
        <v>2</v>
      </c>
      <c r="EG19" s="103">
        <v>3</v>
      </c>
      <c r="EH19" s="413">
        <v>0</v>
      </c>
      <c r="EI19" s="102">
        <v>1</v>
      </c>
      <c r="EJ19" s="102">
        <v>0</v>
      </c>
      <c r="EK19" s="102">
        <v>2</v>
      </c>
      <c r="EL19" s="102">
        <v>0</v>
      </c>
      <c r="EM19" s="102">
        <v>2</v>
      </c>
      <c r="EN19" s="103">
        <v>5</v>
      </c>
      <c r="EO19" s="104">
        <v>8</v>
      </c>
      <c r="EP19" s="101">
        <v>4</v>
      </c>
      <c r="EQ19" s="102">
        <v>4</v>
      </c>
      <c r="ER19" s="103">
        <v>8</v>
      </c>
      <c r="ES19" s="413">
        <v>0</v>
      </c>
      <c r="ET19" s="102">
        <v>3</v>
      </c>
      <c r="EU19" s="102">
        <v>0</v>
      </c>
      <c r="EV19" s="102">
        <v>1</v>
      </c>
      <c r="EW19" s="102">
        <v>1</v>
      </c>
      <c r="EX19" s="102">
        <v>1</v>
      </c>
      <c r="EY19" s="103">
        <v>6</v>
      </c>
      <c r="EZ19" s="104">
        <v>14</v>
      </c>
      <c r="FA19" s="101">
        <v>4</v>
      </c>
      <c r="FB19" s="102">
        <v>3</v>
      </c>
      <c r="FC19" s="103">
        <v>7</v>
      </c>
      <c r="FD19" s="413">
        <v>0</v>
      </c>
      <c r="FE19" s="102">
        <v>0</v>
      </c>
      <c r="FF19" s="102">
        <v>2</v>
      </c>
      <c r="FG19" s="102">
        <v>3</v>
      </c>
      <c r="FH19" s="102">
        <v>2</v>
      </c>
      <c r="FI19" s="102">
        <v>1</v>
      </c>
      <c r="FJ19" s="103">
        <v>8</v>
      </c>
      <c r="FK19" s="104">
        <v>15</v>
      </c>
      <c r="FL19" s="101">
        <v>0</v>
      </c>
      <c r="FM19" s="102">
        <v>2</v>
      </c>
      <c r="FN19" s="103">
        <v>2</v>
      </c>
      <c r="FO19" s="413">
        <v>0</v>
      </c>
      <c r="FP19" s="102">
        <v>2</v>
      </c>
      <c r="FQ19" s="102">
        <v>2</v>
      </c>
      <c r="FR19" s="102">
        <v>2</v>
      </c>
      <c r="FS19" s="102">
        <v>5</v>
      </c>
      <c r="FT19" s="102">
        <v>2</v>
      </c>
      <c r="FU19" s="103">
        <v>13</v>
      </c>
      <c r="FV19" s="104">
        <v>15</v>
      </c>
      <c r="FW19" s="101">
        <v>0</v>
      </c>
      <c r="FX19" s="102">
        <v>0</v>
      </c>
      <c r="FY19" s="103">
        <v>0</v>
      </c>
      <c r="FZ19" s="413">
        <v>0</v>
      </c>
      <c r="GA19" s="102">
        <v>0</v>
      </c>
      <c r="GB19" s="102">
        <v>0</v>
      </c>
      <c r="GC19" s="102">
        <v>0</v>
      </c>
      <c r="GD19" s="102">
        <v>0</v>
      </c>
      <c r="GE19" s="102">
        <v>0</v>
      </c>
      <c r="GF19" s="103">
        <v>0</v>
      </c>
      <c r="GG19" s="104">
        <v>0</v>
      </c>
      <c r="GH19" s="101">
        <v>11</v>
      </c>
      <c r="GI19" s="102">
        <v>12</v>
      </c>
      <c r="GJ19" s="103">
        <v>23</v>
      </c>
      <c r="GK19" s="413">
        <v>0</v>
      </c>
      <c r="GL19" s="102">
        <v>6</v>
      </c>
      <c r="GM19" s="102">
        <v>5</v>
      </c>
      <c r="GN19" s="102">
        <v>9</v>
      </c>
      <c r="GO19" s="102">
        <v>8</v>
      </c>
      <c r="GP19" s="102">
        <v>6</v>
      </c>
      <c r="GQ19" s="103">
        <v>34</v>
      </c>
      <c r="GR19" s="104">
        <v>57</v>
      </c>
      <c r="GS19" s="105">
        <v>53</v>
      </c>
      <c r="GT19" s="97">
        <v>64</v>
      </c>
      <c r="GU19" s="98">
        <v>117</v>
      </c>
      <c r="GV19" s="413">
        <v>0</v>
      </c>
      <c r="GW19" s="97">
        <v>96</v>
      </c>
      <c r="GX19" s="97">
        <v>107</v>
      </c>
      <c r="GY19" s="97">
        <v>61</v>
      </c>
      <c r="GZ19" s="97">
        <v>58</v>
      </c>
      <c r="HA19" s="97">
        <v>23</v>
      </c>
      <c r="HB19" s="99">
        <v>345</v>
      </c>
      <c r="HC19" s="100">
        <v>462</v>
      </c>
      <c r="HD19" s="101">
        <v>3</v>
      </c>
      <c r="HE19" s="102">
        <v>2</v>
      </c>
      <c r="HF19" s="103">
        <v>5</v>
      </c>
      <c r="HG19" s="413">
        <v>0</v>
      </c>
      <c r="HH19" s="102">
        <v>1</v>
      </c>
      <c r="HI19" s="102">
        <v>1</v>
      </c>
      <c r="HJ19" s="102">
        <v>1</v>
      </c>
      <c r="HK19" s="102">
        <v>2</v>
      </c>
      <c r="HL19" s="102">
        <v>0</v>
      </c>
      <c r="HM19" s="103">
        <v>5</v>
      </c>
      <c r="HN19" s="104">
        <v>10</v>
      </c>
      <c r="HO19" s="101">
        <v>1</v>
      </c>
      <c r="HP19" s="102">
        <v>4</v>
      </c>
      <c r="HQ19" s="103">
        <v>5</v>
      </c>
      <c r="HR19" s="413">
        <v>0</v>
      </c>
      <c r="HS19" s="102">
        <v>2</v>
      </c>
      <c r="HT19" s="102">
        <v>11</v>
      </c>
      <c r="HU19" s="102">
        <v>5</v>
      </c>
      <c r="HV19" s="102">
        <v>1</v>
      </c>
      <c r="HW19" s="102">
        <v>2</v>
      </c>
      <c r="HX19" s="103">
        <v>21</v>
      </c>
      <c r="HY19" s="104">
        <v>26</v>
      </c>
      <c r="HZ19" s="101">
        <v>6</v>
      </c>
      <c r="IA19" s="102">
        <v>10</v>
      </c>
      <c r="IB19" s="103">
        <v>16</v>
      </c>
      <c r="IC19" s="413">
        <v>0</v>
      </c>
      <c r="ID19" s="102">
        <v>9</v>
      </c>
      <c r="IE19" s="102">
        <v>3</v>
      </c>
      <c r="IF19" s="102">
        <v>9</v>
      </c>
      <c r="IG19" s="102">
        <v>3</v>
      </c>
      <c r="IH19" s="102">
        <v>6</v>
      </c>
      <c r="II19" s="103">
        <v>30</v>
      </c>
      <c r="IJ19" s="104">
        <v>46</v>
      </c>
      <c r="IK19" s="101">
        <v>16</v>
      </c>
      <c r="IL19" s="102">
        <v>16</v>
      </c>
      <c r="IM19" s="103">
        <v>32</v>
      </c>
      <c r="IN19" s="413">
        <v>0</v>
      </c>
      <c r="IO19" s="102">
        <v>28</v>
      </c>
      <c r="IP19" s="102">
        <v>22</v>
      </c>
      <c r="IQ19" s="102">
        <v>10</v>
      </c>
      <c r="IR19" s="102">
        <v>9</v>
      </c>
      <c r="IS19" s="102">
        <v>8</v>
      </c>
      <c r="IT19" s="103">
        <v>77</v>
      </c>
      <c r="IU19" s="104">
        <v>109</v>
      </c>
      <c r="IV19" s="101">
        <v>14</v>
      </c>
      <c r="IW19" s="102">
        <v>20</v>
      </c>
      <c r="IX19" s="103">
        <v>34</v>
      </c>
      <c r="IY19" s="413">
        <v>0</v>
      </c>
      <c r="IZ19" s="102">
        <v>31</v>
      </c>
      <c r="JA19" s="102">
        <v>32</v>
      </c>
      <c r="JB19" s="102">
        <v>14</v>
      </c>
      <c r="JC19" s="102">
        <v>11</v>
      </c>
      <c r="JD19" s="102">
        <v>1</v>
      </c>
      <c r="JE19" s="103">
        <v>89</v>
      </c>
      <c r="JF19" s="104">
        <v>123</v>
      </c>
      <c r="JG19" s="101">
        <v>13</v>
      </c>
      <c r="JH19" s="102">
        <v>12</v>
      </c>
      <c r="JI19" s="103">
        <v>25</v>
      </c>
      <c r="JJ19" s="413">
        <v>0</v>
      </c>
      <c r="JK19" s="102">
        <v>25</v>
      </c>
      <c r="JL19" s="102">
        <v>38</v>
      </c>
      <c r="JM19" s="102">
        <v>22</v>
      </c>
      <c r="JN19" s="102">
        <v>32</v>
      </c>
      <c r="JO19" s="102">
        <v>6</v>
      </c>
      <c r="JP19" s="103">
        <v>123</v>
      </c>
      <c r="JQ19" s="104">
        <v>148</v>
      </c>
      <c r="JR19" s="101">
        <v>0</v>
      </c>
      <c r="JS19" s="102">
        <v>0</v>
      </c>
      <c r="JT19" s="103">
        <v>0</v>
      </c>
      <c r="JU19" s="413">
        <v>0</v>
      </c>
      <c r="JV19" s="102">
        <v>0</v>
      </c>
      <c r="JW19" s="102">
        <v>0</v>
      </c>
      <c r="JX19" s="102">
        <v>0</v>
      </c>
      <c r="JY19" s="102">
        <v>0</v>
      </c>
      <c r="JZ19" s="102">
        <v>0</v>
      </c>
      <c r="KA19" s="103">
        <v>0</v>
      </c>
      <c r="KB19" s="104">
        <v>0</v>
      </c>
      <c r="KC19" s="101">
        <v>53</v>
      </c>
      <c r="KD19" s="102">
        <v>64</v>
      </c>
      <c r="KE19" s="103">
        <v>117</v>
      </c>
      <c r="KF19" s="413">
        <v>0</v>
      </c>
      <c r="KG19" s="102">
        <v>96</v>
      </c>
      <c r="KH19" s="102">
        <v>107</v>
      </c>
      <c r="KI19" s="102">
        <v>61</v>
      </c>
      <c r="KJ19" s="102">
        <v>58</v>
      </c>
      <c r="KK19" s="102">
        <v>23</v>
      </c>
      <c r="KL19" s="103">
        <v>345</v>
      </c>
      <c r="KM19" s="104">
        <v>462</v>
      </c>
    </row>
    <row r="20" spans="2:299" s="70" customFormat="1" ht="21" customHeight="1" x14ac:dyDescent="0.2">
      <c r="B20" s="106" t="s">
        <v>17</v>
      </c>
      <c r="C20" s="96">
        <v>74</v>
      </c>
      <c r="D20" s="97">
        <v>64</v>
      </c>
      <c r="E20" s="98">
        <v>138</v>
      </c>
      <c r="F20" s="413">
        <v>0</v>
      </c>
      <c r="G20" s="97">
        <v>107</v>
      </c>
      <c r="H20" s="97">
        <v>121</v>
      </c>
      <c r="I20" s="97">
        <v>74</v>
      </c>
      <c r="J20" s="97">
        <v>38</v>
      </c>
      <c r="K20" s="97">
        <v>28</v>
      </c>
      <c r="L20" s="99">
        <v>368</v>
      </c>
      <c r="M20" s="100">
        <v>506</v>
      </c>
      <c r="N20" s="101">
        <v>2</v>
      </c>
      <c r="O20" s="102">
        <v>2</v>
      </c>
      <c r="P20" s="103">
        <v>4</v>
      </c>
      <c r="Q20" s="413">
        <v>0</v>
      </c>
      <c r="R20" s="102">
        <v>0</v>
      </c>
      <c r="S20" s="102">
        <v>0</v>
      </c>
      <c r="T20" s="102">
        <v>2</v>
      </c>
      <c r="U20" s="102">
        <v>0</v>
      </c>
      <c r="V20" s="102">
        <v>0</v>
      </c>
      <c r="W20" s="103">
        <v>2</v>
      </c>
      <c r="X20" s="104">
        <v>6</v>
      </c>
      <c r="Y20" s="101">
        <v>3</v>
      </c>
      <c r="Z20" s="102">
        <v>3</v>
      </c>
      <c r="AA20" s="103">
        <v>6</v>
      </c>
      <c r="AB20" s="413">
        <v>0</v>
      </c>
      <c r="AC20" s="102">
        <v>3</v>
      </c>
      <c r="AD20" s="102">
        <v>5</v>
      </c>
      <c r="AE20" s="102">
        <v>2</v>
      </c>
      <c r="AF20" s="102">
        <v>0</v>
      </c>
      <c r="AG20" s="102">
        <v>1</v>
      </c>
      <c r="AH20" s="103">
        <v>11</v>
      </c>
      <c r="AI20" s="104">
        <v>17</v>
      </c>
      <c r="AJ20" s="101">
        <v>5</v>
      </c>
      <c r="AK20" s="102">
        <v>11</v>
      </c>
      <c r="AL20" s="103">
        <v>16</v>
      </c>
      <c r="AM20" s="413">
        <v>0</v>
      </c>
      <c r="AN20" s="102">
        <v>12</v>
      </c>
      <c r="AO20" s="102">
        <v>10</v>
      </c>
      <c r="AP20" s="102">
        <v>8</v>
      </c>
      <c r="AQ20" s="102">
        <v>1</v>
      </c>
      <c r="AR20" s="102">
        <v>3</v>
      </c>
      <c r="AS20" s="103">
        <v>34</v>
      </c>
      <c r="AT20" s="104">
        <v>50</v>
      </c>
      <c r="AU20" s="101">
        <v>20</v>
      </c>
      <c r="AV20" s="102">
        <v>16</v>
      </c>
      <c r="AW20" s="103">
        <v>36</v>
      </c>
      <c r="AX20" s="413">
        <v>0</v>
      </c>
      <c r="AY20" s="102">
        <v>27</v>
      </c>
      <c r="AZ20" s="102">
        <v>30</v>
      </c>
      <c r="BA20" s="102">
        <v>10</v>
      </c>
      <c r="BB20" s="102">
        <v>10</v>
      </c>
      <c r="BC20" s="102">
        <v>2</v>
      </c>
      <c r="BD20" s="103">
        <v>79</v>
      </c>
      <c r="BE20" s="104">
        <v>115</v>
      </c>
      <c r="BF20" s="101">
        <v>30</v>
      </c>
      <c r="BG20" s="102">
        <v>16</v>
      </c>
      <c r="BH20" s="103">
        <v>46</v>
      </c>
      <c r="BI20" s="413">
        <v>0</v>
      </c>
      <c r="BJ20" s="102">
        <v>37</v>
      </c>
      <c r="BK20" s="102">
        <v>37</v>
      </c>
      <c r="BL20" s="102">
        <v>26</v>
      </c>
      <c r="BM20" s="102">
        <v>12</v>
      </c>
      <c r="BN20" s="102">
        <v>8</v>
      </c>
      <c r="BO20" s="103">
        <v>120</v>
      </c>
      <c r="BP20" s="104">
        <v>166</v>
      </c>
      <c r="BQ20" s="101">
        <v>14</v>
      </c>
      <c r="BR20" s="102">
        <v>16</v>
      </c>
      <c r="BS20" s="103">
        <v>30</v>
      </c>
      <c r="BT20" s="413">
        <v>0</v>
      </c>
      <c r="BU20" s="102">
        <v>28</v>
      </c>
      <c r="BV20" s="102">
        <v>39</v>
      </c>
      <c r="BW20" s="102">
        <v>26</v>
      </c>
      <c r="BX20" s="102">
        <v>15</v>
      </c>
      <c r="BY20" s="102">
        <v>14</v>
      </c>
      <c r="BZ20" s="103">
        <v>122</v>
      </c>
      <c r="CA20" s="104">
        <v>152</v>
      </c>
      <c r="CB20" s="101">
        <v>0</v>
      </c>
      <c r="CC20" s="102">
        <v>0</v>
      </c>
      <c r="CD20" s="103">
        <v>0</v>
      </c>
      <c r="CE20" s="413">
        <v>0</v>
      </c>
      <c r="CF20" s="102">
        <v>0</v>
      </c>
      <c r="CG20" s="102">
        <v>0</v>
      </c>
      <c r="CH20" s="102">
        <v>0</v>
      </c>
      <c r="CI20" s="102">
        <v>0</v>
      </c>
      <c r="CJ20" s="102">
        <v>0</v>
      </c>
      <c r="CK20" s="103">
        <v>0</v>
      </c>
      <c r="CL20" s="104">
        <v>0</v>
      </c>
      <c r="CM20" s="101">
        <v>74</v>
      </c>
      <c r="CN20" s="102">
        <v>64</v>
      </c>
      <c r="CO20" s="103">
        <v>138</v>
      </c>
      <c r="CP20" s="413">
        <v>0</v>
      </c>
      <c r="CQ20" s="102">
        <v>107</v>
      </c>
      <c r="CR20" s="102">
        <v>121</v>
      </c>
      <c r="CS20" s="102">
        <v>74</v>
      </c>
      <c r="CT20" s="102">
        <v>38</v>
      </c>
      <c r="CU20" s="102">
        <v>28</v>
      </c>
      <c r="CV20" s="103">
        <v>368</v>
      </c>
      <c r="CW20" s="104">
        <v>506</v>
      </c>
      <c r="CX20" s="105">
        <v>8</v>
      </c>
      <c r="CY20" s="97">
        <v>10</v>
      </c>
      <c r="CZ20" s="98">
        <v>18</v>
      </c>
      <c r="DA20" s="413">
        <v>0</v>
      </c>
      <c r="DB20" s="97">
        <v>9</v>
      </c>
      <c r="DC20" s="97">
        <v>22</v>
      </c>
      <c r="DD20" s="97">
        <v>7</v>
      </c>
      <c r="DE20" s="97">
        <v>6</v>
      </c>
      <c r="DF20" s="97">
        <v>8</v>
      </c>
      <c r="DG20" s="99">
        <v>52</v>
      </c>
      <c r="DH20" s="100">
        <v>70</v>
      </c>
      <c r="DI20" s="101">
        <v>0</v>
      </c>
      <c r="DJ20" s="102">
        <v>0</v>
      </c>
      <c r="DK20" s="103">
        <v>0</v>
      </c>
      <c r="DL20" s="413">
        <v>0</v>
      </c>
      <c r="DM20" s="102">
        <v>0</v>
      </c>
      <c r="DN20" s="102">
        <v>1</v>
      </c>
      <c r="DO20" s="102">
        <v>1</v>
      </c>
      <c r="DP20" s="102">
        <v>1</v>
      </c>
      <c r="DQ20" s="102">
        <v>0</v>
      </c>
      <c r="DR20" s="103">
        <v>3</v>
      </c>
      <c r="DS20" s="104">
        <v>3</v>
      </c>
      <c r="DT20" s="101">
        <v>0</v>
      </c>
      <c r="DU20" s="102">
        <v>0</v>
      </c>
      <c r="DV20" s="103">
        <v>0</v>
      </c>
      <c r="DW20" s="413">
        <v>0</v>
      </c>
      <c r="DX20" s="102">
        <v>0</v>
      </c>
      <c r="DY20" s="102">
        <v>0</v>
      </c>
      <c r="DZ20" s="102">
        <v>0</v>
      </c>
      <c r="EA20" s="102">
        <v>0</v>
      </c>
      <c r="EB20" s="102">
        <v>0</v>
      </c>
      <c r="EC20" s="103">
        <v>0</v>
      </c>
      <c r="ED20" s="104">
        <v>0</v>
      </c>
      <c r="EE20" s="101">
        <v>5</v>
      </c>
      <c r="EF20" s="102">
        <v>1</v>
      </c>
      <c r="EG20" s="103">
        <v>6</v>
      </c>
      <c r="EH20" s="413">
        <v>0</v>
      </c>
      <c r="EI20" s="102">
        <v>1</v>
      </c>
      <c r="EJ20" s="102">
        <v>2</v>
      </c>
      <c r="EK20" s="102">
        <v>0</v>
      </c>
      <c r="EL20" s="102">
        <v>0</v>
      </c>
      <c r="EM20" s="102">
        <v>2</v>
      </c>
      <c r="EN20" s="103">
        <v>5</v>
      </c>
      <c r="EO20" s="104">
        <v>11</v>
      </c>
      <c r="EP20" s="101">
        <v>2</v>
      </c>
      <c r="EQ20" s="102">
        <v>5</v>
      </c>
      <c r="ER20" s="103">
        <v>7</v>
      </c>
      <c r="ES20" s="413">
        <v>0</v>
      </c>
      <c r="ET20" s="102">
        <v>3</v>
      </c>
      <c r="EU20" s="102">
        <v>4</v>
      </c>
      <c r="EV20" s="102">
        <v>0</v>
      </c>
      <c r="EW20" s="102">
        <v>0</v>
      </c>
      <c r="EX20" s="102">
        <v>1</v>
      </c>
      <c r="EY20" s="103">
        <v>8</v>
      </c>
      <c r="EZ20" s="104">
        <v>15</v>
      </c>
      <c r="FA20" s="101">
        <v>1</v>
      </c>
      <c r="FB20" s="102">
        <v>2</v>
      </c>
      <c r="FC20" s="103">
        <v>3</v>
      </c>
      <c r="FD20" s="413">
        <v>0</v>
      </c>
      <c r="FE20" s="102">
        <v>2</v>
      </c>
      <c r="FF20" s="102">
        <v>8</v>
      </c>
      <c r="FG20" s="102">
        <v>3</v>
      </c>
      <c r="FH20" s="102">
        <v>3</v>
      </c>
      <c r="FI20" s="102">
        <v>0</v>
      </c>
      <c r="FJ20" s="103">
        <v>16</v>
      </c>
      <c r="FK20" s="104">
        <v>19</v>
      </c>
      <c r="FL20" s="101">
        <v>0</v>
      </c>
      <c r="FM20" s="102">
        <v>2</v>
      </c>
      <c r="FN20" s="103">
        <v>2</v>
      </c>
      <c r="FO20" s="413">
        <v>0</v>
      </c>
      <c r="FP20" s="102">
        <v>3</v>
      </c>
      <c r="FQ20" s="102">
        <v>7</v>
      </c>
      <c r="FR20" s="102">
        <v>3</v>
      </c>
      <c r="FS20" s="102">
        <v>2</v>
      </c>
      <c r="FT20" s="102">
        <v>5</v>
      </c>
      <c r="FU20" s="103">
        <v>20</v>
      </c>
      <c r="FV20" s="104">
        <v>22</v>
      </c>
      <c r="FW20" s="101">
        <v>0</v>
      </c>
      <c r="FX20" s="102">
        <v>0</v>
      </c>
      <c r="FY20" s="103">
        <v>0</v>
      </c>
      <c r="FZ20" s="413">
        <v>0</v>
      </c>
      <c r="GA20" s="102">
        <v>0</v>
      </c>
      <c r="GB20" s="102">
        <v>0</v>
      </c>
      <c r="GC20" s="102">
        <v>0</v>
      </c>
      <c r="GD20" s="102">
        <v>0</v>
      </c>
      <c r="GE20" s="102">
        <v>0</v>
      </c>
      <c r="GF20" s="103">
        <v>0</v>
      </c>
      <c r="GG20" s="104">
        <v>0</v>
      </c>
      <c r="GH20" s="101">
        <v>8</v>
      </c>
      <c r="GI20" s="102">
        <v>10</v>
      </c>
      <c r="GJ20" s="103">
        <v>18</v>
      </c>
      <c r="GK20" s="413">
        <v>0</v>
      </c>
      <c r="GL20" s="102">
        <v>9</v>
      </c>
      <c r="GM20" s="102">
        <v>22</v>
      </c>
      <c r="GN20" s="102">
        <v>7</v>
      </c>
      <c r="GO20" s="102">
        <v>6</v>
      </c>
      <c r="GP20" s="102">
        <v>8</v>
      </c>
      <c r="GQ20" s="103">
        <v>52</v>
      </c>
      <c r="GR20" s="104">
        <v>70</v>
      </c>
      <c r="GS20" s="105">
        <v>82</v>
      </c>
      <c r="GT20" s="97">
        <v>74</v>
      </c>
      <c r="GU20" s="98">
        <v>156</v>
      </c>
      <c r="GV20" s="413">
        <v>0</v>
      </c>
      <c r="GW20" s="97">
        <v>116</v>
      </c>
      <c r="GX20" s="97">
        <v>143</v>
      </c>
      <c r="GY20" s="97">
        <v>81</v>
      </c>
      <c r="GZ20" s="97">
        <v>44</v>
      </c>
      <c r="HA20" s="97">
        <v>36</v>
      </c>
      <c r="HB20" s="99">
        <v>420</v>
      </c>
      <c r="HC20" s="100">
        <v>576</v>
      </c>
      <c r="HD20" s="101">
        <v>2</v>
      </c>
      <c r="HE20" s="102">
        <v>2</v>
      </c>
      <c r="HF20" s="103">
        <v>4</v>
      </c>
      <c r="HG20" s="413">
        <v>0</v>
      </c>
      <c r="HH20" s="102">
        <v>0</v>
      </c>
      <c r="HI20" s="102">
        <v>1</v>
      </c>
      <c r="HJ20" s="102">
        <v>3</v>
      </c>
      <c r="HK20" s="102">
        <v>1</v>
      </c>
      <c r="HL20" s="102">
        <v>0</v>
      </c>
      <c r="HM20" s="103">
        <v>5</v>
      </c>
      <c r="HN20" s="104">
        <v>9</v>
      </c>
      <c r="HO20" s="101">
        <v>3</v>
      </c>
      <c r="HP20" s="102">
        <v>3</v>
      </c>
      <c r="HQ20" s="103">
        <v>6</v>
      </c>
      <c r="HR20" s="413">
        <v>0</v>
      </c>
      <c r="HS20" s="102">
        <v>3</v>
      </c>
      <c r="HT20" s="102">
        <v>5</v>
      </c>
      <c r="HU20" s="102">
        <v>2</v>
      </c>
      <c r="HV20" s="102">
        <v>0</v>
      </c>
      <c r="HW20" s="102">
        <v>1</v>
      </c>
      <c r="HX20" s="103">
        <v>11</v>
      </c>
      <c r="HY20" s="104">
        <v>17</v>
      </c>
      <c r="HZ20" s="101">
        <v>10</v>
      </c>
      <c r="IA20" s="102">
        <v>12</v>
      </c>
      <c r="IB20" s="103">
        <v>22</v>
      </c>
      <c r="IC20" s="413">
        <v>0</v>
      </c>
      <c r="ID20" s="102">
        <v>13</v>
      </c>
      <c r="IE20" s="102">
        <v>12</v>
      </c>
      <c r="IF20" s="102">
        <v>8</v>
      </c>
      <c r="IG20" s="102">
        <v>1</v>
      </c>
      <c r="IH20" s="102">
        <v>5</v>
      </c>
      <c r="II20" s="103">
        <v>39</v>
      </c>
      <c r="IJ20" s="104">
        <v>61</v>
      </c>
      <c r="IK20" s="101">
        <v>22</v>
      </c>
      <c r="IL20" s="102">
        <v>21</v>
      </c>
      <c r="IM20" s="103">
        <v>43</v>
      </c>
      <c r="IN20" s="413">
        <v>0</v>
      </c>
      <c r="IO20" s="102">
        <v>30</v>
      </c>
      <c r="IP20" s="102">
        <v>34</v>
      </c>
      <c r="IQ20" s="102">
        <v>10</v>
      </c>
      <c r="IR20" s="102">
        <v>10</v>
      </c>
      <c r="IS20" s="102">
        <v>3</v>
      </c>
      <c r="IT20" s="103">
        <v>87</v>
      </c>
      <c r="IU20" s="104">
        <v>130</v>
      </c>
      <c r="IV20" s="101">
        <v>31</v>
      </c>
      <c r="IW20" s="102">
        <v>18</v>
      </c>
      <c r="IX20" s="103">
        <v>49</v>
      </c>
      <c r="IY20" s="413">
        <v>0</v>
      </c>
      <c r="IZ20" s="102">
        <v>39</v>
      </c>
      <c r="JA20" s="102">
        <v>45</v>
      </c>
      <c r="JB20" s="102">
        <v>29</v>
      </c>
      <c r="JC20" s="102">
        <v>15</v>
      </c>
      <c r="JD20" s="102">
        <v>8</v>
      </c>
      <c r="JE20" s="103">
        <v>136</v>
      </c>
      <c r="JF20" s="104">
        <v>185</v>
      </c>
      <c r="JG20" s="101">
        <v>14</v>
      </c>
      <c r="JH20" s="102">
        <v>18</v>
      </c>
      <c r="JI20" s="103">
        <v>32</v>
      </c>
      <c r="JJ20" s="413">
        <v>0</v>
      </c>
      <c r="JK20" s="102">
        <v>31</v>
      </c>
      <c r="JL20" s="102">
        <v>46</v>
      </c>
      <c r="JM20" s="102">
        <v>29</v>
      </c>
      <c r="JN20" s="102">
        <v>17</v>
      </c>
      <c r="JO20" s="102">
        <v>19</v>
      </c>
      <c r="JP20" s="103">
        <v>142</v>
      </c>
      <c r="JQ20" s="104">
        <v>174</v>
      </c>
      <c r="JR20" s="101">
        <v>0</v>
      </c>
      <c r="JS20" s="102">
        <v>0</v>
      </c>
      <c r="JT20" s="103">
        <v>0</v>
      </c>
      <c r="JU20" s="413">
        <v>0</v>
      </c>
      <c r="JV20" s="102">
        <v>0</v>
      </c>
      <c r="JW20" s="102">
        <v>0</v>
      </c>
      <c r="JX20" s="102">
        <v>0</v>
      </c>
      <c r="JY20" s="102">
        <v>0</v>
      </c>
      <c r="JZ20" s="102">
        <v>0</v>
      </c>
      <c r="KA20" s="103">
        <v>0</v>
      </c>
      <c r="KB20" s="104">
        <v>0</v>
      </c>
      <c r="KC20" s="101">
        <v>82</v>
      </c>
      <c r="KD20" s="102">
        <v>74</v>
      </c>
      <c r="KE20" s="103">
        <v>156</v>
      </c>
      <c r="KF20" s="413">
        <v>0</v>
      </c>
      <c r="KG20" s="102">
        <v>116</v>
      </c>
      <c r="KH20" s="102">
        <v>143</v>
      </c>
      <c r="KI20" s="102">
        <v>81</v>
      </c>
      <c r="KJ20" s="102">
        <v>44</v>
      </c>
      <c r="KK20" s="102">
        <v>36</v>
      </c>
      <c r="KL20" s="103">
        <v>420</v>
      </c>
      <c r="KM20" s="104">
        <v>576</v>
      </c>
    </row>
    <row r="21" spans="2:299" s="70" customFormat="1" ht="21" customHeight="1" x14ac:dyDescent="0.2">
      <c r="B21" s="106" t="s">
        <v>18</v>
      </c>
      <c r="C21" s="96">
        <v>78</v>
      </c>
      <c r="D21" s="97">
        <v>77</v>
      </c>
      <c r="E21" s="98">
        <v>155</v>
      </c>
      <c r="F21" s="413">
        <v>0</v>
      </c>
      <c r="G21" s="97">
        <v>165</v>
      </c>
      <c r="H21" s="97">
        <v>110</v>
      </c>
      <c r="I21" s="97">
        <v>101</v>
      </c>
      <c r="J21" s="97">
        <v>53</v>
      </c>
      <c r="K21" s="97">
        <v>32</v>
      </c>
      <c r="L21" s="99">
        <v>461</v>
      </c>
      <c r="M21" s="100">
        <v>616</v>
      </c>
      <c r="N21" s="101">
        <v>3</v>
      </c>
      <c r="O21" s="102">
        <v>0</v>
      </c>
      <c r="P21" s="103">
        <v>3</v>
      </c>
      <c r="Q21" s="413">
        <v>0</v>
      </c>
      <c r="R21" s="102">
        <v>4</v>
      </c>
      <c r="S21" s="102">
        <v>0</v>
      </c>
      <c r="T21" s="102">
        <v>2</v>
      </c>
      <c r="U21" s="102">
        <v>1</v>
      </c>
      <c r="V21" s="102">
        <v>3</v>
      </c>
      <c r="W21" s="103">
        <v>10</v>
      </c>
      <c r="X21" s="104">
        <v>13</v>
      </c>
      <c r="Y21" s="101">
        <v>5</v>
      </c>
      <c r="Z21" s="102">
        <v>3</v>
      </c>
      <c r="AA21" s="103">
        <v>8</v>
      </c>
      <c r="AB21" s="413">
        <v>0</v>
      </c>
      <c r="AC21" s="102">
        <v>9</v>
      </c>
      <c r="AD21" s="102">
        <v>7</v>
      </c>
      <c r="AE21" s="102">
        <v>3</v>
      </c>
      <c r="AF21" s="102">
        <v>2</v>
      </c>
      <c r="AG21" s="102">
        <v>4</v>
      </c>
      <c r="AH21" s="103">
        <v>25</v>
      </c>
      <c r="AI21" s="104">
        <v>33</v>
      </c>
      <c r="AJ21" s="101">
        <v>7</v>
      </c>
      <c r="AK21" s="102">
        <v>12</v>
      </c>
      <c r="AL21" s="103">
        <v>19</v>
      </c>
      <c r="AM21" s="413">
        <v>0</v>
      </c>
      <c r="AN21" s="102">
        <v>15</v>
      </c>
      <c r="AO21" s="102">
        <v>8</v>
      </c>
      <c r="AP21" s="102">
        <v>8</v>
      </c>
      <c r="AQ21" s="102">
        <v>4</v>
      </c>
      <c r="AR21" s="102">
        <v>2</v>
      </c>
      <c r="AS21" s="103">
        <v>37</v>
      </c>
      <c r="AT21" s="104">
        <v>56</v>
      </c>
      <c r="AU21" s="101">
        <v>18</v>
      </c>
      <c r="AV21" s="102">
        <v>8</v>
      </c>
      <c r="AW21" s="103">
        <v>26</v>
      </c>
      <c r="AX21" s="413">
        <v>0</v>
      </c>
      <c r="AY21" s="102">
        <v>34</v>
      </c>
      <c r="AZ21" s="102">
        <v>22</v>
      </c>
      <c r="BA21" s="102">
        <v>12</v>
      </c>
      <c r="BB21" s="102">
        <v>9</v>
      </c>
      <c r="BC21" s="102">
        <v>6</v>
      </c>
      <c r="BD21" s="103">
        <v>83</v>
      </c>
      <c r="BE21" s="104">
        <v>109</v>
      </c>
      <c r="BF21" s="101">
        <v>29</v>
      </c>
      <c r="BG21" s="102">
        <v>25</v>
      </c>
      <c r="BH21" s="103">
        <v>54</v>
      </c>
      <c r="BI21" s="413">
        <v>0</v>
      </c>
      <c r="BJ21" s="102">
        <v>57</v>
      </c>
      <c r="BK21" s="102">
        <v>29</v>
      </c>
      <c r="BL21" s="102">
        <v>39</v>
      </c>
      <c r="BM21" s="102">
        <v>17</v>
      </c>
      <c r="BN21" s="102">
        <v>6</v>
      </c>
      <c r="BO21" s="103">
        <v>148</v>
      </c>
      <c r="BP21" s="104">
        <v>202</v>
      </c>
      <c r="BQ21" s="101">
        <v>16</v>
      </c>
      <c r="BR21" s="102">
        <v>29</v>
      </c>
      <c r="BS21" s="103">
        <v>45</v>
      </c>
      <c r="BT21" s="413">
        <v>0</v>
      </c>
      <c r="BU21" s="102">
        <v>46</v>
      </c>
      <c r="BV21" s="102">
        <v>44</v>
      </c>
      <c r="BW21" s="102">
        <v>37</v>
      </c>
      <c r="BX21" s="102">
        <v>20</v>
      </c>
      <c r="BY21" s="102">
        <v>11</v>
      </c>
      <c r="BZ21" s="103">
        <v>158</v>
      </c>
      <c r="CA21" s="104">
        <v>203</v>
      </c>
      <c r="CB21" s="101">
        <v>0</v>
      </c>
      <c r="CC21" s="102">
        <v>0</v>
      </c>
      <c r="CD21" s="103">
        <v>0</v>
      </c>
      <c r="CE21" s="413">
        <v>0</v>
      </c>
      <c r="CF21" s="102">
        <v>0</v>
      </c>
      <c r="CG21" s="102">
        <v>0</v>
      </c>
      <c r="CH21" s="102">
        <v>0</v>
      </c>
      <c r="CI21" s="102">
        <v>0</v>
      </c>
      <c r="CJ21" s="102">
        <v>0</v>
      </c>
      <c r="CK21" s="103">
        <v>0</v>
      </c>
      <c r="CL21" s="104">
        <v>0</v>
      </c>
      <c r="CM21" s="101">
        <v>78</v>
      </c>
      <c r="CN21" s="102">
        <v>77</v>
      </c>
      <c r="CO21" s="103">
        <v>155</v>
      </c>
      <c r="CP21" s="413">
        <v>0</v>
      </c>
      <c r="CQ21" s="102">
        <v>165</v>
      </c>
      <c r="CR21" s="102">
        <v>110</v>
      </c>
      <c r="CS21" s="102">
        <v>101</v>
      </c>
      <c r="CT21" s="102">
        <v>53</v>
      </c>
      <c r="CU21" s="102">
        <v>32</v>
      </c>
      <c r="CV21" s="103">
        <v>461</v>
      </c>
      <c r="CW21" s="104">
        <v>616</v>
      </c>
      <c r="CX21" s="105">
        <v>11</v>
      </c>
      <c r="CY21" s="97">
        <v>23</v>
      </c>
      <c r="CZ21" s="98">
        <v>34</v>
      </c>
      <c r="DA21" s="413">
        <v>0</v>
      </c>
      <c r="DB21" s="97">
        <v>24</v>
      </c>
      <c r="DC21" s="97">
        <v>15</v>
      </c>
      <c r="DD21" s="97">
        <v>12</v>
      </c>
      <c r="DE21" s="97">
        <v>10</v>
      </c>
      <c r="DF21" s="97">
        <v>8</v>
      </c>
      <c r="DG21" s="99">
        <v>69</v>
      </c>
      <c r="DH21" s="100">
        <v>103</v>
      </c>
      <c r="DI21" s="101">
        <v>1</v>
      </c>
      <c r="DJ21" s="102">
        <v>0</v>
      </c>
      <c r="DK21" s="103">
        <v>1</v>
      </c>
      <c r="DL21" s="413">
        <v>0</v>
      </c>
      <c r="DM21" s="102">
        <v>0</v>
      </c>
      <c r="DN21" s="102">
        <v>0</v>
      </c>
      <c r="DO21" s="102">
        <v>1</v>
      </c>
      <c r="DP21" s="102">
        <v>0</v>
      </c>
      <c r="DQ21" s="102">
        <v>2</v>
      </c>
      <c r="DR21" s="103">
        <v>3</v>
      </c>
      <c r="DS21" s="104">
        <v>4</v>
      </c>
      <c r="DT21" s="101">
        <v>0</v>
      </c>
      <c r="DU21" s="102">
        <v>4</v>
      </c>
      <c r="DV21" s="103">
        <v>4</v>
      </c>
      <c r="DW21" s="413">
        <v>0</v>
      </c>
      <c r="DX21" s="102">
        <v>2</v>
      </c>
      <c r="DY21" s="102">
        <v>1</v>
      </c>
      <c r="DZ21" s="102">
        <v>1</v>
      </c>
      <c r="EA21" s="102">
        <v>0</v>
      </c>
      <c r="EB21" s="102">
        <v>0</v>
      </c>
      <c r="EC21" s="103">
        <v>4</v>
      </c>
      <c r="ED21" s="104">
        <v>8</v>
      </c>
      <c r="EE21" s="101">
        <v>2</v>
      </c>
      <c r="EF21" s="102">
        <v>6</v>
      </c>
      <c r="EG21" s="103">
        <v>8</v>
      </c>
      <c r="EH21" s="413">
        <v>0</v>
      </c>
      <c r="EI21" s="102">
        <v>3</v>
      </c>
      <c r="EJ21" s="102">
        <v>0</v>
      </c>
      <c r="EK21" s="102">
        <v>0</v>
      </c>
      <c r="EL21" s="102">
        <v>0</v>
      </c>
      <c r="EM21" s="102">
        <v>0</v>
      </c>
      <c r="EN21" s="103">
        <v>3</v>
      </c>
      <c r="EO21" s="104">
        <v>11</v>
      </c>
      <c r="EP21" s="101">
        <v>2</v>
      </c>
      <c r="EQ21" s="102">
        <v>6</v>
      </c>
      <c r="ER21" s="103">
        <v>8</v>
      </c>
      <c r="ES21" s="413">
        <v>0</v>
      </c>
      <c r="ET21" s="102">
        <v>9</v>
      </c>
      <c r="EU21" s="102">
        <v>2</v>
      </c>
      <c r="EV21" s="102">
        <v>3</v>
      </c>
      <c r="EW21" s="102">
        <v>1</v>
      </c>
      <c r="EX21" s="102">
        <v>0</v>
      </c>
      <c r="EY21" s="103">
        <v>15</v>
      </c>
      <c r="EZ21" s="104">
        <v>23</v>
      </c>
      <c r="FA21" s="101">
        <v>2</v>
      </c>
      <c r="FB21" s="102">
        <v>5</v>
      </c>
      <c r="FC21" s="103">
        <v>7</v>
      </c>
      <c r="FD21" s="413">
        <v>0</v>
      </c>
      <c r="FE21" s="102">
        <v>1</v>
      </c>
      <c r="FF21" s="102">
        <v>9</v>
      </c>
      <c r="FG21" s="102">
        <v>2</v>
      </c>
      <c r="FH21" s="102">
        <v>1</v>
      </c>
      <c r="FI21" s="102">
        <v>1</v>
      </c>
      <c r="FJ21" s="103">
        <v>14</v>
      </c>
      <c r="FK21" s="104">
        <v>21</v>
      </c>
      <c r="FL21" s="101">
        <v>4</v>
      </c>
      <c r="FM21" s="102">
        <v>2</v>
      </c>
      <c r="FN21" s="103">
        <v>6</v>
      </c>
      <c r="FO21" s="413">
        <v>0</v>
      </c>
      <c r="FP21" s="102">
        <v>9</v>
      </c>
      <c r="FQ21" s="102">
        <v>3</v>
      </c>
      <c r="FR21" s="102">
        <v>5</v>
      </c>
      <c r="FS21" s="102">
        <v>8</v>
      </c>
      <c r="FT21" s="102">
        <v>5</v>
      </c>
      <c r="FU21" s="103">
        <v>30</v>
      </c>
      <c r="FV21" s="104">
        <v>36</v>
      </c>
      <c r="FW21" s="101">
        <v>0</v>
      </c>
      <c r="FX21" s="102">
        <v>0</v>
      </c>
      <c r="FY21" s="103">
        <v>0</v>
      </c>
      <c r="FZ21" s="413">
        <v>0</v>
      </c>
      <c r="GA21" s="102">
        <v>0</v>
      </c>
      <c r="GB21" s="102">
        <v>0</v>
      </c>
      <c r="GC21" s="102">
        <v>0</v>
      </c>
      <c r="GD21" s="102">
        <v>0</v>
      </c>
      <c r="GE21" s="102">
        <v>0</v>
      </c>
      <c r="GF21" s="103">
        <v>0</v>
      </c>
      <c r="GG21" s="104">
        <v>0</v>
      </c>
      <c r="GH21" s="101">
        <v>11</v>
      </c>
      <c r="GI21" s="102">
        <v>23</v>
      </c>
      <c r="GJ21" s="103">
        <v>34</v>
      </c>
      <c r="GK21" s="413">
        <v>0</v>
      </c>
      <c r="GL21" s="102">
        <v>24</v>
      </c>
      <c r="GM21" s="102">
        <v>15</v>
      </c>
      <c r="GN21" s="102">
        <v>12</v>
      </c>
      <c r="GO21" s="102">
        <v>10</v>
      </c>
      <c r="GP21" s="102">
        <v>8</v>
      </c>
      <c r="GQ21" s="103">
        <v>69</v>
      </c>
      <c r="GR21" s="104">
        <v>103</v>
      </c>
      <c r="GS21" s="105">
        <v>89</v>
      </c>
      <c r="GT21" s="97">
        <v>100</v>
      </c>
      <c r="GU21" s="98">
        <v>189</v>
      </c>
      <c r="GV21" s="413">
        <v>0</v>
      </c>
      <c r="GW21" s="97">
        <v>189</v>
      </c>
      <c r="GX21" s="97">
        <v>125</v>
      </c>
      <c r="GY21" s="97">
        <v>113</v>
      </c>
      <c r="GZ21" s="97">
        <v>63</v>
      </c>
      <c r="HA21" s="97">
        <v>40</v>
      </c>
      <c r="HB21" s="99">
        <v>530</v>
      </c>
      <c r="HC21" s="100">
        <v>719</v>
      </c>
      <c r="HD21" s="101">
        <v>4</v>
      </c>
      <c r="HE21" s="102">
        <v>0</v>
      </c>
      <c r="HF21" s="103">
        <v>4</v>
      </c>
      <c r="HG21" s="413">
        <v>0</v>
      </c>
      <c r="HH21" s="102">
        <v>4</v>
      </c>
      <c r="HI21" s="102">
        <v>0</v>
      </c>
      <c r="HJ21" s="102">
        <v>3</v>
      </c>
      <c r="HK21" s="102">
        <v>1</v>
      </c>
      <c r="HL21" s="102">
        <v>5</v>
      </c>
      <c r="HM21" s="103">
        <v>13</v>
      </c>
      <c r="HN21" s="104">
        <v>17</v>
      </c>
      <c r="HO21" s="101">
        <v>5</v>
      </c>
      <c r="HP21" s="102">
        <v>7</v>
      </c>
      <c r="HQ21" s="103">
        <v>12</v>
      </c>
      <c r="HR21" s="413">
        <v>0</v>
      </c>
      <c r="HS21" s="102">
        <v>11</v>
      </c>
      <c r="HT21" s="102">
        <v>8</v>
      </c>
      <c r="HU21" s="102">
        <v>4</v>
      </c>
      <c r="HV21" s="102">
        <v>2</v>
      </c>
      <c r="HW21" s="102">
        <v>4</v>
      </c>
      <c r="HX21" s="103">
        <v>29</v>
      </c>
      <c r="HY21" s="104">
        <v>41</v>
      </c>
      <c r="HZ21" s="101">
        <v>9</v>
      </c>
      <c r="IA21" s="102">
        <v>18</v>
      </c>
      <c r="IB21" s="103">
        <v>27</v>
      </c>
      <c r="IC21" s="413">
        <v>0</v>
      </c>
      <c r="ID21" s="102">
        <v>18</v>
      </c>
      <c r="IE21" s="102">
        <v>8</v>
      </c>
      <c r="IF21" s="102">
        <v>8</v>
      </c>
      <c r="IG21" s="102">
        <v>4</v>
      </c>
      <c r="IH21" s="102">
        <v>2</v>
      </c>
      <c r="II21" s="103">
        <v>40</v>
      </c>
      <c r="IJ21" s="104">
        <v>67</v>
      </c>
      <c r="IK21" s="101">
        <v>20</v>
      </c>
      <c r="IL21" s="102">
        <v>14</v>
      </c>
      <c r="IM21" s="103">
        <v>34</v>
      </c>
      <c r="IN21" s="413">
        <v>0</v>
      </c>
      <c r="IO21" s="102">
        <v>43</v>
      </c>
      <c r="IP21" s="102">
        <v>24</v>
      </c>
      <c r="IQ21" s="102">
        <v>15</v>
      </c>
      <c r="IR21" s="102">
        <v>10</v>
      </c>
      <c r="IS21" s="102">
        <v>6</v>
      </c>
      <c r="IT21" s="103">
        <v>98</v>
      </c>
      <c r="IU21" s="104">
        <v>132</v>
      </c>
      <c r="IV21" s="101">
        <v>31</v>
      </c>
      <c r="IW21" s="102">
        <v>30</v>
      </c>
      <c r="IX21" s="103">
        <v>61</v>
      </c>
      <c r="IY21" s="413">
        <v>0</v>
      </c>
      <c r="IZ21" s="102">
        <v>58</v>
      </c>
      <c r="JA21" s="102">
        <v>38</v>
      </c>
      <c r="JB21" s="102">
        <v>41</v>
      </c>
      <c r="JC21" s="102">
        <v>18</v>
      </c>
      <c r="JD21" s="102">
        <v>7</v>
      </c>
      <c r="JE21" s="103">
        <v>162</v>
      </c>
      <c r="JF21" s="104">
        <v>223</v>
      </c>
      <c r="JG21" s="101">
        <v>20</v>
      </c>
      <c r="JH21" s="102">
        <v>31</v>
      </c>
      <c r="JI21" s="103">
        <v>51</v>
      </c>
      <c r="JJ21" s="413">
        <v>0</v>
      </c>
      <c r="JK21" s="102">
        <v>55</v>
      </c>
      <c r="JL21" s="102">
        <v>47</v>
      </c>
      <c r="JM21" s="102">
        <v>42</v>
      </c>
      <c r="JN21" s="102">
        <v>28</v>
      </c>
      <c r="JO21" s="102">
        <v>16</v>
      </c>
      <c r="JP21" s="103">
        <v>188</v>
      </c>
      <c r="JQ21" s="104">
        <v>239</v>
      </c>
      <c r="JR21" s="101">
        <v>0</v>
      </c>
      <c r="JS21" s="102">
        <v>0</v>
      </c>
      <c r="JT21" s="103">
        <v>0</v>
      </c>
      <c r="JU21" s="413">
        <v>0</v>
      </c>
      <c r="JV21" s="102">
        <v>0</v>
      </c>
      <c r="JW21" s="102">
        <v>0</v>
      </c>
      <c r="JX21" s="102">
        <v>0</v>
      </c>
      <c r="JY21" s="102">
        <v>0</v>
      </c>
      <c r="JZ21" s="102">
        <v>0</v>
      </c>
      <c r="KA21" s="103">
        <v>0</v>
      </c>
      <c r="KB21" s="104">
        <v>0</v>
      </c>
      <c r="KC21" s="101">
        <v>89</v>
      </c>
      <c r="KD21" s="102">
        <v>100</v>
      </c>
      <c r="KE21" s="103">
        <v>189</v>
      </c>
      <c r="KF21" s="413">
        <v>0</v>
      </c>
      <c r="KG21" s="102">
        <v>189</v>
      </c>
      <c r="KH21" s="102">
        <v>125</v>
      </c>
      <c r="KI21" s="102">
        <v>113</v>
      </c>
      <c r="KJ21" s="102">
        <v>63</v>
      </c>
      <c r="KK21" s="102">
        <v>40</v>
      </c>
      <c r="KL21" s="103">
        <v>530</v>
      </c>
      <c r="KM21" s="104">
        <v>719</v>
      </c>
    </row>
    <row r="22" spans="2:299" s="70" customFormat="1" ht="21" customHeight="1" x14ac:dyDescent="0.2">
      <c r="B22" s="106" t="s">
        <v>19</v>
      </c>
      <c r="C22" s="96">
        <v>45</v>
      </c>
      <c r="D22" s="97">
        <v>39</v>
      </c>
      <c r="E22" s="98">
        <v>84</v>
      </c>
      <c r="F22" s="413">
        <v>0</v>
      </c>
      <c r="G22" s="97">
        <v>70</v>
      </c>
      <c r="H22" s="97">
        <v>55</v>
      </c>
      <c r="I22" s="97">
        <v>23</v>
      </c>
      <c r="J22" s="97">
        <v>17</v>
      </c>
      <c r="K22" s="97">
        <v>24</v>
      </c>
      <c r="L22" s="99">
        <v>189</v>
      </c>
      <c r="M22" s="100">
        <v>273</v>
      </c>
      <c r="N22" s="107">
        <v>0</v>
      </c>
      <c r="O22" s="102">
        <v>0</v>
      </c>
      <c r="P22" s="103">
        <v>0</v>
      </c>
      <c r="Q22" s="413">
        <v>0</v>
      </c>
      <c r="R22" s="102">
        <v>1</v>
      </c>
      <c r="S22" s="102">
        <v>1</v>
      </c>
      <c r="T22" s="102">
        <v>1</v>
      </c>
      <c r="U22" s="102">
        <v>1</v>
      </c>
      <c r="V22" s="102">
        <v>0</v>
      </c>
      <c r="W22" s="103">
        <v>4</v>
      </c>
      <c r="X22" s="104">
        <v>4</v>
      </c>
      <c r="Y22" s="101">
        <v>3</v>
      </c>
      <c r="Z22" s="102">
        <v>2</v>
      </c>
      <c r="AA22" s="103">
        <v>5</v>
      </c>
      <c r="AB22" s="413">
        <v>0</v>
      </c>
      <c r="AC22" s="102">
        <v>1</v>
      </c>
      <c r="AD22" s="102">
        <v>5</v>
      </c>
      <c r="AE22" s="102">
        <v>1</v>
      </c>
      <c r="AF22" s="102">
        <v>0</v>
      </c>
      <c r="AG22" s="102">
        <v>1</v>
      </c>
      <c r="AH22" s="103">
        <v>8</v>
      </c>
      <c r="AI22" s="104">
        <v>13</v>
      </c>
      <c r="AJ22" s="107">
        <v>2</v>
      </c>
      <c r="AK22" s="102">
        <v>3</v>
      </c>
      <c r="AL22" s="103">
        <v>5</v>
      </c>
      <c r="AM22" s="413">
        <v>0</v>
      </c>
      <c r="AN22" s="102">
        <v>3</v>
      </c>
      <c r="AO22" s="102">
        <v>4</v>
      </c>
      <c r="AP22" s="102">
        <v>1</v>
      </c>
      <c r="AQ22" s="102">
        <v>0</v>
      </c>
      <c r="AR22" s="102">
        <v>1</v>
      </c>
      <c r="AS22" s="103">
        <v>9</v>
      </c>
      <c r="AT22" s="104">
        <v>14</v>
      </c>
      <c r="AU22" s="101">
        <v>8</v>
      </c>
      <c r="AV22" s="102">
        <v>7</v>
      </c>
      <c r="AW22" s="103">
        <v>15</v>
      </c>
      <c r="AX22" s="413">
        <v>0</v>
      </c>
      <c r="AY22" s="102">
        <v>14</v>
      </c>
      <c r="AZ22" s="102">
        <v>11</v>
      </c>
      <c r="BA22" s="102">
        <v>3</v>
      </c>
      <c r="BB22" s="102">
        <v>6</v>
      </c>
      <c r="BC22" s="102">
        <v>8</v>
      </c>
      <c r="BD22" s="103">
        <v>42</v>
      </c>
      <c r="BE22" s="104">
        <v>57</v>
      </c>
      <c r="BF22" s="107">
        <v>15</v>
      </c>
      <c r="BG22" s="102">
        <v>12</v>
      </c>
      <c r="BH22" s="103">
        <v>27</v>
      </c>
      <c r="BI22" s="413">
        <v>0</v>
      </c>
      <c r="BJ22" s="102">
        <v>26</v>
      </c>
      <c r="BK22" s="102">
        <v>11</v>
      </c>
      <c r="BL22" s="102">
        <v>8</v>
      </c>
      <c r="BM22" s="102">
        <v>7</v>
      </c>
      <c r="BN22" s="102">
        <v>10</v>
      </c>
      <c r="BO22" s="103">
        <v>62</v>
      </c>
      <c r="BP22" s="104">
        <v>89</v>
      </c>
      <c r="BQ22" s="101">
        <v>17</v>
      </c>
      <c r="BR22" s="102">
        <v>15</v>
      </c>
      <c r="BS22" s="103">
        <v>32</v>
      </c>
      <c r="BT22" s="413">
        <v>0</v>
      </c>
      <c r="BU22" s="102">
        <v>25</v>
      </c>
      <c r="BV22" s="102">
        <v>23</v>
      </c>
      <c r="BW22" s="102">
        <v>9</v>
      </c>
      <c r="BX22" s="102">
        <v>3</v>
      </c>
      <c r="BY22" s="102">
        <v>4</v>
      </c>
      <c r="BZ22" s="103">
        <v>64</v>
      </c>
      <c r="CA22" s="104">
        <v>96</v>
      </c>
      <c r="CB22" s="101">
        <v>0</v>
      </c>
      <c r="CC22" s="102">
        <v>0</v>
      </c>
      <c r="CD22" s="103">
        <v>0</v>
      </c>
      <c r="CE22" s="413">
        <v>0</v>
      </c>
      <c r="CF22" s="102">
        <v>0</v>
      </c>
      <c r="CG22" s="102">
        <v>0</v>
      </c>
      <c r="CH22" s="102">
        <v>0</v>
      </c>
      <c r="CI22" s="102">
        <v>0</v>
      </c>
      <c r="CJ22" s="102">
        <v>0</v>
      </c>
      <c r="CK22" s="103">
        <v>0</v>
      </c>
      <c r="CL22" s="104">
        <v>0</v>
      </c>
      <c r="CM22" s="101">
        <v>45</v>
      </c>
      <c r="CN22" s="102">
        <v>39</v>
      </c>
      <c r="CO22" s="103">
        <v>84</v>
      </c>
      <c r="CP22" s="413">
        <v>0</v>
      </c>
      <c r="CQ22" s="102">
        <v>70</v>
      </c>
      <c r="CR22" s="102">
        <v>55</v>
      </c>
      <c r="CS22" s="102">
        <v>23</v>
      </c>
      <c r="CT22" s="102">
        <v>17</v>
      </c>
      <c r="CU22" s="102">
        <v>24</v>
      </c>
      <c r="CV22" s="103">
        <v>189</v>
      </c>
      <c r="CW22" s="104">
        <v>273</v>
      </c>
      <c r="CX22" s="105">
        <v>5</v>
      </c>
      <c r="CY22" s="97">
        <v>4</v>
      </c>
      <c r="CZ22" s="98">
        <v>9</v>
      </c>
      <c r="DA22" s="413">
        <v>0</v>
      </c>
      <c r="DB22" s="97">
        <v>13</v>
      </c>
      <c r="DC22" s="97">
        <v>5</v>
      </c>
      <c r="DD22" s="97">
        <v>6</v>
      </c>
      <c r="DE22" s="97">
        <v>6</v>
      </c>
      <c r="DF22" s="97">
        <v>1</v>
      </c>
      <c r="DG22" s="99">
        <v>31</v>
      </c>
      <c r="DH22" s="100">
        <v>40</v>
      </c>
      <c r="DI22" s="107">
        <v>1</v>
      </c>
      <c r="DJ22" s="102">
        <v>0</v>
      </c>
      <c r="DK22" s="103">
        <v>1</v>
      </c>
      <c r="DL22" s="413">
        <v>0</v>
      </c>
      <c r="DM22" s="102">
        <v>0</v>
      </c>
      <c r="DN22" s="102">
        <v>0</v>
      </c>
      <c r="DO22" s="102">
        <v>0</v>
      </c>
      <c r="DP22" s="102">
        <v>0</v>
      </c>
      <c r="DQ22" s="102">
        <v>0</v>
      </c>
      <c r="DR22" s="103">
        <v>0</v>
      </c>
      <c r="DS22" s="104">
        <v>1</v>
      </c>
      <c r="DT22" s="101">
        <v>0</v>
      </c>
      <c r="DU22" s="102">
        <v>1</v>
      </c>
      <c r="DV22" s="103">
        <v>1</v>
      </c>
      <c r="DW22" s="413">
        <v>0</v>
      </c>
      <c r="DX22" s="102">
        <v>1</v>
      </c>
      <c r="DY22" s="102">
        <v>0</v>
      </c>
      <c r="DZ22" s="102">
        <v>1</v>
      </c>
      <c r="EA22" s="102">
        <v>0</v>
      </c>
      <c r="EB22" s="102">
        <v>0</v>
      </c>
      <c r="EC22" s="103">
        <v>2</v>
      </c>
      <c r="ED22" s="104">
        <v>3</v>
      </c>
      <c r="EE22" s="107">
        <v>1</v>
      </c>
      <c r="EF22" s="102">
        <v>0</v>
      </c>
      <c r="EG22" s="103">
        <v>1</v>
      </c>
      <c r="EH22" s="413">
        <v>0</v>
      </c>
      <c r="EI22" s="102">
        <v>0</v>
      </c>
      <c r="EJ22" s="102">
        <v>0</v>
      </c>
      <c r="EK22" s="102">
        <v>0</v>
      </c>
      <c r="EL22" s="102">
        <v>1</v>
      </c>
      <c r="EM22" s="102">
        <v>0</v>
      </c>
      <c r="EN22" s="103">
        <v>1</v>
      </c>
      <c r="EO22" s="104">
        <v>2</v>
      </c>
      <c r="EP22" s="101">
        <v>2</v>
      </c>
      <c r="EQ22" s="102">
        <v>1</v>
      </c>
      <c r="ER22" s="103">
        <v>3</v>
      </c>
      <c r="ES22" s="413">
        <v>0</v>
      </c>
      <c r="ET22" s="102">
        <v>6</v>
      </c>
      <c r="EU22" s="102">
        <v>2</v>
      </c>
      <c r="EV22" s="102">
        <v>1</v>
      </c>
      <c r="EW22" s="102">
        <v>1</v>
      </c>
      <c r="EX22" s="102">
        <v>0</v>
      </c>
      <c r="EY22" s="103">
        <v>10</v>
      </c>
      <c r="EZ22" s="104">
        <v>13</v>
      </c>
      <c r="FA22" s="107">
        <v>1</v>
      </c>
      <c r="FB22" s="102">
        <v>2</v>
      </c>
      <c r="FC22" s="103">
        <v>3</v>
      </c>
      <c r="FD22" s="413">
        <v>0</v>
      </c>
      <c r="FE22" s="102">
        <v>3</v>
      </c>
      <c r="FF22" s="102">
        <v>1</v>
      </c>
      <c r="FG22" s="102">
        <v>1</v>
      </c>
      <c r="FH22" s="102">
        <v>2</v>
      </c>
      <c r="FI22" s="102">
        <v>1</v>
      </c>
      <c r="FJ22" s="103">
        <v>8</v>
      </c>
      <c r="FK22" s="104">
        <v>11</v>
      </c>
      <c r="FL22" s="101">
        <v>0</v>
      </c>
      <c r="FM22" s="102">
        <v>0</v>
      </c>
      <c r="FN22" s="103">
        <v>0</v>
      </c>
      <c r="FO22" s="413">
        <v>0</v>
      </c>
      <c r="FP22" s="102">
        <v>3</v>
      </c>
      <c r="FQ22" s="102">
        <v>2</v>
      </c>
      <c r="FR22" s="102">
        <v>3</v>
      </c>
      <c r="FS22" s="102">
        <v>2</v>
      </c>
      <c r="FT22" s="102">
        <v>0</v>
      </c>
      <c r="FU22" s="103">
        <v>10</v>
      </c>
      <c r="FV22" s="104">
        <v>10</v>
      </c>
      <c r="FW22" s="101">
        <v>0</v>
      </c>
      <c r="FX22" s="102">
        <v>0</v>
      </c>
      <c r="FY22" s="103">
        <v>0</v>
      </c>
      <c r="FZ22" s="413">
        <v>0</v>
      </c>
      <c r="GA22" s="102">
        <v>0</v>
      </c>
      <c r="GB22" s="102">
        <v>0</v>
      </c>
      <c r="GC22" s="102">
        <v>0</v>
      </c>
      <c r="GD22" s="102">
        <v>0</v>
      </c>
      <c r="GE22" s="102">
        <v>0</v>
      </c>
      <c r="GF22" s="103">
        <v>0</v>
      </c>
      <c r="GG22" s="104">
        <v>0</v>
      </c>
      <c r="GH22" s="101">
        <v>5</v>
      </c>
      <c r="GI22" s="102">
        <v>4</v>
      </c>
      <c r="GJ22" s="103">
        <v>9</v>
      </c>
      <c r="GK22" s="413">
        <v>0</v>
      </c>
      <c r="GL22" s="102">
        <v>13</v>
      </c>
      <c r="GM22" s="102">
        <v>5</v>
      </c>
      <c r="GN22" s="102">
        <v>6</v>
      </c>
      <c r="GO22" s="102">
        <v>6</v>
      </c>
      <c r="GP22" s="102">
        <v>1</v>
      </c>
      <c r="GQ22" s="103">
        <v>31</v>
      </c>
      <c r="GR22" s="104">
        <v>40</v>
      </c>
      <c r="GS22" s="105">
        <v>50</v>
      </c>
      <c r="GT22" s="97">
        <v>43</v>
      </c>
      <c r="GU22" s="98">
        <v>93</v>
      </c>
      <c r="GV22" s="413">
        <v>0</v>
      </c>
      <c r="GW22" s="97">
        <v>83</v>
      </c>
      <c r="GX22" s="97">
        <v>60</v>
      </c>
      <c r="GY22" s="97">
        <v>29</v>
      </c>
      <c r="GZ22" s="97">
        <v>23</v>
      </c>
      <c r="HA22" s="97">
        <v>25</v>
      </c>
      <c r="HB22" s="99">
        <v>220</v>
      </c>
      <c r="HC22" s="100">
        <v>313</v>
      </c>
      <c r="HD22" s="107">
        <v>1</v>
      </c>
      <c r="HE22" s="102">
        <v>0</v>
      </c>
      <c r="HF22" s="103">
        <v>1</v>
      </c>
      <c r="HG22" s="413">
        <v>0</v>
      </c>
      <c r="HH22" s="102">
        <v>1</v>
      </c>
      <c r="HI22" s="102">
        <v>1</v>
      </c>
      <c r="HJ22" s="102">
        <v>1</v>
      </c>
      <c r="HK22" s="102">
        <v>1</v>
      </c>
      <c r="HL22" s="102">
        <v>0</v>
      </c>
      <c r="HM22" s="103">
        <v>4</v>
      </c>
      <c r="HN22" s="104">
        <v>5</v>
      </c>
      <c r="HO22" s="101">
        <v>3</v>
      </c>
      <c r="HP22" s="102">
        <v>3</v>
      </c>
      <c r="HQ22" s="103">
        <v>6</v>
      </c>
      <c r="HR22" s="413">
        <v>0</v>
      </c>
      <c r="HS22" s="102">
        <v>2</v>
      </c>
      <c r="HT22" s="102">
        <v>5</v>
      </c>
      <c r="HU22" s="102">
        <v>2</v>
      </c>
      <c r="HV22" s="102">
        <v>0</v>
      </c>
      <c r="HW22" s="102">
        <v>1</v>
      </c>
      <c r="HX22" s="103">
        <v>10</v>
      </c>
      <c r="HY22" s="104">
        <v>16</v>
      </c>
      <c r="HZ22" s="107">
        <v>3</v>
      </c>
      <c r="IA22" s="102">
        <v>3</v>
      </c>
      <c r="IB22" s="103">
        <v>6</v>
      </c>
      <c r="IC22" s="413">
        <v>0</v>
      </c>
      <c r="ID22" s="102">
        <v>3</v>
      </c>
      <c r="IE22" s="102">
        <v>4</v>
      </c>
      <c r="IF22" s="102">
        <v>1</v>
      </c>
      <c r="IG22" s="102">
        <v>1</v>
      </c>
      <c r="IH22" s="102">
        <v>1</v>
      </c>
      <c r="II22" s="103">
        <v>10</v>
      </c>
      <c r="IJ22" s="104">
        <v>16</v>
      </c>
      <c r="IK22" s="101">
        <v>10</v>
      </c>
      <c r="IL22" s="102">
        <v>8</v>
      </c>
      <c r="IM22" s="103">
        <v>18</v>
      </c>
      <c r="IN22" s="413">
        <v>0</v>
      </c>
      <c r="IO22" s="102">
        <v>20</v>
      </c>
      <c r="IP22" s="102">
        <v>13</v>
      </c>
      <c r="IQ22" s="102">
        <v>4</v>
      </c>
      <c r="IR22" s="102">
        <v>7</v>
      </c>
      <c r="IS22" s="102">
        <v>8</v>
      </c>
      <c r="IT22" s="103">
        <v>52</v>
      </c>
      <c r="IU22" s="104">
        <v>70</v>
      </c>
      <c r="IV22" s="107">
        <v>16</v>
      </c>
      <c r="IW22" s="102">
        <v>14</v>
      </c>
      <c r="IX22" s="103">
        <v>30</v>
      </c>
      <c r="IY22" s="413">
        <v>0</v>
      </c>
      <c r="IZ22" s="102">
        <v>29</v>
      </c>
      <c r="JA22" s="102">
        <v>12</v>
      </c>
      <c r="JB22" s="102">
        <v>9</v>
      </c>
      <c r="JC22" s="102">
        <v>9</v>
      </c>
      <c r="JD22" s="102">
        <v>11</v>
      </c>
      <c r="JE22" s="103">
        <v>70</v>
      </c>
      <c r="JF22" s="104">
        <v>100</v>
      </c>
      <c r="JG22" s="101">
        <v>17</v>
      </c>
      <c r="JH22" s="102">
        <v>15</v>
      </c>
      <c r="JI22" s="103">
        <v>32</v>
      </c>
      <c r="JJ22" s="413">
        <v>0</v>
      </c>
      <c r="JK22" s="102">
        <v>28</v>
      </c>
      <c r="JL22" s="102">
        <v>25</v>
      </c>
      <c r="JM22" s="102">
        <v>12</v>
      </c>
      <c r="JN22" s="102">
        <v>5</v>
      </c>
      <c r="JO22" s="102">
        <v>4</v>
      </c>
      <c r="JP22" s="103">
        <v>74</v>
      </c>
      <c r="JQ22" s="104">
        <v>106</v>
      </c>
      <c r="JR22" s="101">
        <v>0</v>
      </c>
      <c r="JS22" s="102">
        <v>0</v>
      </c>
      <c r="JT22" s="103">
        <v>0</v>
      </c>
      <c r="JU22" s="413">
        <v>0</v>
      </c>
      <c r="JV22" s="102">
        <v>0</v>
      </c>
      <c r="JW22" s="102">
        <v>0</v>
      </c>
      <c r="JX22" s="102">
        <v>0</v>
      </c>
      <c r="JY22" s="102">
        <v>0</v>
      </c>
      <c r="JZ22" s="102">
        <v>0</v>
      </c>
      <c r="KA22" s="103">
        <v>0</v>
      </c>
      <c r="KB22" s="104">
        <v>0</v>
      </c>
      <c r="KC22" s="101">
        <v>50</v>
      </c>
      <c r="KD22" s="102">
        <v>43</v>
      </c>
      <c r="KE22" s="103">
        <v>93</v>
      </c>
      <c r="KF22" s="413">
        <v>0</v>
      </c>
      <c r="KG22" s="102">
        <v>83</v>
      </c>
      <c r="KH22" s="102">
        <v>60</v>
      </c>
      <c r="KI22" s="102">
        <v>29</v>
      </c>
      <c r="KJ22" s="102">
        <v>23</v>
      </c>
      <c r="KK22" s="102">
        <v>25</v>
      </c>
      <c r="KL22" s="103">
        <v>220</v>
      </c>
      <c r="KM22" s="104">
        <v>313</v>
      </c>
    </row>
    <row r="23" spans="2:299" s="70" customFormat="1" ht="21" customHeight="1" x14ac:dyDescent="0.2">
      <c r="B23" s="106" t="s">
        <v>20</v>
      </c>
      <c r="C23" s="96">
        <v>71</v>
      </c>
      <c r="D23" s="97">
        <v>64</v>
      </c>
      <c r="E23" s="98">
        <v>135</v>
      </c>
      <c r="F23" s="413">
        <v>0</v>
      </c>
      <c r="G23" s="97">
        <v>132</v>
      </c>
      <c r="H23" s="97">
        <v>89</v>
      </c>
      <c r="I23" s="97">
        <v>52</v>
      </c>
      <c r="J23" s="97">
        <v>35</v>
      </c>
      <c r="K23" s="97">
        <v>15</v>
      </c>
      <c r="L23" s="99">
        <v>323</v>
      </c>
      <c r="M23" s="100">
        <v>458</v>
      </c>
      <c r="N23" s="101">
        <v>1</v>
      </c>
      <c r="O23" s="102">
        <v>1</v>
      </c>
      <c r="P23" s="103">
        <v>2</v>
      </c>
      <c r="Q23" s="413">
        <v>0</v>
      </c>
      <c r="R23" s="102">
        <v>4</v>
      </c>
      <c r="S23" s="102">
        <v>0</v>
      </c>
      <c r="T23" s="102">
        <v>4</v>
      </c>
      <c r="U23" s="102">
        <v>0</v>
      </c>
      <c r="V23" s="102">
        <v>0</v>
      </c>
      <c r="W23" s="103">
        <v>8</v>
      </c>
      <c r="X23" s="104">
        <v>10</v>
      </c>
      <c r="Y23" s="101">
        <v>2</v>
      </c>
      <c r="Z23" s="102">
        <v>3</v>
      </c>
      <c r="AA23" s="103">
        <v>5</v>
      </c>
      <c r="AB23" s="413">
        <v>0</v>
      </c>
      <c r="AC23" s="102">
        <v>6</v>
      </c>
      <c r="AD23" s="102">
        <v>2</v>
      </c>
      <c r="AE23" s="102">
        <v>1</v>
      </c>
      <c r="AF23" s="102">
        <v>4</v>
      </c>
      <c r="AG23" s="102">
        <v>0</v>
      </c>
      <c r="AH23" s="103">
        <v>13</v>
      </c>
      <c r="AI23" s="104">
        <v>18</v>
      </c>
      <c r="AJ23" s="101">
        <v>9</v>
      </c>
      <c r="AK23" s="102">
        <v>4</v>
      </c>
      <c r="AL23" s="103">
        <v>13</v>
      </c>
      <c r="AM23" s="413">
        <v>0</v>
      </c>
      <c r="AN23" s="102">
        <v>12</v>
      </c>
      <c r="AO23" s="102">
        <v>5</v>
      </c>
      <c r="AP23" s="102">
        <v>6</v>
      </c>
      <c r="AQ23" s="102">
        <v>4</v>
      </c>
      <c r="AR23" s="102">
        <v>1</v>
      </c>
      <c r="AS23" s="103">
        <v>28</v>
      </c>
      <c r="AT23" s="104">
        <v>41</v>
      </c>
      <c r="AU23" s="101">
        <v>17</v>
      </c>
      <c r="AV23" s="102">
        <v>17</v>
      </c>
      <c r="AW23" s="103">
        <v>34</v>
      </c>
      <c r="AX23" s="413">
        <v>0</v>
      </c>
      <c r="AY23" s="102">
        <v>33</v>
      </c>
      <c r="AZ23" s="102">
        <v>19</v>
      </c>
      <c r="BA23" s="102">
        <v>8</v>
      </c>
      <c r="BB23" s="102">
        <v>6</v>
      </c>
      <c r="BC23" s="102">
        <v>7</v>
      </c>
      <c r="BD23" s="103">
        <v>73</v>
      </c>
      <c r="BE23" s="104">
        <v>107</v>
      </c>
      <c r="BF23" s="101">
        <v>22</v>
      </c>
      <c r="BG23" s="102">
        <v>21</v>
      </c>
      <c r="BH23" s="103">
        <v>43</v>
      </c>
      <c r="BI23" s="413">
        <v>0</v>
      </c>
      <c r="BJ23" s="102">
        <v>46</v>
      </c>
      <c r="BK23" s="102">
        <v>31</v>
      </c>
      <c r="BL23" s="102">
        <v>19</v>
      </c>
      <c r="BM23" s="102">
        <v>12</v>
      </c>
      <c r="BN23" s="102">
        <v>3</v>
      </c>
      <c r="BO23" s="103">
        <v>111</v>
      </c>
      <c r="BP23" s="104">
        <v>154</v>
      </c>
      <c r="BQ23" s="101">
        <v>20</v>
      </c>
      <c r="BR23" s="102">
        <v>18</v>
      </c>
      <c r="BS23" s="103">
        <v>38</v>
      </c>
      <c r="BT23" s="413">
        <v>0</v>
      </c>
      <c r="BU23" s="102">
        <v>31</v>
      </c>
      <c r="BV23" s="102">
        <v>32</v>
      </c>
      <c r="BW23" s="102">
        <v>14</v>
      </c>
      <c r="BX23" s="102">
        <v>9</v>
      </c>
      <c r="BY23" s="102">
        <v>4</v>
      </c>
      <c r="BZ23" s="103">
        <v>90</v>
      </c>
      <c r="CA23" s="104">
        <v>128</v>
      </c>
      <c r="CB23" s="101">
        <v>0</v>
      </c>
      <c r="CC23" s="102">
        <v>0</v>
      </c>
      <c r="CD23" s="103">
        <v>0</v>
      </c>
      <c r="CE23" s="413">
        <v>0</v>
      </c>
      <c r="CF23" s="102">
        <v>0</v>
      </c>
      <c r="CG23" s="102">
        <v>0</v>
      </c>
      <c r="CH23" s="102">
        <v>0</v>
      </c>
      <c r="CI23" s="102">
        <v>0</v>
      </c>
      <c r="CJ23" s="102">
        <v>0</v>
      </c>
      <c r="CK23" s="103">
        <v>0</v>
      </c>
      <c r="CL23" s="104">
        <v>0</v>
      </c>
      <c r="CM23" s="101">
        <v>71</v>
      </c>
      <c r="CN23" s="102">
        <v>64</v>
      </c>
      <c r="CO23" s="103">
        <v>135</v>
      </c>
      <c r="CP23" s="413">
        <v>0</v>
      </c>
      <c r="CQ23" s="102">
        <v>132</v>
      </c>
      <c r="CR23" s="102">
        <v>89</v>
      </c>
      <c r="CS23" s="102">
        <v>52</v>
      </c>
      <c r="CT23" s="102">
        <v>35</v>
      </c>
      <c r="CU23" s="102">
        <v>15</v>
      </c>
      <c r="CV23" s="103">
        <v>323</v>
      </c>
      <c r="CW23" s="104">
        <v>458</v>
      </c>
      <c r="CX23" s="105">
        <v>9</v>
      </c>
      <c r="CY23" s="97">
        <v>8</v>
      </c>
      <c r="CZ23" s="98">
        <v>17</v>
      </c>
      <c r="DA23" s="413">
        <v>0</v>
      </c>
      <c r="DB23" s="97">
        <v>17</v>
      </c>
      <c r="DC23" s="97">
        <v>1</v>
      </c>
      <c r="DD23" s="97">
        <v>7</v>
      </c>
      <c r="DE23" s="97">
        <v>7</v>
      </c>
      <c r="DF23" s="97">
        <v>4</v>
      </c>
      <c r="DG23" s="99">
        <v>36</v>
      </c>
      <c r="DH23" s="100">
        <v>53</v>
      </c>
      <c r="DI23" s="101">
        <v>1</v>
      </c>
      <c r="DJ23" s="102">
        <v>0</v>
      </c>
      <c r="DK23" s="103">
        <v>1</v>
      </c>
      <c r="DL23" s="413">
        <v>0</v>
      </c>
      <c r="DM23" s="102">
        <v>0</v>
      </c>
      <c r="DN23" s="102">
        <v>0</v>
      </c>
      <c r="DO23" s="102">
        <v>0</v>
      </c>
      <c r="DP23" s="102">
        <v>0</v>
      </c>
      <c r="DQ23" s="102">
        <v>0</v>
      </c>
      <c r="DR23" s="103">
        <v>0</v>
      </c>
      <c r="DS23" s="104">
        <v>1</v>
      </c>
      <c r="DT23" s="101">
        <v>1</v>
      </c>
      <c r="DU23" s="102">
        <v>0</v>
      </c>
      <c r="DV23" s="103">
        <v>1</v>
      </c>
      <c r="DW23" s="413">
        <v>0</v>
      </c>
      <c r="DX23" s="102">
        <v>0</v>
      </c>
      <c r="DY23" s="102">
        <v>0</v>
      </c>
      <c r="DZ23" s="102">
        <v>0</v>
      </c>
      <c r="EA23" s="102">
        <v>0</v>
      </c>
      <c r="EB23" s="102">
        <v>0</v>
      </c>
      <c r="EC23" s="103">
        <v>0</v>
      </c>
      <c r="ED23" s="104">
        <v>1</v>
      </c>
      <c r="EE23" s="101">
        <v>2</v>
      </c>
      <c r="EF23" s="102">
        <v>0</v>
      </c>
      <c r="EG23" s="103">
        <v>2</v>
      </c>
      <c r="EH23" s="413">
        <v>0</v>
      </c>
      <c r="EI23" s="102">
        <v>4</v>
      </c>
      <c r="EJ23" s="102">
        <v>0</v>
      </c>
      <c r="EK23" s="102">
        <v>4</v>
      </c>
      <c r="EL23" s="102">
        <v>0</v>
      </c>
      <c r="EM23" s="102">
        <v>0</v>
      </c>
      <c r="EN23" s="103">
        <v>8</v>
      </c>
      <c r="EO23" s="104">
        <v>10</v>
      </c>
      <c r="EP23" s="101">
        <v>3</v>
      </c>
      <c r="EQ23" s="102">
        <v>4</v>
      </c>
      <c r="ER23" s="103">
        <v>7</v>
      </c>
      <c r="ES23" s="413">
        <v>0</v>
      </c>
      <c r="ET23" s="102">
        <v>2</v>
      </c>
      <c r="EU23" s="102">
        <v>0</v>
      </c>
      <c r="EV23" s="102">
        <v>2</v>
      </c>
      <c r="EW23" s="102">
        <v>2</v>
      </c>
      <c r="EX23" s="102">
        <v>0</v>
      </c>
      <c r="EY23" s="103">
        <v>6</v>
      </c>
      <c r="EZ23" s="104">
        <v>13</v>
      </c>
      <c r="FA23" s="101">
        <v>2</v>
      </c>
      <c r="FB23" s="102">
        <v>3</v>
      </c>
      <c r="FC23" s="103">
        <v>5</v>
      </c>
      <c r="FD23" s="413">
        <v>0</v>
      </c>
      <c r="FE23" s="102">
        <v>2</v>
      </c>
      <c r="FF23" s="102">
        <v>0</v>
      </c>
      <c r="FG23" s="102">
        <v>0</v>
      </c>
      <c r="FH23" s="102">
        <v>2</v>
      </c>
      <c r="FI23" s="102">
        <v>2</v>
      </c>
      <c r="FJ23" s="103">
        <v>6</v>
      </c>
      <c r="FK23" s="104">
        <v>11</v>
      </c>
      <c r="FL23" s="101">
        <v>0</v>
      </c>
      <c r="FM23" s="102">
        <v>1</v>
      </c>
      <c r="FN23" s="103">
        <v>1</v>
      </c>
      <c r="FO23" s="413">
        <v>0</v>
      </c>
      <c r="FP23" s="102">
        <v>9</v>
      </c>
      <c r="FQ23" s="102">
        <v>1</v>
      </c>
      <c r="FR23" s="102">
        <v>1</v>
      </c>
      <c r="FS23" s="102">
        <v>3</v>
      </c>
      <c r="FT23" s="102">
        <v>2</v>
      </c>
      <c r="FU23" s="103">
        <v>16</v>
      </c>
      <c r="FV23" s="104">
        <v>17</v>
      </c>
      <c r="FW23" s="101">
        <v>0</v>
      </c>
      <c r="FX23" s="102">
        <v>0</v>
      </c>
      <c r="FY23" s="103">
        <v>0</v>
      </c>
      <c r="FZ23" s="413">
        <v>0</v>
      </c>
      <c r="GA23" s="102">
        <v>0</v>
      </c>
      <c r="GB23" s="102">
        <v>0</v>
      </c>
      <c r="GC23" s="102">
        <v>0</v>
      </c>
      <c r="GD23" s="102">
        <v>0</v>
      </c>
      <c r="GE23" s="102">
        <v>0</v>
      </c>
      <c r="GF23" s="103">
        <v>0</v>
      </c>
      <c r="GG23" s="104">
        <v>0</v>
      </c>
      <c r="GH23" s="101">
        <v>9</v>
      </c>
      <c r="GI23" s="102">
        <v>8</v>
      </c>
      <c r="GJ23" s="103">
        <v>17</v>
      </c>
      <c r="GK23" s="413">
        <v>0</v>
      </c>
      <c r="GL23" s="102">
        <v>17</v>
      </c>
      <c r="GM23" s="102">
        <v>1</v>
      </c>
      <c r="GN23" s="102">
        <v>7</v>
      </c>
      <c r="GO23" s="102">
        <v>7</v>
      </c>
      <c r="GP23" s="102">
        <v>4</v>
      </c>
      <c r="GQ23" s="103">
        <v>36</v>
      </c>
      <c r="GR23" s="104">
        <v>53</v>
      </c>
      <c r="GS23" s="105">
        <v>80</v>
      </c>
      <c r="GT23" s="97">
        <v>72</v>
      </c>
      <c r="GU23" s="98">
        <v>152</v>
      </c>
      <c r="GV23" s="413">
        <v>0</v>
      </c>
      <c r="GW23" s="97">
        <v>149</v>
      </c>
      <c r="GX23" s="97">
        <v>90</v>
      </c>
      <c r="GY23" s="97">
        <v>59</v>
      </c>
      <c r="GZ23" s="97">
        <v>42</v>
      </c>
      <c r="HA23" s="97">
        <v>19</v>
      </c>
      <c r="HB23" s="99">
        <v>359</v>
      </c>
      <c r="HC23" s="100">
        <v>511</v>
      </c>
      <c r="HD23" s="101">
        <v>2</v>
      </c>
      <c r="HE23" s="102">
        <v>1</v>
      </c>
      <c r="HF23" s="103">
        <v>3</v>
      </c>
      <c r="HG23" s="413">
        <v>0</v>
      </c>
      <c r="HH23" s="102">
        <v>4</v>
      </c>
      <c r="HI23" s="102">
        <v>0</v>
      </c>
      <c r="HJ23" s="102">
        <v>4</v>
      </c>
      <c r="HK23" s="102">
        <v>0</v>
      </c>
      <c r="HL23" s="102">
        <v>0</v>
      </c>
      <c r="HM23" s="103">
        <v>8</v>
      </c>
      <c r="HN23" s="104">
        <v>11</v>
      </c>
      <c r="HO23" s="101">
        <v>3</v>
      </c>
      <c r="HP23" s="102">
        <v>3</v>
      </c>
      <c r="HQ23" s="103">
        <v>6</v>
      </c>
      <c r="HR23" s="413">
        <v>0</v>
      </c>
      <c r="HS23" s="102">
        <v>6</v>
      </c>
      <c r="HT23" s="102">
        <v>2</v>
      </c>
      <c r="HU23" s="102">
        <v>1</v>
      </c>
      <c r="HV23" s="102">
        <v>4</v>
      </c>
      <c r="HW23" s="102">
        <v>0</v>
      </c>
      <c r="HX23" s="103">
        <v>13</v>
      </c>
      <c r="HY23" s="104">
        <v>19</v>
      </c>
      <c r="HZ23" s="101">
        <v>11</v>
      </c>
      <c r="IA23" s="102">
        <v>4</v>
      </c>
      <c r="IB23" s="103">
        <v>15</v>
      </c>
      <c r="IC23" s="413">
        <v>0</v>
      </c>
      <c r="ID23" s="102">
        <v>16</v>
      </c>
      <c r="IE23" s="102">
        <v>5</v>
      </c>
      <c r="IF23" s="102">
        <v>10</v>
      </c>
      <c r="IG23" s="102">
        <v>4</v>
      </c>
      <c r="IH23" s="102">
        <v>1</v>
      </c>
      <c r="II23" s="103">
        <v>36</v>
      </c>
      <c r="IJ23" s="104">
        <v>51</v>
      </c>
      <c r="IK23" s="101">
        <v>20</v>
      </c>
      <c r="IL23" s="102">
        <v>21</v>
      </c>
      <c r="IM23" s="103">
        <v>41</v>
      </c>
      <c r="IN23" s="413">
        <v>0</v>
      </c>
      <c r="IO23" s="102">
        <v>35</v>
      </c>
      <c r="IP23" s="102">
        <v>19</v>
      </c>
      <c r="IQ23" s="102">
        <v>10</v>
      </c>
      <c r="IR23" s="102">
        <v>8</v>
      </c>
      <c r="IS23" s="102">
        <v>7</v>
      </c>
      <c r="IT23" s="103">
        <v>79</v>
      </c>
      <c r="IU23" s="104">
        <v>120</v>
      </c>
      <c r="IV23" s="101">
        <v>24</v>
      </c>
      <c r="IW23" s="102">
        <v>24</v>
      </c>
      <c r="IX23" s="103">
        <v>48</v>
      </c>
      <c r="IY23" s="413">
        <v>0</v>
      </c>
      <c r="IZ23" s="102">
        <v>48</v>
      </c>
      <c r="JA23" s="102">
        <v>31</v>
      </c>
      <c r="JB23" s="102">
        <v>19</v>
      </c>
      <c r="JC23" s="102">
        <v>14</v>
      </c>
      <c r="JD23" s="102">
        <v>5</v>
      </c>
      <c r="JE23" s="103">
        <v>117</v>
      </c>
      <c r="JF23" s="104">
        <v>165</v>
      </c>
      <c r="JG23" s="101">
        <v>20</v>
      </c>
      <c r="JH23" s="102">
        <v>19</v>
      </c>
      <c r="JI23" s="103">
        <v>39</v>
      </c>
      <c r="JJ23" s="413">
        <v>0</v>
      </c>
      <c r="JK23" s="102">
        <v>40</v>
      </c>
      <c r="JL23" s="102">
        <v>33</v>
      </c>
      <c r="JM23" s="102">
        <v>15</v>
      </c>
      <c r="JN23" s="102">
        <v>12</v>
      </c>
      <c r="JO23" s="102">
        <v>6</v>
      </c>
      <c r="JP23" s="103">
        <v>106</v>
      </c>
      <c r="JQ23" s="104">
        <v>145</v>
      </c>
      <c r="JR23" s="101">
        <v>0</v>
      </c>
      <c r="JS23" s="102">
        <v>0</v>
      </c>
      <c r="JT23" s="103">
        <v>0</v>
      </c>
      <c r="JU23" s="413">
        <v>0</v>
      </c>
      <c r="JV23" s="102">
        <v>0</v>
      </c>
      <c r="JW23" s="102">
        <v>0</v>
      </c>
      <c r="JX23" s="102">
        <v>0</v>
      </c>
      <c r="JY23" s="102">
        <v>0</v>
      </c>
      <c r="JZ23" s="102">
        <v>0</v>
      </c>
      <c r="KA23" s="103">
        <v>0</v>
      </c>
      <c r="KB23" s="104">
        <v>0</v>
      </c>
      <c r="KC23" s="101">
        <v>80</v>
      </c>
      <c r="KD23" s="102">
        <v>72</v>
      </c>
      <c r="KE23" s="103">
        <v>152</v>
      </c>
      <c r="KF23" s="413">
        <v>0</v>
      </c>
      <c r="KG23" s="102">
        <v>149</v>
      </c>
      <c r="KH23" s="102">
        <v>90</v>
      </c>
      <c r="KI23" s="102">
        <v>59</v>
      </c>
      <c r="KJ23" s="102">
        <v>42</v>
      </c>
      <c r="KK23" s="102">
        <v>19</v>
      </c>
      <c r="KL23" s="103">
        <v>359</v>
      </c>
      <c r="KM23" s="104">
        <v>511</v>
      </c>
    </row>
    <row r="24" spans="2:299" s="70" customFormat="1" ht="21" customHeight="1" x14ac:dyDescent="0.2">
      <c r="B24" s="106" t="s">
        <v>21</v>
      </c>
      <c r="C24" s="96">
        <v>58</v>
      </c>
      <c r="D24" s="97">
        <v>50</v>
      </c>
      <c r="E24" s="98">
        <v>108</v>
      </c>
      <c r="F24" s="413">
        <v>0</v>
      </c>
      <c r="G24" s="97">
        <v>69</v>
      </c>
      <c r="H24" s="97">
        <v>66</v>
      </c>
      <c r="I24" s="97">
        <v>40</v>
      </c>
      <c r="J24" s="97">
        <v>24</v>
      </c>
      <c r="K24" s="97">
        <v>13</v>
      </c>
      <c r="L24" s="99">
        <v>212</v>
      </c>
      <c r="M24" s="100">
        <v>320</v>
      </c>
      <c r="N24" s="101">
        <v>2</v>
      </c>
      <c r="O24" s="102">
        <v>0</v>
      </c>
      <c r="P24" s="103">
        <v>2</v>
      </c>
      <c r="Q24" s="413">
        <v>0</v>
      </c>
      <c r="R24" s="102">
        <v>1</v>
      </c>
      <c r="S24" s="102">
        <v>3</v>
      </c>
      <c r="T24" s="102">
        <v>1</v>
      </c>
      <c r="U24" s="102">
        <v>0</v>
      </c>
      <c r="V24" s="102">
        <v>2</v>
      </c>
      <c r="W24" s="103">
        <v>7</v>
      </c>
      <c r="X24" s="104">
        <v>9</v>
      </c>
      <c r="Y24" s="101">
        <v>3</v>
      </c>
      <c r="Z24" s="102">
        <v>2</v>
      </c>
      <c r="AA24" s="103">
        <v>5</v>
      </c>
      <c r="AB24" s="413">
        <v>0</v>
      </c>
      <c r="AC24" s="102">
        <v>2</v>
      </c>
      <c r="AD24" s="102">
        <v>1</v>
      </c>
      <c r="AE24" s="102">
        <v>1</v>
      </c>
      <c r="AF24" s="102">
        <v>0</v>
      </c>
      <c r="AG24" s="102">
        <v>0</v>
      </c>
      <c r="AH24" s="103">
        <v>4</v>
      </c>
      <c r="AI24" s="104">
        <v>9</v>
      </c>
      <c r="AJ24" s="101">
        <v>8</v>
      </c>
      <c r="AK24" s="102">
        <v>7</v>
      </c>
      <c r="AL24" s="103">
        <v>15</v>
      </c>
      <c r="AM24" s="413">
        <v>0</v>
      </c>
      <c r="AN24" s="102">
        <v>6</v>
      </c>
      <c r="AO24" s="102">
        <v>11</v>
      </c>
      <c r="AP24" s="102">
        <v>4</v>
      </c>
      <c r="AQ24" s="102">
        <v>2</v>
      </c>
      <c r="AR24" s="102">
        <v>0</v>
      </c>
      <c r="AS24" s="103">
        <v>23</v>
      </c>
      <c r="AT24" s="104">
        <v>38</v>
      </c>
      <c r="AU24" s="101">
        <v>11</v>
      </c>
      <c r="AV24" s="102">
        <v>11</v>
      </c>
      <c r="AW24" s="103">
        <v>22</v>
      </c>
      <c r="AX24" s="413">
        <v>0</v>
      </c>
      <c r="AY24" s="102">
        <v>14</v>
      </c>
      <c r="AZ24" s="102">
        <v>14</v>
      </c>
      <c r="BA24" s="102">
        <v>12</v>
      </c>
      <c r="BB24" s="102">
        <v>6</v>
      </c>
      <c r="BC24" s="102">
        <v>2</v>
      </c>
      <c r="BD24" s="103">
        <v>48</v>
      </c>
      <c r="BE24" s="104">
        <v>70</v>
      </c>
      <c r="BF24" s="101">
        <v>15</v>
      </c>
      <c r="BG24" s="102">
        <v>14</v>
      </c>
      <c r="BH24" s="103">
        <v>29</v>
      </c>
      <c r="BI24" s="413">
        <v>0</v>
      </c>
      <c r="BJ24" s="102">
        <v>25</v>
      </c>
      <c r="BK24" s="102">
        <v>19</v>
      </c>
      <c r="BL24" s="102">
        <v>10</v>
      </c>
      <c r="BM24" s="102">
        <v>7</v>
      </c>
      <c r="BN24" s="102">
        <v>1</v>
      </c>
      <c r="BO24" s="103">
        <v>62</v>
      </c>
      <c r="BP24" s="104">
        <v>91</v>
      </c>
      <c r="BQ24" s="101">
        <v>19</v>
      </c>
      <c r="BR24" s="102">
        <v>16</v>
      </c>
      <c r="BS24" s="103">
        <v>35</v>
      </c>
      <c r="BT24" s="413">
        <v>0</v>
      </c>
      <c r="BU24" s="102">
        <v>21</v>
      </c>
      <c r="BV24" s="102">
        <v>18</v>
      </c>
      <c r="BW24" s="102">
        <v>12</v>
      </c>
      <c r="BX24" s="102">
        <v>9</v>
      </c>
      <c r="BY24" s="102">
        <v>8</v>
      </c>
      <c r="BZ24" s="103">
        <v>68</v>
      </c>
      <c r="CA24" s="104">
        <v>103</v>
      </c>
      <c r="CB24" s="101">
        <v>0</v>
      </c>
      <c r="CC24" s="102">
        <v>0</v>
      </c>
      <c r="CD24" s="103">
        <v>0</v>
      </c>
      <c r="CE24" s="413">
        <v>0</v>
      </c>
      <c r="CF24" s="102">
        <v>0</v>
      </c>
      <c r="CG24" s="102">
        <v>0</v>
      </c>
      <c r="CH24" s="102">
        <v>0</v>
      </c>
      <c r="CI24" s="102">
        <v>0</v>
      </c>
      <c r="CJ24" s="102">
        <v>0</v>
      </c>
      <c r="CK24" s="103">
        <v>0</v>
      </c>
      <c r="CL24" s="104">
        <v>0</v>
      </c>
      <c r="CM24" s="101">
        <v>58</v>
      </c>
      <c r="CN24" s="102">
        <v>50</v>
      </c>
      <c r="CO24" s="103">
        <v>108</v>
      </c>
      <c r="CP24" s="413">
        <v>0</v>
      </c>
      <c r="CQ24" s="102">
        <v>69</v>
      </c>
      <c r="CR24" s="102">
        <v>66</v>
      </c>
      <c r="CS24" s="102">
        <v>40</v>
      </c>
      <c r="CT24" s="102">
        <v>24</v>
      </c>
      <c r="CU24" s="102">
        <v>13</v>
      </c>
      <c r="CV24" s="103">
        <v>212</v>
      </c>
      <c r="CW24" s="104">
        <v>320</v>
      </c>
      <c r="CX24" s="105">
        <v>6</v>
      </c>
      <c r="CY24" s="97">
        <v>5</v>
      </c>
      <c r="CZ24" s="98">
        <v>11</v>
      </c>
      <c r="DA24" s="413">
        <v>0</v>
      </c>
      <c r="DB24" s="97">
        <v>10</v>
      </c>
      <c r="DC24" s="97">
        <v>10</v>
      </c>
      <c r="DD24" s="97">
        <v>3</v>
      </c>
      <c r="DE24" s="97">
        <v>8</v>
      </c>
      <c r="DF24" s="97">
        <v>4</v>
      </c>
      <c r="DG24" s="99">
        <v>35</v>
      </c>
      <c r="DH24" s="100">
        <v>46</v>
      </c>
      <c r="DI24" s="101">
        <v>0</v>
      </c>
      <c r="DJ24" s="102">
        <v>0</v>
      </c>
      <c r="DK24" s="103">
        <v>0</v>
      </c>
      <c r="DL24" s="413">
        <v>0</v>
      </c>
      <c r="DM24" s="102">
        <v>1</v>
      </c>
      <c r="DN24" s="102">
        <v>0</v>
      </c>
      <c r="DO24" s="102">
        <v>0</v>
      </c>
      <c r="DP24" s="102">
        <v>0</v>
      </c>
      <c r="DQ24" s="102">
        <v>0</v>
      </c>
      <c r="DR24" s="103">
        <v>1</v>
      </c>
      <c r="DS24" s="104">
        <v>1</v>
      </c>
      <c r="DT24" s="101">
        <v>1</v>
      </c>
      <c r="DU24" s="102">
        <v>0</v>
      </c>
      <c r="DV24" s="103">
        <v>1</v>
      </c>
      <c r="DW24" s="413">
        <v>0</v>
      </c>
      <c r="DX24" s="102">
        <v>0</v>
      </c>
      <c r="DY24" s="102">
        <v>1</v>
      </c>
      <c r="DZ24" s="102">
        <v>0</v>
      </c>
      <c r="EA24" s="102">
        <v>0</v>
      </c>
      <c r="EB24" s="102">
        <v>0</v>
      </c>
      <c r="EC24" s="103">
        <v>1</v>
      </c>
      <c r="ED24" s="104">
        <v>2</v>
      </c>
      <c r="EE24" s="101">
        <v>0</v>
      </c>
      <c r="EF24" s="102">
        <v>0</v>
      </c>
      <c r="EG24" s="103">
        <v>0</v>
      </c>
      <c r="EH24" s="413">
        <v>0</v>
      </c>
      <c r="EI24" s="102">
        <v>0</v>
      </c>
      <c r="EJ24" s="102">
        <v>0</v>
      </c>
      <c r="EK24" s="102">
        <v>0</v>
      </c>
      <c r="EL24" s="102">
        <v>0</v>
      </c>
      <c r="EM24" s="102">
        <v>0</v>
      </c>
      <c r="EN24" s="103">
        <v>0</v>
      </c>
      <c r="EO24" s="104">
        <v>0</v>
      </c>
      <c r="EP24" s="101">
        <v>1</v>
      </c>
      <c r="EQ24" s="102">
        <v>2</v>
      </c>
      <c r="ER24" s="103">
        <v>3</v>
      </c>
      <c r="ES24" s="413">
        <v>0</v>
      </c>
      <c r="ET24" s="102">
        <v>1</v>
      </c>
      <c r="EU24" s="102">
        <v>1</v>
      </c>
      <c r="EV24" s="102">
        <v>1</v>
      </c>
      <c r="EW24" s="102">
        <v>0</v>
      </c>
      <c r="EX24" s="102">
        <v>1</v>
      </c>
      <c r="EY24" s="103">
        <v>4</v>
      </c>
      <c r="EZ24" s="104">
        <v>7</v>
      </c>
      <c r="FA24" s="101">
        <v>2</v>
      </c>
      <c r="FB24" s="102">
        <v>2</v>
      </c>
      <c r="FC24" s="103">
        <v>4</v>
      </c>
      <c r="FD24" s="413">
        <v>0</v>
      </c>
      <c r="FE24" s="102">
        <v>6</v>
      </c>
      <c r="FF24" s="102">
        <v>3</v>
      </c>
      <c r="FG24" s="102">
        <v>1</v>
      </c>
      <c r="FH24" s="102">
        <v>2</v>
      </c>
      <c r="FI24" s="102">
        <v>2</v>
      </c>
      <c r="FJ24" s="103">
        <v>14</v>
      </c>
      <c r="FK24" s="104">
        <v>18</v>
      </c>
      <c r="FL24" s="101">
        <v>2</v>
      </c>
      <c r="FM24" s="102">
        <v>1</v>
      </c>
      <c r="FN24" s="103">
        <v>3</v>
      </c>
      <c r="FO24" s="413">
        <v>0</v>
      </c>
      <c r="FP24" s="102">
        <v>2</v>
      </c>
      <c r="FQ24" s="102">
        <v>5</v>
      </c>
      <c r="FR24" s="102">
        <v>1</v>
      </c>
      <c r="FS24" s="102">
        <v>6</v>
      </c>
      <c r="FT24" s="102">
        <v>1</v>
      </c>
      <c r="FU24" s="103">
        <v>15</v>
      </c>
      <c r="FV24" s="104">
        <v>18</v>
      </c>
      <c r="FW24" s="101">
        <v>0</v>
      </c>
      <c r="FX24" s="102">
        <v>0</v>
      </c>
      <c r="FY24" s="103">
        <v>0</v>
      </c>
      <c r="FZ24" s="413">
        <v>0</v>
      </c>
      <c r="GA24" s="102">
        <v>0</v>
      </c>
      <c r="GB24" s="102">
        <v>0</v>
      </c>
      <c r="GC24" s="102">
        <v>0</v>
      </c>
      <c r="GD24" s="102">
        <v>0</v>
      </c>
      <c r="GE24" s="102">
        <v>0</v>
      </c>
      <c r="GF24" s="103">
        <v>0</v>
      </c>
      <c r="GG24" s="104">
        <v>0</v>
      </c>
      <c r="GH24" s="101">
        <v>6</v>
      </c>
      <c r="GI24" s="102">
        <v>5</v>
      </c>
      <c r="GJ24" s="103">
        <v>11</v>
      </c>
      <c r="GK24" s="413">
        <v>0</v>
      </c>
      <c r="GL24" s="102">
        <v>10</v>
      </c>
      <c r="GM24" s="102">
        <v>10</v>
      </c>
      <c r="GN24" s="102">
        <v>3</v>
      </c>
      <c r="GO24" s="102">
        <v>8</v>
      </c>
      <c r="GP24" s="102">
        <v>4</v>
      </c>
      <c r="GQ24" s="103">
        <v>35</v>
      </c>
      <c r="GR24" s="104">
        <v>46</v>
      </c>
      <c r="GS24" s="105">
        <v>64</v>
      </c>
      <c r="GT24" s="97">
        <v>55</v>
      </c>
      <c r="GU24" s="98">
        <v>119</v>
      </c>
      <c r="GV24" s="413">
        <v>0</v>
      </c>
      <c r="GW24" s="97">
        <v>79</v>
      </c>
      <c r="GX24" s="97">
        <v>76</v>
      </c>
      <c r="GY24" s="97">
        <v>43</v>
      </c>
      <c r="GZ24" s="97">
        <v>32</v>
      </c>
      <c r="HA24" s="97">
        <v>17</v>
      </c>
      <c r="HB24" s="99">
        <v>247</v>
      </c>
      <c r="HC24" s="100">
        <v>366</v>
      </c>
      <c r="HD24" s="101">
        <v>2</v>
      </c>
      <c r="HE24" s="102">
        <v>0</v>
      </c>
      <c r="HF24" s="103">
        <v>2</v>
      </c>
      <c r="HG24" s="413">
        <v>0</v>
      </c>
      <c r="HH24" s="102">
        <v>2</v>
      </c>
      <c r="HI24" s="102">
        <v>3</v>
      </c>
      <c r="HJ24" s="102">
        <v>1</v>
      </c>
      <c r="HK24" s="102">
        <v>0</v>
      </c>
      <c r="HL24" s="102">
        <v>2</v>
      </c>
      <c r="HM24" s="103">
        <v>8</v>
      </c>
      <c r="HN24" s="104">
        <v>10</v>
      </c>
      <c r="HO24" s="101">
        <v>4</v>
      </c>
      <c r="HP24" s="102">
        <v>2</v>
      </c>
      <c r="HQ24" s="103">
        <v>6</v>
      </c>
      <c r="HR24" s="413">
        <v>0</v>
      </c>
      <c r="HS24" s="102">
        <v>2</v>
      </c>
      <c r="HT24" s="102">
        <v>2</v>
      </c>
      <c r="HU24" s="102">
        <v>1</v>
      </c>
      <c r="HV24" s="102">
        <v>0</v>
      </c>
      <c r="HW24" s="102">
        <v>0</v>
      </c>
      <c r="HX24" s="103">
        <v>5</v>
      </c>
      <c r="HY24" s="104">
        <v>11</v>
      </c>
      <c r="HZ24" s="101">
        <v>8</v>
      </c>
      <c r="IA24" s="102">
        <v>7</v>
      </c>
      <c r="IB24" s="103">
        <v>15</v>
      </c>
      <c r="IC24" s="413">
        <v>0</v>
      </c>
      <c r="ID24" s="102">
        <v>6</v>
      </c>
      <c r="IE24" s="102">
        <v>11</v>
      </c>
      <c r="IF24" s="102">
        <v>4</v>
      </c>
      <c r="IG24" s="102">
        <v>2</v>
      </c>
      <c r="IH24" s="102">
        <v>0</v>
      </c>
      <c r="II24" s="103">
        <v>23</v>
      </c>
      <c r="IJ24" s="104">
        <v>38</v>
      </c>
      <c r="IK24" s="101">
        <v>12</v>
      </c>
      <c r="IL24" s="102">
        <v>13</v>
      </c>
      <c r="IM24" s="103">
        <v>25</v>
      </c>
      <c r="IN24" s="413">
        <v>0</v>
      </c>
      <c r="IO24" s="102">
        <v>15</v>
      </c>
      <c r="IP24" s="102">
        <v>15</v>
      </c>
      <c r="IQ24" s="102">
        <v>13</v>
      </c>
      <c r="IR24" s="102">
        <v>6</v>
      </c>
      <c r="IS24" s="102">
        <v>3</v>
      </c>
      <c r="IT24" s="103">
        <v>52</v>
      </c>
      <c r="IU24" s="104">
        <v>77</v>
      </c>
      <c r="IV24" s="101">
        <v>17</v>
      </c>
      <c r="IW24" s="102">
        <v>16</v>
      </c>
      <c r="IX24" s="103">
        <v>33</v>
      </c>
      <c r="IY24" s="413">
        <v>0</v>
      </c>
      <c r="IZ24" s="102">
        <v>31</v>
      </c>
      <c r="JA24" s="102">
        <v>22</v>
      </c>
      <c r="JB24" s="102">
        <v>11</v>
      </c>
      <c r="JC24" s="102">
        <v>9</v>
      </c>
      <c r="JD24" s="102">
        <v>3</v>
      </c>
      <c r="JE24" s="103">
        <v>76</v>
      </c>
      <c r="JF24" s="104">
        <v>109</v>
      </c>
      <c r="JG24" s="101">
        <v>21</v>
      </c>
      <c r="JH24" s="102">
        <v>17</v>
      </c>
      <c r="JI24" s="103">
        <v>38</v>
      </c>
      <c r="JJ24" s="413">
        <v>0</v>
      </c>
      <c r="JK24" s="102">
        <v>23</v>
      </c>
      <c r="JL24" s="102">
        <v>23</v>
      </c>
      <c r="JM24" s="102">
        <v>13</v>
      </c>
      <c r="JN24" s="102">
        <v>15</v>
      </c>
      <c r="JO24" s="102">
        <v>9</v>
      </c>
      <c r="JP24" s="103">
        <v>83</v>
      </c>
      <c r="JQ24" s="104">
        <v>121</v>
      </c>
      <c r="JR24" s="101">
        <v>0</v>
      </c>
      <c r="JS24" s="102">
        <v>0</v>
      </c>
      <c r="JT24" s="103">
        <v>0</v>
      </c>
      <c r="JU24" s="413">
        <v>0</v>
      </c>
      <c r="JV24" s="102">
        <v>0</v>
      </c>
      <c r="JW24" s="102">
        <v>0</v>
      </c>
      <c r="JX24" s="102">
        <v>0</v>
      </c>
      <c r="JY24" s="102">
        <v>0</v>
      </c>
      <c r="JZ24" s="102">
        <v>0</v>
      </c>
      <c r="KA24" s="103">
        <v>0</v>
      </c>
      <c r="KB24" s="104">
        <v>0</v>
      </c>
      <c r="KC24" s="101">
        <v>64</v>
      </c>
      <c r="KD24" s="102">
        <v>55</v>
      </c>
      <c r="KE24" s="103">
        <v>119</v>
      </c>
      <c r="KF24" s="413">
        <v>0</v>
      </c>
      <c r="KG24" s="102">
        <v>79</v>
      </c>
      <c r="KH24" s="102">
        <v>76</v>
      </c>
      <c r="KI24" s="102">
        <v>43</v>
      </c>
      <c r="KJ24" s="102">
        <v>32</v>
      </c>
      <c r="KK24" s="102">
        <v>17</v>
      </c>
      <c r="KL24" s="103">
        <v>247</v>
      </c>
      <c r="KM24" s="104">
        <v>366</v>
      </c>
    </row>
    <row r="25" spans="2:299" s="70" customFormat="1" ht="21" customHeight="1" x14ac:dyDescent="0.2">
      <c r="B25" s="106" t="s">
        <v>22</v>
      </c>
      <c r="C25" s="96">
        <v>18</v>
      </c>
      <c r="D25" s="97">
        <v>14</v>
      </c>
      <c r="E25" s="98">
        <v>32</v>
      </c>
      <c r="F25" s="413">
        <v>0</v>
      </c>
      <c r="G25" s="97">
        <v>49</v>
      </c>
      <c r="H25" s="97">
        <v>29</v>
      </c>
      <c r="I25" s="97">
        <v>22</v>
      </c>
      <c r="J25" s="97">
        <v>17</v>
      </c>
      <c r="K25" s="97">
        <v>8</v>
      </c>
      <c r="L25" s="99">
        <v>125</v>
      </c>
      <c r="M25" s="100">
        <v>157</v>
      </c>
      <c r="N25" s="101">
        <v>0</v>
      </c>
      <c r="O25" s="102">
        <v>0</v>
      </c>
      <c r="P25" s="103">
        <v>0</v>
      </c>
      <c r="Q25" s="413">
        <v>0</v>
      </c>
      <c r="R25" s="102">
        <v>0</v>
      </c>
      <c r="S25" s="102">
        <v>0</v>
      </c>
      <c r="T25" s="102">
        <v>0</v>
      </c>
      <c r="U25" s="102">
        <v>0</v>
      </c>
      <c r="V25" s="102">
        <v>0</v>
      </c>
      <c r="W25" s="103">
        <v>0</v>
      </c>
      <c r="X25" s="104">
        <v>0</v>
      </c>
      <c r="Y25" s="101">
        <v>0</v>
      </c>
      <c r="Z25" s="102">
        <v>1</v>
      </c>
      <c r="AA25" s="103">
        <v>1</v>
      </c>
      <c r="AB25" s="413">
        <v>0</v>
      </c>
      <c r="AC25" s="102">
        <v>0</v>
      </c>
      <c r="AD25" s="102">
        <v>0</v>
      </c>
      <c r="AE25" s="102">
        <v>1</v>
      </c>
      <c r="AF25" s="102">
        <v>0</v>
      </c>
      <c r="AG25" s="102">
        <v>1</v>
      </c>
      <c r="AH25" s="103">
        <v>2</v>
      </c>
      <c r="AI25" s="104">
        <v>3</v>
      </c>
      <c r="AJ25" s="101">
        <v>0</v>
      </c>
      <c r="AK25" s="102">
        <v>0</v>
      </c>
      <c r="AL25" s="103">
        <v>0</v>
      </c>
      <c r="AM25" s="413">
        <v>0</v>
      </c>
      <c r="AN25" s="102">
        <v>5</v>
      </c>
      <c r="AO25" s="102">
        <v>4</v>
      </c>
      <c r="AP25" s="102">
        <v>2</v>
      </c>
      <c r="AQ25" s="102">
        <v>2</v>
      </c>
      <c r="AR25" s="102">
        <v>1</v>
      </c>
      <c r="AS25" s="103">
        <v>14</v>
      </c>
      <c r="AT25" s="104">
        <v>14</v>
      </c>
      <c r="AU25" s="101">
        <v>3</v>
      </c>
      <c r="AV25" s="102">
        <v>4</v>
      </c>
      <c r="AW25" s="103">
        <v>7</v>
      </c>
      <c r="AX25" s="413">
        <v>0</v>
      </c>
      <c r="AY25" s="102">
        <v>9</v>
      </c>
      <c r="AZ25" s="102">
        <v>4</v>
      </c>
      <c r="BA25" s="102">
        <v>3</v>
      </c>
      <c r="BB25" s="102">
        <v>1</v>
      </c>
      <c r="BC25" s="102">
        <v>2</v>
      </c>
      <c r="BD25" s="103">
        <v>19</v>
      </c>
      <c r="BE25" s="104">
        <v>26</v>
      </c>
      <c r="BF25" s="101">
        <v>10</v>
      </c>
      <c r="BG25" s="102">
        <v>6</v>
      </c>
      <c r="BH25" s="103">
        <v>16</v>
      </c>
      <c r="BI25" s="413">
        <v>0</v>
      </c>
      <c r="BJ25" s="102">
        <v>18</v>
      </c>
      <c r="BK25" s="102">
        <v>7</v>
      </c>
      <c r="BL25" s="102">
        <v>5</v>
      </c>
      <c r="BM25" s="102">
        <v>6</v>
      </c>
      <c r="BN25" s="102">
        <v>1</v>
      </c>
      <c r="BO25" s="103">
        <v>37</v>
      </c>
      <c r="BP25" s="104">
        <v>53</v>
      </c>
      <c r="BQ25" s="101">
        <v>5</v>
      </c>
      <c r="BR25" s="102">
        <v>3</v>
      </c>
      <c r="BS25" s="103">
        <v>8</v>
      </c>
      <c r="BT25" s="413">
        <v>0</v>
      </c>
      <c r="BU25" s="102">
        <v>17</v>
      </c>
      <c r="BV25" s="102">
        <v>14</v>
      </c>
      <c r="BW25" s="102">
        <v>11</v>
      </c>
      <c r="BX25" s="102">
        <v>8</v>
      </c>
      <c r="BY25" s="102">
        <v>3</v>
      </c>
      <c r="BZ25" s="103">
        <v>53</v>
      </c>
      <c r="CA25" s="104">
        <v>61</v>
      </c>
      <c r="CB25" s="101">
        <v>0</v>
      </c>
      <c r="CC25" s="102">
        <v>0</v>
      </c>
      <c r="CD25" s="103">
        <v>0</v>
      </c>
      <c r="CE25" s="413">
        <v>0</v>
      </c>
      <c r="CF25" s="102">
        <v>0</v>
      </c>
      <c r="CG25" s="102">
        <v>0</v>
      </c>
      <c r="CH25" s="102">
        <v>0</v>
      </c>
      <c r="CI25" s="102">
        <v>0</v>
      </c>
      <c r="CJ25" s="102">
        <v>0</v>
      </c>
      <c r="CK25" s="103">
        <v>0</v>
      </c>
      <c r="CL25" s="104">
        <v>0</v>
      </c>
      <c r="CM25" s="101">
        <v>18</v>
      </c>
      <c r="CN25" s="102">
        <v>14</v>
      </c>
      <c r="CO25" s="103">
        <v>32</v>
      </c>
      <c r="CP25" s="413">
        <v>0</v>
      </c>
      <c r="CQ25" s="102">
        <v>49</v>
      </c>
      <c r="CR25" s="102">
        <v>29</v>
      </c>
      <c r="CS25" s="102">
        <v>22</v>
      </c>
      <c r="CT25" s="102">
        <v>17</v>
      </c>
      <c r="CU25" s="102">
        <v>8</v>
      </c>
      <c r="CV25" s="103">
        <v>125</v>
      </c>
      <c r="CW25" s="104">
        <v>157</v>
      </c>
      <c r="CX25" s="105">
        <v>1</v>
      </c>
      <c r="CY25" s="97">
        <v>2</v>
      </c>
      <c r="CZ25" s="98">
        <v>3</v>
      </c>
      <c r="DA25" s="413">
        <v>0</v>
      </c>
      <c r="DB25" s="97">
        <v>7</v>
      </c>
      <c r="DC25" s="97">
        <v>8</v>
      </c>
      <c r="DD25" s="97">
        <v>7</v>
      </c>
      <c r="DE25" s="97">
        <v>2</v>
      </c>
      <c r="DF25" s="97">
        <v>0</v>
      </c>
      <c r="DG25" s="99">
        <v>24</v>
      </c>
      <c r="DH25" s="100">
        <v>27</v>
      </c>
      <c r="DI25" s="101">
        <v>0</v>
      </c>
      <c r="DJ25" s="102">
        <v>0</v>
      </c>
      <c r="DK25" s="103">
        <v>0</v>
      </c>
      <c r="DL25" s="413">
        <v>0</v>
      </c>
      <c r="DM25" s="102">
        <v>0</v>
      </c>
      <c r="DN25" s="102">
        <v>0</v>
      </c>
      <c r="DO25" s="102">
        <v>0</v>
      </c>
      <c r="DP25" s="102">
        <v>0</v>
      </c>
      <c r="DQ25" s="102">
        <v>0</v>
      </c>
      <c r="DR25" s="103">
        <v>0</v>
      </c>
      <c r="DS25" s="104">
        <v>0</v>
      </c>
      <c r="DT25" s="101">
        <v>0</v>
      </c>
      <c r="DU25" s="102">
        <v>1</v>
      </c>
      <c r="DV25" s="103">
        <v>1</v>
      </c>
      <c r="DW25" s="413">
        <v>0</v>
      </c>
      <c r="DX25" s="102">
        <v>0</v>
      </c>
      <c r="DY25" s="102">
        <v>0</v>
      </c>
      <c r="DZ25" s="102">
        <v>1</v>
      </c>
      <c r="EA25" s="102">
        <v>0</v>
      </c>
      <c r="EB25" s="102">
        <v>0</v>
      </c>
      <c r="EC25" s="103">
        <v>1</v>
      </c>
      <c r="ED25" s="104">
        <v>2</v>
      </c>
      <c r="EE25" s="101">
        <v>0</v>
      </c>
      <c r="EF25" s="102">
        <v>0</v>
      </c>
      <c r="EG25" s="103">
        <v>0</v>
      </c>
      <c r="EH25" s="413">
        <v>0</v>
      </c>
      <c r="EI25" s="102">
        <v>0</v>
      </c>
      <c r="EJ25" s="102">
        <v>1</v>
      </c>
      <c r="EK25" s="102">
        <v>1</v>
      </c>
      <c r="EL25" s="102">
        <v>0</v>
      </c>
      <c r="EM25" s="102">
        <v>0</v>
      </c>
      <c r="EN25" s="103">
        <v>2</v>
      </c>
      <c r="EO25" s="104">
        <v>2</v>
      </c>
      <c r="EP25" s="101">
        <v>0</v>
      </c>
      <c r="EQ25" s="102">
        <v>1</v>
      </c>
      <c r="ER25" s="103">
        <v>1</v>
      </c>
      <c r="ES25" s="413">
        <v>0</v>
      </c>
      <c r="ET25" s="102">
        <v>1</v>
      </c>
      <c r="EU25" s="102">
        <v>2</v>
      </c>
      <c r="EV25" s="102">
        <v>1</v>
      </c>
      <c r="EW25" s="102">
        <v>0</v>
      </c>
      <c r="EX25" s="102">
        <v>0</v>
      </c>
      <c r="EY25" s="103">
        <v>4</v>
      </c>
      <c r="EZ25" s="104">
        <v>5</v>
      </c>
      <c r="FA25" s="101">
        <v>1</v>
      </c>
      <c r="FB25" s="102">
        <v>0</v>
      </c>
      <c r="FC25" s="103">
        <v>1</v>
      </c>
      <c r="FD25" s="413">
        <v>0</v>
      </c>
      <c r="FE25" s="102">
        <v>2</v>
      </c>
      <c r="FF25" s="102">
        <v>3</v>
      </c>
      <c r="FG25" s="102">
        <v>0</v>
      </c>
      <c r="FH25" s="102">
        <v>0</v>
      </c>
      <c r="FI25" s="102">
        <v>0</v>
      </c>
      <c r="FJ25" s="103">
        <v>5</v>
      </c>
      <c r="FK25" s="104">
        <v>6</v>
      </c>
      <c r="FL25" s="101">
        <v>0</v>
      </c>
      <c r="FM25" s="102">
        <v>0</v>
      </c>
      <c r="FN25" s="103">
        <v>0</v>
      </c>
      <c r="FO25" s="413">
        <v>0</v>
      </c>
      <c r="FP25" s="102">
        <v>4</v>
      </c>
      <c r="FQ25" s="102">
        <v>2</v>
      </c>
      <c r="FR25" s="102">
        <v>4</v>
      </c>
      <c r="FS25" s="102">
        <v>2</v>
      </c>
      <c r="FT25" s="102">
        <v>0</v>
      </c>
      <c r="FU25" s="103">
        <v>12</v>
      </c>
      <c r="FV25" s="104">
        <v>12</v>
      </c>
      <c r="FW25" s="101">
        <v>0</v>
      </c>
      <c r="FX25" s="102">
        <v>0</v>
      </c>
      <c r="FY25" s="103">
        <v>0</v>
      </c>
      <c r="FZ25" s="413">
        <v>0</v>
      </c>
      <c r="GA25" s="102">
        <v>0</v>
      </c>
      <c r="GB25" s="102">
        <v>0</v>
      </c>
      <c r="GC25" s="102">
        <v>0</v>
      </c>
      <c r="GD25" s="102">
        <v>0</v>
      </c>
      <c r="GE25" s="102">
        <v>0</v>
      </c>
      <c r="GF25" s="103">
        <v>0</v>
      </c>
      <c r="GG25" s="104">
        <v>0</v>
      </c>
      <c r="GH25" s="101">
        <v>1</v>
      </c>
      <c r="GI25" s="102">
        <v>2</v>
      </c>
      <c r="GJ25" s="103">
        <v>3</v>
      </c>
      <c r="GK25" s="413">
        <v>0</v>
      </c>
      <c r="GL25" s="102">
        <v>7</v>
      </c>
      <c r="GM25" s="102">
        <v>8</v>
      </c>
      <c r="GN25" s="102">
        <v>7</v>
      </c>
      <c r="GO25" s="102">
        <v>2</v>
      </c>
      <c r="GP25" s="102">
        <v>0</v>
      </c>
      <c r="GQ25" s="103">
        <v>24</v>
      </c>
      <c r="GR25" s="104">
        <v>27</v>
      </c>
      <c r="GS25" s="105">
        <v>19</v>
      </c>
      <c r="GT25" s="97">
        <v>16</v>
      </c>
      <c r="GU25" s="98">
        <v>35</v>
      </c>
      <c r="GV25" s="413">
        <v>0</v>
      </c>
      <c r="GW25" s="97">
        <v>56</v>
      </c>
      <c r="GX25" s="97">
        <v>37</v>
      </c>
      <c r="GY25" s="97">
        <v>29</v>
      </c>
      <c r="GZ25" s="97">
        <v>19</v>
      </c>
      <c r="HA25" s="97">
        <v>8</v>
      </c>
      <c r="HB25" s="99">
        <v>149</v>
      </c>
      <c r="HC25" s="100">
        <v>184</v>
      </c>
      <c r="HD25" s="101">
        <v>0</v>
      </c>
      <c r="HE25" s="102">
        <v>0</v>
      </c>
      <c r="HF25" s="103">
        <v>0</v>
      </c>
      <c r="HG25" s="413">
        <v>0</v>
      </c>
      <c r="HH25" s="102">
        <v>0</v>
      </c>
      <c r="HI25" s="102">
        <v>0</v>
      </c>
      <c r="HJ25" s="102">
        <v>0</v>
      </c>
      <c r="HK25" s="102">
        <v>0</v>
      </c>
      <c r="HL25" s="102">
        <v>0</v>
      </c>
      <c r="HM25" s="103">
        <v>0</v>
      </c>
      <c r="HN25" s="104">
        <v>0</v>
      </c>
      <c r="HO25" s="101">
        <v>0</v>
      </c>
      <c r="HP25" s="102">
        <v>2</v>
      </c>
      <c r="HQ25" s="103">
        <v>2</v>
      </c>
      <c r="HR25" s="413">
        <v>0</v>
      </c>
      <c r="HS25" s="102">
        <v>0</v>
      </c>
      <c r="HT25" s="102">
        <v>0</v>
      </c>
      <c r="HU25" s="102">
        <v>2</v>
      </c>
      <c r="HV25" s="102">
        <v>0</v>
      </c>
      <c r="HW25" s="102">
        <v>1</v>
      </c>
      <c r="HX25" s="103">
        <v>3</v>
      </c>
      <c r="HY25" s="104">
        <v>5</v>
      </c>
      <c r="HZ25" s="101">
        <v>0</v>
      </c>
      <c r="IA25" s="102">
        <v>0</v>
      </c>
      <c r="IB25" s="103">
        <v>0</v>
      </c>
      <c r="IC25" s="413">
        <v>0</v>
      </c>
      <c r="ID25" s="102">
        <v>5</v>
      </c>
      <c r="IE25" s="102">
        <v>5</v>
      </c>
      <c r="IF25" s="102">
        <v>3</v>
      </c>
      <c r="IG25" s="102">
        <v>2</v>
      </c>
      <c r="IH25" s="102">
        <v>1</v>
      </c>
      <c r="II25" s="103">
        <v>16</v>
      </c>
      <c r="IJ25" s="104">
        <v>16</v>
      </c>
      <c r="IK25" s="101">
        <v>3</v>
      </c>
      <c r="IL25" s="102">
        <v>5</v>
      </c>
      <c r="IM25" s="103">
        <v>8</v>
      </c>
      <c r="IN25" s="413">
        <v>0</v>
      </c>
      <c r="IO25" s="102">
        <v>10</v>
      </c>
      <c r="IP25" s="102">
        <v>6</v>
      </c>
      <c r="IQ25" s="102">
        <v>4</v>
      </c>
      <c r="IR25" s="102">
        <v>1</v>
      </c>
      <c r="IS25" s="102">
        <v>2</v>
      </c>
      <c r="IT25" s="103">
        <v>23</v>
      </c>
      <c r="IU25" s="104">
        <v>31</v>
      </c>
      <c r="IV25" s="101">
        <v>11</v>
      </c>
      <c r="IW25" s="102">
        <v>6</v>
      </c>
      <c r="IX25" s="103">
        <v>17</v>
      </c>
      <c r="IY25" s="413">
        <v>0</v>
      </c>
      <c r="IZ25" s="102">
        <v>20</v>
      </c>
      <c r="JA25" s="102">
        <v>10</v>
      </c>
      <c r="JB25" s="102">
        <v>5</v>
      </c>
      <c r="JC25" s="102">
        <v>6</v>
      </c>
      <c r="JD25" s="102">
        <v>1</v>
      </c>
      <c r="JE25" s="103">
        <v>42</v>
      </c>
      <c r="JF25" s="104">
        <v>59</v>
      </c>
      <c r="JG25" s="101">
        <v>5</v>
      </c>
      <c r="JH25" s="102">
        <v>3</v>
      </c>
      <c r="JI25" s="103">
        <v>8</v>
      </c>
      <c r="JJ25" s="413">
        <v>0</v>
      </c>
      <c r="JK25" s="102">
        <v>21</v>
      </c>
      <c r="JL25" s="102">
        <v>16</v>
      </c>
      <c r="JM25" s="102">
        <v>15</v>
      </c>
      <c r="JN25" s="102">
        <v>10</v>
      </c>
      <c r="JO25" s="102">
        <v>3</v>
      </c>
      <c r="JP25" s="103">
        <v>65</v>
      </c>
      <c r="JQ25" s="104">
        <v>73</v>
      </c>
      <c r="JR25" s="101">
        <v>0</v>
      </c>
      <c r="JS25" s="102">
        <v>0</v>
      </c>
      <c r="JT25" s="103">
        <v>0</v>
      </c>
      <c r="JU25" s="413">
        <v>0</v>
      </c>
      <c r="JV25" s="102">
        <v>0</v>
      </c>
      <c r="JW25" s="102">
        <v>0</v>
      </c>
      <c r="JX25" s="102">
        <v>0</v>
      </c>
      <c r="JY25" s="102">
        <v>0</v>
      </c>
      <c r="JZ25" s="102">
        <v>0</v>
      </c>
      <c r="KA25" s="103">
        <v>0</v>
      </c>
      <c r="KB25" s="104">
        <v>0</v>
      </c>
      <c r="KC25" s="101">
        <v>19</v>
      </c>
      <c r="KD25" s="102">
        <v>16</v>
      </c>
      <c r="KE25" s="103">
        <v>35</v>
      </c>
      <c r="KF25" s="413">
        <v>0</v>
      </c>
      <c r="KG25" s="102">
        <v>56</v>
      </c>
      <c r="KH25" s="102">
        <v>37</v>
      </c>
      <c r="KI25" s="102">
        <v>29</v>
      </c>
      <c r="KJ25" s="102">
        <v>19</v>
      </c>
      <c r="KK25" s="102">
        <v>8</v>
      </c>
      <c r="KL25" s="103">
        <v>149</v>
      </c>
      <c r="KM25" s="104">
        <v>184</v>
      </c>
    </row>
    <row r="26" spans="2:299" s="70" customFormat="1" ht="21" customHeight="1" x14ac:dyDescent="0.2">
      <c r="B26" s="106" t="s">
        <v>23</v>
      </c>
      <c r="C26" s="96">
        <v>38</v>
      </c>
      <c r="D26" s="97">
        <v>31</v>
      </c>
      <c r="E26" s="98">
        <v>69</v>
      </c>
      <c r="F26" s="413">
        <v>0</v>
      </c>
      <c r="G26" s="97">
        <v>52</v>
      </c>
      <c r="H26" s="97">
        <v>41</v>
      </c>
      <c r="I26" s="97">
        <v>23</v>
      </c>
      <c r="J26" s="97">
        <v>23</v>
      </c>
      <c r="K26" s="97">
        <v>17</v>
      </c>
      <c r="L26" s="99">
        <v>156</v>
      </c>
      <c r="M26" s="100">
        <v>225</v>
      </c>
      <c r="N26" s="101">
        <v>0</v>
      </c>
      <c r="O26" s="102">
        <v>1</v>
      </c>
      <c r="P26" s="103">
        <v>1</v>
      </c>
      <c r="Q26" s="413">
        <v>0</v>
      </c>
      <c r="R26" s="102">
        <v>0</v>
      </c>
      <c r="S26" s="102">
        <v>2</v>
      </c>
      <c r="T26" s="102">
        <v>1</v>
      </c>
      <c r="U26" s="102">
        <v>1</v>
      </c>
      <c r="V26" s="102">
        <v>0</v>
      </c>
      <c r="W26" s="103">
        <v>4</v>
      </c>
      <c r="X26" s="104">
        <v>5</v>
      </c>
      <c r="Y26" s="101">
        <v>0</v>
      </c>
      <c r="Z26" s="102">
        <v>1</v>
      </c>
      <c r="AA26" s="103">
        <v>1</v>
      </c>
      <c r="AB26" s="413">
        <v>0</v>
      </c>
      <c r="AC26" s="102">
        <v>0</v>
      </c>
      <c r="AD26" s="102">
        <v>1</v>
      </c>
      <c r="AE26" s="102">
        <v>0</v>
      </c>
      <c r="AF26" s="102">
        <v>0</v>
      </c>
      <c r="AG26" s="102">
        <v>0</v>
      </c>
      <c r="AH26" s="103">
        <v>1</v>
      </c>
      <c r="AI26" s="104">
        <v>2</v>
      </c>
      <c r="AJ26" s="101">
        <v>4</v>
      </c>
      <c r="AK26" s="102">
        <v>3</v>
      </c>
      <c r="AL26" s="103">
        <v>7</v>
      </c>
      <c r="AM26" s="413">
        <v>0</v>
      </c>
      <c r="AN26" s="102">
        <v>4</v>
      </c>
      <c r="AO26" s="102">
        <v>4</v>
      </c>
      <c r="AP26" s="102">
        <v>1</v>
      </c>
      <c r="AQ26" s="102">
        <v>1</v>
      </c>
      <c r="AR26" s="102">
        <v>3</v>
      </c>
      <c r="AS26" s="103">
        <v>13</v>
      </c>
      <c r="AT26" s="104">
        <v>20</v>
      </c>
      <c r="AU26" s="101">
        <v>11</v>
      </c>
      <c r="AV26" s="102">
        <v>12</v>
      </c>
      <c r="AW26" s="103">
        <v>23</v>
      </c>
      <c r="AX26" s="413">
        <v>0</v>
      </c>
      <c r="AY26" s="102">
        <v>12</v>
      </c>
      <c r="AZ26" s="102">
        <v>13</v>
      </c>
      <c r="BA26" s="102">
        <v>8</v>
      </c>
      <c r="BB26" s="102">
        <v>6</v>
      </c>
      <c r="BC26" s="102">
        <v>6</v>
      </c>
      <c r="BD26" s="103">
        <v>45</v>
      </c>
      <c r="BE26" s="104">
        <v>68</v>
      </c>
      <c r="BF26" s="101">
        <v>14</v>
      </c>
      <c r="BG26" s="102">
        <v>12</v>
      </c>
      <c r="BH26" s="103">
        <v>26</v>
      </c>
      <c r="BI26" s="413">
        <v>0</v>
      </c>
      <c r="BJ26" s="102">
        <v>26</v>
      </c>
      <c r="BK26" s="102">
        <v>11</v>
      </c>
      <c r="BL26" s="102">
        <v>5</v>
      </c>
      <c r="BM26" s="102">
        <v>7</v>
      </c>
      <c r="BN26" s="102">
        <v>5</v>
      </c>
      <c r="BO26" s="103">
        <v>54</v>
      </c>
      <c r="BP26" s="104">
        <v>80</v>
      </c>
      <c r="BQ26" s="101">
        <v>9</v>
      </c>
      <c r="BR26" s="102">
        <v>2</v>
      </c>
      <c r="BS26" s="103">
        <v>11</v>
      </c>
      <c r="BT26" s="413">
        <v>0</v>
      </c>
      <c r="BU26" s="102">
        <v>10</v>
      </c>
      <c r="BV26" s="102">
        <v>10</v>
      </c>
      <c r="BW26" s="102">
        <v>8</v>
      </c>
      <c r="BX26" s="102">
        <v>8</v>
      </c>
      <c r="BY26" s="102">
        <v>3</v>
      </c>
      <c r="BZ26" s="103">
        <v>39</v>
      </c>
      <c r="CA26" s="104">
        <v>50</v>
      </c>
      <c r="CB26" s="101">
        <v>0</v>
      </c>
      <c r="CC26" s="102">
        <v>0</v>
      </c>
      <c r="CD26" s="103">
        <v>0</v>
      </c>
      <c r="CE26" s="413">
        <v>0</v>
      </c>
      <c r="CF26" s="102">
        <v>0</v>
      </c>
      <c r="CG26" s="102">
        <v>0</v>
      </c>
      <c r="CH26" s="102">
        <v>0</v>
      </c>
      <c r="CI26" s="102">
        <v>0</v>
      </c>
      <c r="CJ26" s="102">
        <v>0</v>
      </c>
      <c r="CK26" s="103">
        <v>0</v>
      </c>
      <c r="CL26" s="104">
        <v>0</v>
      </c>
      <c r="CM26" s="101">
        <v>38</v>
      </c>
      <c r="CN26" s="102">
        <v>31</v>
      </c>
      <c r="CO26" s="103">
        <v>69</v>
      </c>
      <c r="CP26" s="413">
        <v>0</v>
      </c>
      <c r="CQ26" s="102">
        <v>52</v>
      </c>
      <c r="CR26" s="102">
        <v>41</v>
      </c>
      <c r="CS26" s="102">
        <v>23</v>
      </c>
      <c r="CT26" s="102">
        <v>23</v>
      </c>
      <c r="CU26" s="102">
        <v>17</v>
      </c>
      <c r="CV26" s="103">
        <v>156</v>
      </c>
      <c r="CW26" s="104">
        <v>225</v>
      </c>
      <c r="CX26" s="105">
        <v>2</v>
      </c>
      <c r="CY26" s="97">
        <v>2</v>
      </c>
      <c r="CZ26" s="98">
        <v>4</v>
      </c>
      <c r="DA26" s="413">
        <v>0</v>
      </c>
      <c r="DB26" s="97">
        <v>6</v>
      </c>
      <c r="DC26" s="97">
        <v>7</v>
      </c>
      <c r="DD26" s="97">
        <v>2</v>
      </c>
      <c r="DE26" s="97">
        <v>3</v>
      </c>
      <c r="DF26" s="97">
        <v>1</v>
      </c>
      <c r="DG26" s="99">
        <v>19</v>
      </c>
      <c r="DH26" s="100">
        <v>23</v>
      </c>
      <c r="DI26" s="101">
        <v>1</v>
      </c>
      <c r="DJ26" s="102">
        <v>0</v>
      </c>
      <c r="DK26" s="103">
        <v>1</v>
      </c>
      <c r="DL26" s="413">
        <v>0</v>
      </c>
      <c r="DM26" s="102">
        <v>0</v>
      </c>
      <c r="DN26" s="102">
        <v>0</v>
      </c>
      <c r="DO26" s="102">
        <v>0</v>
      </c>
      <c r="DP26" s="102">
        <v>0</v>
      </c>
      <c r="DQ26" s="102">
        <v>0</v>
      </c>
      <c r="DR26" s="103">
        <v>0</v>
      </c>
      <c r="DS26" s="104">
        <v>1</v>
      </c>
      <c r="DT26" s="101">
        <v>0</v>
      </c>
      <c r="DU26" s="102">
        <v>2</v>
      </c>
      <c r="DV26" s="103">
        <v>2</v>
      </c>
      <c r="DW26" s="413">
        <v>0</v>
      </c>
      <c r="DX26" s="102">
        <v>0</v>
      </c>
      <c r="DY26" s="102">
        <v>0</v>
      </c>
      <c r="DZ26" s="102">
        <v>0</v>
      </c>
      <c r="EA26" s="102">
        <v>0</v>
      </c>
      <c r="EB26" s="102">
        <v>0</v>
      </c>
      <c r="EC26" s="103">
        <v>0</v>
      </c>
      <c r="ED26" s="104">
        <v>2</v>
      </c>
      <c r="EE26" s="101">
        <v>0</v>
      </c>
      <c r="EF26" s="102">
        <v>0</v>
      </c>
      <c r="EG26" s="103">
        <v>0</v>
      </c>
      <c r="EH26" s="413">
        <v>0</v>
      </c>
      <c r="EI26" s="102">
        <v>1</v>
      </c>
      <c r="EJ26" s="102">
        <v>1</v>
      </c>
      <c r="EK26" s="102">
        <v>0</v>
      </c>
      <c r="EL26" s="102">
        <v>0</v>
      </c>
      <c r="EM26" s="102">
        <v>0</v>
      </c>
      <c r="EN26" s="103">
        <v>2</v>
      </c>
      <c r="EO26" s="104">
        <v>2</v>
      </c>
      <c r="EP26" s="101">
        <v>1</v>
      </c>
      <c r="EQ26" s="102">
        <v>0</v>
      </c>
      <c r="ER26" s="103">
        <v>1</v>
      </c>
      <c r="ES26" s="413">
        <v>0</v>
      </c>
      <c r="ET26" s="102">
        <v>2</v>
      </c>
      <c r="EU26" s="102">
        <v>1</v>
      </c>
      <c r="EV26" s="102">
        <v>0</v>
      </c>
      <c r="EW26" s="102">
        <v>1</v>
      </c>
      <c r="EX26" s="102">
        <v>0</v>
      </c>
      <c r="EY26" s="103">
        <v>4</v>
      </c>
      <c r="EZ26" s="104">
        <v>5</v>
      </c>
      <c r="FA26" s="101">
        <v>0</v>
      </c>
      <c r="FB26" s="102">
        <v>0</v>
      </c>
      <c r="FC26" s="103">
        <v>0</v>
      </c>
      <c r="FD26" s="413">
        <v>0</v>
      </c>
      <c r="FE26" s="102">
        <v>3</v>
      </c>
      <c r="FF26" s="102">
        <v>5</v>
      </c>
      <c r="FG26" s="102">
        <v>1</v>
      </c>
      <c r="FH26" s="102">
        <v>0</v>
      </c>
      <c r="FI26" s="102">
        <v>1</v>
      </c>
      <c r="FJ26" s="103">
        <v>10</v>
      </c>
      <c r="FK26" s="104">
        <v>10</v>
      </c>
      <c r="FL26" s="101">
        <v>0</v>
      </c>
      <c r="FM26" s="102">
        <v>0</v>
      </c>
      <c r="FN26" s="103">
        <v>0</v>
      </c>
      <c r="FO26" s="413">
        <v>0</v>
      </c>
      <c r="FP26" s="102">
        <v>0</v>
      </c>
      <c r="FQ26" s="102">
        <v>0</v>
      </c>
      <c r="FR26" s="102">
        <v>1</v>
      </c>
      <c r="FS26" s="102">
        <v>2</v>
      </c>
      <c r="FT26" s="102">
        <v>0</v>
      </c>
      <c r="FU26" s="103">
        <v>3</v>
      </c>
      <c r="FV26" s="104">
        <v>3</v>
      </c>
      <c r="FW26" s="101">
        <v>0</v>
      </c>
      <c r="FX26" s="102">
        <v>0</v>
      </c>
      <c r="FY26" s="103">
        <v>0</v>
      </c>
      <c r="FZ26" s="413">
        <v>0</v>
      </c>
      <c r="GA26" s="102">
        <v>0</v>
      </c>
      <c r="GB26" s="102">
        <v>0</v>
      </c>
      <c r="GC26" s="102">
        <v>0</v>
      </c>
      <c r="GD26" s="102">
        <v>0</v>
      </c>
      <c r="GE26" s="102">
        <v>0</v>
      </c>
      <c r="GF26" s="103">
        <v>0</v>
      </c>
      <c r="GG26" s="104">
        <v>0</v>
      </c>
      <c r="GH26" s="101">
        <v>2</v>
      </c>
      <c r="GI26" s="102">
        <v>2</v>
      </c>
      <c r="GJ26" s="103">
        <v>4</v>
      </c>
      <c r="GK26" s="413">
        <v>0</v>
      </c>
      <c r="GL26" s="102">
        <v>6</v>
      </c>
      <c r="GM26" s="102">
        <v>7</v>
      </c>
      <c r="GN26" s="102">
        <v>2</v>
      </c>
      <c r="GO26" s="102">
        <v>3</v>
      </c>
      <c r="GP26" s="102">
        <v>1</v>
      </c>
      <c r="GQ26" s="103">
        <v>19</v>
      </c>
      <c r="GR26" s="104">
        <v>23</v>
      </c>
      <c r="GS26" s="105">
        <v>40</v>
      </c>
      <c r="GT26" s="97">
        <v>33</v>
      </c>
      <c r="GU26" s="98">
        <v>73</v>
      </c>
      <c r="GV26" s="413">
        <v>0</v>
      </c>
      <c r="GW26" s="97">
        <v>58</v>
      </c>
      <c r="GX26" s="97">
        <v>48</v>
      </c>
      <c r="GY26" s="97">
        <v>25</v>
      </c>
      <c r="GZ26" s="97">
        <v>26</v>
      </c>
      <c r="HA26" s="97">
        <v>18</v>
      </c>
      <c r="HB26" s="99">
        <v>175</v>
      </c>
      <c r="HC26" s="100">
        <v>248</v>
      </c>
      <c r="HD26" s="101">
        <v>1</v>
      </c>
      <c r="HE26" s="102">
        <v>1</v>
      </c>
      <c r="HF26" s="103">
        <v>2</v>
      </c>
      <c r="HG26" s="413">
        <v>0</v>
      </c>
      <c r="HH26" s="102">
        <v>0</v>
      </c>
      <c r="HI26" s="102">
        <v>2</v>
      </c>
      <c r="HJ26" s="102">
        <v>1</v>
      </c>
      <c r="HK26" s="102">
        <v>1</v>
      </c>
      <c r="HL26" s="102">
        <v>0</v>
      </c>
      <c r="HM26" s="103">
        <v>4</v>
      </c>
      <c r="HN26" s="104">
        <v>6</v>
      </c>
      <c r="HO26" s="101">
        <v>0</v>
      </c>
      <c r="HP26" s="102">
        <v>3</v>
      </c>
      <c r="HQ26" s="103">
        <v>3</v>
      </c>
      <c r="HR26" s="413">
        <v>0</v>
      </c>
      <c r="HS26" s="102">
        <v>0</v>
      </c>
      <c r="HT26" s="102">
        <v>1</v>
      </c>
      <c r="HU26" s="102">
        <v>0</v>
      </c>
      <c r="HV26" s="102">
        <v>0</v>
      </c>
      <c r="HW26" s="102">
        <v>0</v>
      </c>
      <c r="HX26" s="103">
        <v>1</v>
      </c>
      <c r="HY26" s="104">
        <v>4</v>
      </c>
      <c r="HZ26" s="101">
        <v>4</v>
      </c>
      <c r="IA26" s="102">
        <v>3</v>
      </c>
      <c r="IB26" s="103">
        <v>7</v>
      </c>
      <c r="IC26" s="413">
        <v>0</v>
      </c>
      <c r="ID26" s="102">
        <v>5</v>
      </c>
      <c r="IE26" s="102">
        <v>5</v>
      </c>
      <c r="IF26" s="102">
        <v>1</v>
      </c>
      <c r="IG26" s="102">
        <v>1</v>
      </c>
      <c r="IH26" s="102">
        <v>3</v>
      </c>
      <c r="II26" s="103">
        <v>15</v>
      </c>
      <c r="IJ26" s="104">
        <v>22</v>
      </c>
      <c r="IK26" s="101">
        <v>12</v>
      </c>
      <c r="IL26" s="102">
        <v>12</v>
      </c>
      <c r="IM26" s="103">
        <v>24</v>
      </c>
      <c r="IN26" s="413">
        <v>0</v>
      </c>
      <c r="IO26" s="102">
        <v>14</v>
      </c>
      <c r="IP26" s="102">
        <v>14</v>
      </c>
      <c r="IQ26" s="102">
        <v>8</v>
      </c>
      <c r="IR26" s="102">
        <v>7</v>
      </c>
      <c r="IS26" s="102">
        <v>6</v>
      </c>
      <c r="IT26" s="103">
        <v>49</v>
      </c>
      <c r="IU26" s="104">
        <v>73</v>
      </c>
      <c r="IV26" s="101">
        <v>14</v>
      </c>
      <c r="IW26" s="102">
        <v>12</v>
      </c>
      <c r="IX26" s="103">
        <v>26</v>
      </c>
      <c r="IY26" s="413">
        <v>0</v>
      </c>
      <c r="IZ26" s="102">
        <v>29</v>
      </c>
      <c r="JA26" s="102">
        <v>16</v>
      </c>
      <c r="JB26" s="102">
        <v>6</v>
      </c>
      <c r="JC26" s="102">
        <v>7</v>
      </c>
      <c r="JD26" s="102">
        <v>6</v>
      </c>
      <c r="JE26" s="103">
        <v>64</v>
      </c>
      <c r="JF26" s="104">
        <v>90</v>
      </c>
      <c r="JG26" s="101">
        <v>9</v>
      </c>
      <c r="JH26" s="102">
        <v>2</v>
      </c>
      <c r="JI26" s="103">
        <v>11</v>
      </c>
      <c r="JJ26" s="413">
        <v>0</v>
      </c>
      <c r="JK26" s="102">
        <v>10</v>
      </c>
      <c r="JL26" s="102">
        <v>10</v>
      </c>
      <c r="JM26" s="102">
        <v>9</v>
      </c>
      <c r="JN26" s="102">
        <v>10</v>
      </c>
      <c r="JO26" s="102">
        <v>3</v>
      </c>
      <c r="JP26" s="103">
        <v>42</v>
      </c>
      <c r="JQ26" s="104">
        <v>53</v>
      </c>
      <c r="JR26" s="101">
        <v>0</v>
      </c>
      <c r="JS26" s="102">
        <v>0</v>
      </c>
      <c r="JT26" s="103">
        <v>0</v>
      </c>
      <c r="JU26" s="413">
        <v>0</v>
      </c>
      <c r="JV26" s="102">
        <v>0</v>
      </c>
      <c r="JW26" s="102">
        <v>0</v>
      </c>
      <c r="JX26" s="102">
        <v>0</v>
      </c>
      <c r="JY26" s="102">
        <v>0</v>
      </c>
      <c r="JZ26" s="102">
        <v>0</v>
      </c>
      <c r="KA26" s="103">
        <v>0</v>
      </c>
      <c r="KB26" s="104">
        <v>0</v>
      </c>
      <c r="KC26" s="101">
        <v>40</v>
      </c>
      <c r="KD26" s="102">
        <v>33</v>
      </c>
      <c r="KE26" s="103">
        <v>73</v>
      </c>
      <c r="KF26" s="413">
        <v>0</v>
      </c>
      <c r="KG26" s="102">
        <v>58</v>
      </c>
      <c r="KH26" s="102">
        <v>48</v>
      </c>
      <c r="KI26" s="102">
        <v>25</v>
      </c>
      <c r="KJ26" s="102">
        <v>26</v>
      </c>
      <c r="KK26" s="102">
        <v>18</v>
      </c>
      <c r="KL26" s="103">
        <v>175</v>
      </c>
      <c r="KM26" s="104">
        <v>248</v>
      </c>
    </row>
    <row r="27" spans="2:299" s="70" customFormat="1" ht="21" customHeight="1" x14ac:dyDescent="0.2">
      <c r="B27" s="106" t="s">
        <v>24</v>
      </c>
      <c r="C27" s="96">
        <v>27</v>
      </c>
      <c r="D27" s="97">
        <v>20</v>
      </c>
      <c r="E27" s="98">
        <v>47</v>
      </c>
      <c r="F27" s="413">
        <v>0</v>
      </c>
      <c r="G27" s="97">
        <v>42</v>
      </c>
      <c r="H27" s="97">
        <v>28</v>
      </c>
      <c r="I27" s="97">
        <v>23</v>
      </c>
      <c r="J27" s="97">
        <v>20</v>
      </c>
      <c r="K27" s="97">
        <v>9</v>
      </c>
      <c r="L27" s="99">
        <v>122</v>
      </c>
      <c r="M27" s="100">
        <v>169</v>
      </c>
      <c r="N27" s="101">
        <v>0</v>
      </c>
      <c r="O27" s="102">
        <v>0</v>
      </c>
      <c r="P27" s="103">
        <v>0</v>
      </c>
      <c r="Q27" s="413">
        <v>0</v>
      </c>
      <c r="R27" s="102">
        <v>0</v>
      </c>
      <c r="S27" s="102">
        <v>0</v>
      </c>
      <c r="T27" s="102">
        <v>0</v>
      </c>
      <c r="U27" s="102">
        <v>0</v>
      </c>
      <c r="V27" s="102">
        <v>0</v>
      </c>
      <c r="W27" s="103">
        <v>0</v>
      </c>
      <c r="X27" s="104">
        <v>0</v>
      </c>
      <c r="Y27" s="101">
        <v>0</v>
      </c>
      <c r="Z27" s="102">
        <v>0</v>
      </c>
      <c r="AA27" s="103">
        <v>0</v>
      </c>
      <c r="AB27" s="413">
        <v>0</v>
      </c>
      <c r="AC27" s="102">
        <v>2</v>
      </c>
      <c r="AD27" s="102">
        <v>1</v>
      </c>
      <c r="AE27" s="102">
        <v>1</v>
      </c>
      <c r="AF27" s="102">
        <v>1</v>
      </c>
      <c r="AG27" s="102">
        <v>1</v>
      </c>
      <c r="AH27" s="103">
        <v>6</v>
      </c>
      <c r="AI27" s="104">
        <v>6</v>
      </c>
      <c r="AJ27" s="101">
        <v>1</v>
      </c>
      <c r="AK27" s="102">
        <v>4</v>
      </c>
      <c r="AL27" s="103">
        <v>5</v>
      </c>
      <c r="AM27" s="413">
        <v>0</v>
      </c>
      <c r="AN27" s="102">
        <v>1</v>
      </c>
      <c r="AO27" s="102">
        <v>2</v>
      </c>
      <c r="AP27" s="102">
        <v>3</v>
      </c>
      <c r="AQ27" s="102">
        <v>3</v>
      </c>
      <c r="AR27" s="102">
        <v>0</v>
      </c>
      <c r="AS27" s="103">
        <v>9</v>
      </c>
      <c r="AT27" s="104">
        <v>14</v>
      </c>
      <c r="AU27" s="101">
        <v>4</v>
      </c>
      <c r="AV27" s="102">
        <v>2</v>
      </c>
      <c r="AW27" s="103">
        <v>6</v>
      </c>
      <c r="AX27" s="413">
        <v>0</v>
      </c>
      <c r="AY27" s="102">
        <v>7</v>
      </c>
      <c r="AZ27" s="102">
        <v>5</v>
      </c>
      <c r="BA27" s="102">
        <v>2</v>
      </c>
      <c r="BB27" s="102">
        <v>4</v>
      </c>
      <c r="BC27" s="102">
        <v>1</v>
      </c>
      <c r="BD27" s="103">
        <v>19</v>
      </c>
      <c r="BE27" s="104">
        <v>25</v>
      </c>
      <c r="BF27" s="101">
        <v>10</v>
      </c>
      <c r="BG27" s="102">
        <v>7</v>
      </c>
      <c r="BH27" s="103">
        <v>17</v>
      </c>
      <c r="BI27" s="413">
        <v>0</v>
      </c>
      <c r="BJ27" s="102">
        <v>15</v>
      </c>
      <c r="BK27" s="102">
        <v>7</v>
      </c>
      <c r="BL27" s="102">
        <v>6</v>
      </c>
      <c r="BM27" s="102">
        <v>5</v>
      </c>
      <c r="BN27" s="102">
        <v>1</v>
      </c>
      <c r="BO27" s="103">
        <v>34</v>
      </c>
      <c r="BP27" s="104">
        <v>51</v>
      </c>
      <c r="BQ27" s="101">
        <v>12</v>
      </c>
      <c r="BR27" s="102">
        <v>7</v>
      </c>
      <c r="BS27" s="103">
        <v>19</v>
      </c>
      <c r="BT27" s="413">
        <v>0</v>
      </c>
      <c r="BU27" s="102">
        <v>17</v>
      </c>
      <c r="BV27" s="102">
        <v>13</v>
      </c>
      <c r="BW27" s="102">
        <v>11</v>
      </c>
      <c r="BX27" s="102">
        <v>7</v>
      </c>
      <c r="BY27" s="102">
        <v>6</v>
      </c>
      <c r="BZ27" s="103">
        <v>54</v>
      </c>
      <c r="CA27" s="104">
        <v>73</v>
      </c>
      <c r="CB27" s="101">
        <v>0</v>
      </c>
      <c r="CC27" s="102">
        <v>0</v>
      </c>
      <c r="CD27" s="103">
        <v>0</v>
      </c>
      <c r="CE27" s="413">
        <v>0</v>
      </c>
      <c r="CF27" s="102">
        <v>0</v>
      </c>
      <c r="CG27" s="102">
        <v>0</v>
      </c>
      <c r="CH27" s="102">
        <v>0</v>
      </c>
      <c r="CI27" s="102">
        <v>0</v>
      </c>
      <c r="CJ27" s="102">
        <v>0</v>
      </c>
      <c r="CK27" s="103">
        <v>0</v>
      </c>
      <c r="CL27" s="104">
        <v>0</v>
      </c>
      <c r="CM27" s="101">
        <v>27</v>
      </c>
      <c r="CN27" s="102">
        <v>20</v>
      </c>
      <c r="CO27" s="103">
        <v>47</v>
      </c>
      <c r="CP27" s="413">
        <v>0</v>
      </c>
      <c r="CQ27" s="102">
        <v>42</v>
      </c>
      <c r="CR27" s="102">
        <v>28</v>
      </c>
      <c r="CS27" s="102">
        <v>23</v>
      </c>
      <c r="CT27" s="102">
        <v>20</v>
      </c>
      <c r="CU27" s="102">
        <v>9</v>
      </c>
      <c r="CV27" s="103">
        <v>122</v>
      </c>
      <c r="CW27" s="104">
        <v>169</v>
      </c>
      <c r="CX27" s="105">
        <v>6</v>
      </c>
      <c r="CY27" s="97">
        <v>2</v>
      </c>
      <c r="CZ27" s="98">
        <v>8</v>
      </c>
      <c r="DA27" s="413">
        <v>0</v>
      </c>
      <c r="DB27" s="97">
        <v>6</v>
      </c>
      <c r="DC27" s="97">
        <v>4</v>
      </c>
      <c r="DD27" s="97">
        <v>5</v>
      </c>
      <c r="DE27" s="97">
        <v>3</v>
      </c>
      <c r="DF27" s="97">
        <v>0</v>
      </c>
      <c r="DG27" s="99">
        <v>18</v>
      </c>
      <c r="DH27" s="100">
        <v>26</v>
      </c>
      <c r="DI27" s="101">
        <v>0</v>
      </c>
      <c r="DJ27" s="102">
        <v>0</v>
      </c>
      <c r="DK27" s="103">
        <v>0</v>
      </c>
      <c r="DL27" s="413">
        <v>0</v>
      </c>
      <c r="DM27" s="102">
        <v>1</v>
      </c>
      <c r="DN27" s="102">
        <v>0</v>
      </c>
      <c r="DO27" s="102">
        <v>0</v>
      </c>
      <c r="DP27" s="102">
        <v>0</v>
      </c>
      <c r="DQ27" s="102">
        <v>0</v>
      </c>
      <c r="DR27" s="103">
        <v>1</v>
      </c>
      <c r="DS27" s="104">
        <v>1</v>
      </c>
      <c r="DT27" s="101">
        <v>1</v>
      </c>
      <c r="DU27" s="102">
        <v>0</v>
      </c>
      <c r="DV27" s="103">
        <v>1</v>
      </c>
      <c r="DW27" s="413">
        <v>0</v>
      </c>
      <c r="DX27" s="102">
        <v>0</v>
      </c>
      <c r="DY27" s="102">
        <v>0</v>
      </c>
      <c r="DZ27" s="102">
        <v>0</v>
      </c>
      <c r="EA27" s="102">
        <v>0</v>
      </c>
      <c r="EB27" s="102">
        <v>0</v>
      </c>
      <c r="EC27" s="103">
        <v>0</v>
      </c>
      <c r="ED27" s="104">
        <v>1</v>
      </c>
      <c r="EE27" s="101">
        <v>0</v>
      </c>
      <c r="EF27" s="102">
        <v>0</v>
      </c>
      <c r="EG27" s="103">
        <v>0</v>
      </c>
      <c r="EH27" s="413">
        <v>0</v>
      </c>
      <c r="EI27" s="102">
        <v>1</v>
      </c>
      <c r="EJ27" s="102">
        <v>1</v>
      </c>
      <c r="EK27" s="102">
        <v>0</v>
      </c>
      <c r="EL27" s="102">
        <v>0</v>
      </c>
      <c r="EM27" s="102">
        <v>0</v>
      </c>
      <c r="EN27" s="103">
        <v>2</v>
      </c>
      <c r="EO27" s="104">
        <v>2</v>
      </c>
      <c r="EP27" s="101">
        <v>0</v>
      </c>
      <c r="EQ27" s="102">
        <v>1</v>
      </c>
      <c r="ER27" s="103">
        <v>1</v>
      </c>
      <c r="ES27" s="413">
        <v>0</v>
      </c>
      <c r="ET27" s="102">
        <v>1</v>
      </c>
      <c r="EU27" s="102">
        <v>0</v>
      </c>
      <c r="EV27" s="102">
        <v>0</v>
      </c>
      <c r="EW27" s="102">
        <v>1</v>
      </c>
      <c r="EX27" s="102">
        <v>0</v>
      </c>
      <c r="EY27" s="103">
        <v>2</v>
      </c>
      <c r="EZ27" s="104">
        <v>3</v>
      </c>
      <c r="FA27" s="101">
        <v>5</v>
      </c>
      <c r="FB27" s="102">
        <v>1</v>
      </c>
      <c r="FC27" s="103">
        <v>6</v>
      </c>
      <c r="FD27" s="413">
        <v>0</v>
      </c>
      <c r="FE27" s="102">
        <v>1</v>
      </c>
      <c r="FF27" s="102">
        <v>2</v>
      </c>
      <c r="FG27" s="102">
        <v>0</v>
      </c>
      <c r="FH27" s="102">
        <v>0</v>
      </c>
      <c r="FI27" s="102">
        <v>0</v>
      </c>
      <c r="FJ27" s="103">
        <v>3</v>
      </c>
      <c r="FK27" s="104">
        <v>9</v>
      </c>
      <c r="FL27" s="101">
        <v>0</v>
      </c>
      <c r="FM27" s="102">
        <v>0</v>
      </c>
      <c r="FN27" s="103">
        <v>0</v>
      </c>
      <c r="FO27" s="413">
        <v>0</v>
      </c>
      <c r="FP27" s="102">
        <v>2</v>
      </c>
      <c r="FQ27" s="102">
        <v>1</v>
      </c>
      <c r="FR27" s="102">
        <v>5</v>
      </c>
      <c r="FS27" s="102">
        <v>2</v>
      </c>
      <c r="FT27" s="102">
        <v>0</v>
      </c>
      <c r="FU27" s="103">
        <v>10</v>
      </c>
      <c r="FV27" s="104">
        <v>10</v>
      </c>
      <c r="FW27" s="101">
        <v>0</v>
      </c>
      <c r="FX27" s="102">
        <v>0</v>
      </c>
      <c r="FY27" s="103">
        <v>0</v>
      </c>
      <c r="FZ27" s="413">
        <v>0</v>
      </c>
      <c r="GA27" s="102">
        <v>0</v>
      </c>
      <c r="GB27" s="102">
        <v>0</v>
      </c>
      <c r="GC27" s="102">
        <v>0</v>
      </c>
      <c r="GD27" s="102">
        <v>0</v>
      </c>
      <c r="GE27" s="102">
        <v>0</v>
      </c>
      <c r="GF27" s="103">
        <v>0</v>
      </c>
      <c r="GG27" s="104">
        <v>0</v>
      </c>
      <c r="GH27" s="101">
        <v>6</v>
      </c>
      <c r="GI27" s="102">
        <v>2</v>
      </c>
      <c r="GJ27" s="103">
        <v>8</v>
      </c>
      <c r="GK27" s="413">
        <v>0</v>
      </c>
      <c r="GL27" s="102">
        <v>6</v>
      </c>
      <c r="GM27" s="102">
        <v>4</v>
      </c>
      <c r="GN27" s="102">
        <v>5</v>
      </c>
      <c r="GO27" s="102">
        <v>3</v>
      </c>
      <c r="GP27" s="102">
        <v>0</v>
      </c>
      <c r="GQ27" s="103">
        <v>18</v>
      </c>
      <c r="GR27" s="104">
        <v>26</v>
      </c>
      <c r="GS27" s="105">
        <v>33</v>
      </c>
      <c r="GT27" s="97">
        <v>22</v>
      </c>
      <c r="GU27" s="98">
        <v>55</v>
      </c>
      <c r="GV27" s="413">
        <v>0</v>
      </c>
      <c r="GW27" s="97">
        <v>48</v>
      </c>
      <c r="GX27" s="97">
        <v>32</v>
      </c>
      <c r="GY27" s="97">
        <v>28</v>
      </c>
      <c r="GZ27" s="97">
        <v>23</v>
      </c>
      <c r="HA27" s="97">
        <v>9</v>
      </c>
      <c r="HB27" s="99">
        <v>140</v>
      </c>
      <c r="HC27" s="100">
        <v>195</v>
      </c>
      <c r="HD27" s="101">
        <v>0</v>
      </c>
      <c r="HE27" s="102">
        <v>0</v>
      </c>
      <c r="HF27" s="103">
        <v>0</v>
      </c>
      <c r="HG27" s="413">
        <v>0</v>
      </c>
      <c r="HH27" s="102">
        <v>1</v>
      </c>
      <c r="HI27" s="102">
        <v>0</v>
      </c>
      <c r="HJ27" s="102">
        <v>0</v>
      </c>
      <c r="HK27" s="102">
        <v>0</v>
      </c>
      <c r="HL27" s="102">
        <v>0</v>
      </c>
      <c r="HM27" s="103">
        <v>1</v>
      </c>
      <c r="HN27" s="104">
        <v>1</v>
      </c>
      <c r="HO27" s="101">
        <v>1</v>
      </c>
      <c r="HP27" s="102">
        <v>0</v>
      </c>
      <c r="HQ27" s="103">
        <v>1</v>
      </c>
      <c r="HR27" s="413">
        <v>0</v>
      </c>
      <c r="HS27" s="102">
        <v>2</v>
      </c>
      <c r="HT27" s="102">
        <v>1</v>
      </c>
      <c r="HU27" s="102">
        <v>1</v>
      </c>
      <c r="HV27" s="102">
        <v>1</v>
      </c>
      <c r="HW27" s="102">
        <v>1</v>
      </c>
      <c r="HX27" s="103">
        <v>6</v>
      </c>
      <c r="HY27" s="104">
        <v>7</v>
      </c>
      <c r="HZ27" s="101">
        <v>1</v>
      </c>
      <c r="IA27" s="102">
        <v>4</v>
      </c>
      <c r="IB27" s="103">
        <v>5</v>
      </c>
      <c r="IC27" s="413">
        <v>0</v>
      </c>
      <c r="ID27" s="102">
        <v>2</v>
      </c>
      <c r="IE27" s="102">
        <v>3</v>
      </c>
      <c r="IF27" s="102">
        <v>3</v>
      </c>
      <c r="IG27" s="102">
        <v>3</v>
      </c>
      <c r="IH27" s="102">
        <v>0</v>
      </c>
      <c r="II27" s="103">
        <v>11</v>
      </c>
      <c r="IJ27" s="104">
        <v>16</v>
      </c>
      <c r="IK27" s="101">
        <v>4</v>
      </c>
      <c r="IL27" s="102">
        <v>3</v>
      </c>
      <c r="IM27" s="103">
        <v>7</v>
      </c>
      <c r="IN27" s="413">
        <v>0</v>
      </c>
      <c r="IO27" s="102">
        <v>8</v>
      </c>
      <c r="IP27" s="102">
        <v>5</v>
      </c>
      <c r="IQ27" s="102">
        <v>2</v>
      </c>
      <c r="IR27" s="102">
        <v>5</v>
      </c>
      <c r="IS27" s="102">
        <v>1</v>
      </c>
      <c r="IT27" s="103">
        <v>21</v>
      </c>
      <c r="IU27" s="104">
        <v>28</v>
      </c>
      <c r="IV27" s="101">
        <v>15</v>
      </c>
      <c r="IW27" s="102">
        <v>8</v>
      </c>
      <c r="IX27" s="103">
        <v>23</v>
      </c>
      <c r="IY27" s="413">
        <v>0</v>
      </c>
      <c r="IZ27" s="102">
        <v>16</v>
      </c>
      <c r="JA27" s="102">
        <v>9</v>
      </c>
      <c r="JB27" s="102">
        <v>6</v>
      </c>
      <c r="JC27" s="102">
        <v>5</v>
      </c>
      <c r="JD27" s="102">
        <v>1</v>
      </c>
      <c r="JE27" s="103">
        <v>37</v>
      </c>
      <c r="JF27" s="104">
        <v>60</v>
      </c>
      <c r="JG27" s="101">
        <v>12</v>
      </c>
      <c r="JH27" s="102">
        <v>7</v>
      </c>
      <c r="JI27" s="103">
        <v>19</v>
      </c>
      <c r="JJ27" s="413">
        <v>0</v>
      </c>
      <c r="JK27" s="102">
        <v>19</v>
      </c>
      <c r="JL27" s="102">
        <v>14</v>
      </c>
      <c r="JM27" s="102">
        <v>16</v>
      </c>
      <c r="JN27" s="102">
        <v>9</v>
      </c>
      <c r="JO27" s="102">
        <v>6</v>
      </c>
      <c r="JP27" s="103">
        <v>64</v>
      </c>
      <c r="JQ27" s="104">
        <v>83</v>
      </c>
      <c r="JR27" s="101">
        <v>0</v>
      </c>
      <c r="JS27" s="102">
        <v>0</v>
      </c>
      <c r="JT27" s="103">
        <v>0</v>
      </c>
      <c r="JU27" s="413">
        <v>0</v>
      </c>
      <c r="JV27" s="102">
        <v>0</v>
      </c>
      <c r="JW27" s="102">
        <v>0</v>
      </c>
      <c r="JX27" s="102">
        <v>0</v>
      </c>
      <c r="JY27" s="102">
        <v>0</v>
      </c>
      <c r="JZ27" s="102">
        <v>0</v>
      </c>
      <c r="KA27" s="103">
        <v>0</v>
      </c>
      <c r="KB27" s="104">
        <v>0</v>
      </c>
      <c r="KC27" s="101">
        <v>33</v>
      </c>
      <c r="KD27" s="102">
        <v>22</v>
      </c>
      <c r="KE27" s="103">
        <v>55</v>
      </c>
      <c r="KF27" s="413">
        <v>0</v>
      </c>
      <c r="KG27" s="102">
        <v>48</v>
      </c>
      <c r="KH27" s="102">
        <v>32</v>
      </c>
      <c r="KI27" s="102">
        <v>28</v>
      </c>
      <c r="KJ27" s="102">
        <v>23</v>
      </c>
      <c r="KK27" s="102">
        <v>9</v>
      </c>
      <c r="KL27" s="103">
        <v>140</v>
      </c>
      <c r="KM27" s="104">
        <v>195</v>
      </c>
    </row>
    <row r="28" spans="2:299" s="70" customFormat="1" ht="21" customHeight="1" x14ac:dyDescent="0.2">
      <c r="B28" s="106" t="s">
        <v>25</v>
      </c>
      <c r="C28" s="96">
        <v>14</v>
      </c>
      <c r="D28" s="97">
        <v>30</v>
      </c>
      <c r="E28" s="98">
        <v>44</v>
      </c>
      <c r="F28" s="413">
        <v>0</v>
      </c>
      <c r="G28" s="97">
        <v>23</v>
      </c>
      <c r="H28" s="97">
        <v>18</v>
      </c>
      <c r="I28" s="97">
        <v>14</v>
      </c>
      <c r="J28" s="97">
        <v>8</v>
      </c>
      <c r="K28" s="97">
        <v>3</v>
      </c>
      <c r="L28" s="99">
        <v>66</v>
      </c>
      <c r="M28" s="100">
        <v>110</v>
      </c>
      <c r="N28" s="101">
        <v>0</v>
      </c>
      <c r="O28" s="102">
        <v>0</v>
      </c>
      <c r="P28" s="103">
        <v>0</v>
      </c>
      <c r="Q28" s="413">
        <v>0</v>
      </c>
      <c r="R28" s="102">
        <v>1</v>
      </c>
      <c r="S28" s="102">
        <v>1</v>
      </c>
      <c r="T28" s="102">
        <v>0</v>
      </c>
      <c r="U28" s="102">
        <v>0</v>
      </c>
      <c r="V28" s="102">
        <v>0</v>
      </c>
      <c r="W28" s="103">
        <v>2</v>
      </c>
      <c r="X28" s="104">
        <v>2</v>
      </c>
      <c r="Y28" s="101">
        <v>2</v>
      </c>
      <c r="Z28" s="102">
        <v>1</v>
      </c>
      <c r="AA28" s="103">
        <v>3</v>
      </c>
      <c r="AB28" s="413">
        <v>0</v>
      </c>
      <c r="AC28" s="102">
        <v>0</v>
      </c>
      <c r="AD28" s="102">
        <v>1</v>
      </c>
      <c r="AE28" s="102">
        <v>0</v>
      </c>
      <c r="AF28" s="102">
        <v>2</v>
      </c>
      <c r="AG28" s="102">
        <v>0</v>
      </c>
      <c r="AH28" s="103">
        <v>3</v>
      </c>
      <c r="AI28" s="104">
        <v>6</v>
      </c>
      <c r="AJ28" s="101">
        <v>1</v>
      </c>
      <c r="AK28" s="102">
        <v>4</v>
      </c>
      <c r="AL28" s="103">
        <v>5</v>
      </c>
      <c r="AM28" s="413">
        <v>0</v>
      </c>
      <c r="AN28" s="102">
        <v>2</v>
      </c>
      <c r="AO28" s="102">
        <v>2</v>
      </c>
      <c r="AP28" s="102">
        <v>2</v>
      </c>
      <c r="AQ28" s="102">
        <v>1</v>
      </c>
      <c r="AR28" s="102">
        <v>0</v>
      </c>
      <c r="AS28" s="103">
        <v>7</v>
      </c>
      <c r="AT28" s="104">
        <v>12</v>
      </c>
      <c r="AU28" s="101">
        <v>4</v>
      </c>
      <c r="AV28" s="102">
        <v>15</v>
      </c>
      <c r="AW28" s="103">
        <v>19</v>
      </c>
      <c r="AX28" s="413">
        <v>0</v>
      </c>
      <c r="AY28" s="102">
        <v>7</v>
      </c>
      <c r="AZ28" s="102">
        <v>3</v>
      </c>
      <c r="BA28" s="102">
        <v>3</v>
      </c>
      <c r="BB28" s="102">
        <v>0</v>
      </c>
      <c r="BC28" s="102">
        <v>1</v>
      </c>
      <c r="BD28" s="103">
        <v>14</v>
      </c>
      <c r="BE28" s="104">
        <v>33</v>
      </c>
      <c r="BF28" s="101">
        <v>4</v>
      </c>
      <c r="BG28" s="102">
        <v>5</v>
      </c>
      <c r="BH28" s="103">
        <v>9</v>
      </c>
      <c r="BI28" s="413">
        <v>0</v>
      </c>
      <c r="BJ28" s="102">
        <v>6</v>
      </c>
      <c r="BK28" s="102">
        <v>7</v>
      </c>
      <c r="BL28" s="102">
        <v>4</v>
      </c>
      <c r="BM28" s="102">
        <v>1</v>
      </c>
      <c r="BN28" s="102">
        <v>0</v>
      </c>
      <c r="BO28" s="103">
        <v>18</v>
      </c>
      <c r="BP28" s="104">
        <v>27</v>
      </c>
      <c r="BQ28" s="101">
        <v>3</v>
      </c>
      <c r="BR28" s="102">
        <v>5</v>
      </c>
      <c r="BS28" s="103">
        <v>8</v>
      </c>
      <c r="BT28" s="413">
        <v>0</v>
      </c>
      <c r="BU28" s="102">
        <v>7</v>
      </c>
      <c r="BV28" s="102">
        <v>4</v>
      </c>
      <c r="BW28" s="102">
        <v>5</v>
      </c>
      <c r="BX28" s="102">
        <v>4</v>
      </c>
      <c r="BY28" s="102">
        <v>2</v>
      </c>
      <c r="BZ28" s="103">
        <v>22</v>
      </c>
      <c r="CA28" s="104">
        <v>30</v>
      </c>
      <c r="CB28" s="101">
        <v>0</v>
      </c>
      <c r="CC28" s="102">
        <v>0</v>
      </c>
      <c r="CD28" s="103">
        <v>0</v>
      </c>
      <c r="CE28" s="413">
        <v>0</v>
      </c>
      <c r="CF28" s="102">
        <v>0</v>
      </c>
      <c r="CG28" s="102">
        <v>0</v>
      </c>
      <c r="CH28" s="102">
        <v>0</v>
      </c>
      <c r="CI28" s="102">
        <v>0</v>
      </c>
      <c r="CJ28" s="102">
        <v>0</v>
      </c>
      <c r="CK28" s="103">
        <v>0</v>
      </c>
      <c r="CL28" s="104">
        <v>0</v>
      </c>
      <c r="CM28" s="101">
        <v>14</v>
      </c>
      <c r="CN28" s="102">
        <v>30</v>
      </c>
      <c r="CO28" s="103">
        <v>44</v>
      </c>
      <c r="CP28" s="413">
        <v>0</v>
      </c>
      <c r="CQ28" s="102">
        <v>23</v>
      </c>
      <c r="CR28" s="102">
        <v>18</v>
      </c>
      <c r="CS28" s="102">
        <v>14</v>
      </c>
      <c r="CT28" s="102">
        <v>8</v>
      </c>
      <c r="CU28" s="102">
        <v>3</v>
      </c>
      <c r="CV28" s="103">
        <v>66</v>
      </c>
      <c r="CW28" s="104">
        <v>110</v>
      </c>
      <c r="CX28" s="105">
        <v>2</v>
      </c>
      <c r="CY28" s="97">
        <v>1</v>
      </c>
      <c r="CZ28" s="98">
        <v>3</v>
      </c>
      <c r="DA28" s="413">
        <v>0</v>
      </c>
      <c r="DB28" s="97">
        <v>5</v>
      </c>
      <c r="DC28" s="97">
        <v>2</v>
      </c>
      <c r="DD28" s="97">
        <v>2</v>
      </c>
      <c r="DE28" s="97">
        <v>1</v>
      </c>
      <c r="DF28" s="97">
        <v>0</v>
      </c>
      <c r="DG28" s="99">
        <v>10</v>
      </c>
      <c r="DH28" s="100">
        <v>13</v>
      </c>
      <c r="DI28" s="101">
        <v>0</v>
      </c>
      <c r="DJ28" s="102">
        <v>1</v>
      </c>
      <c r="DK28" s="103">
        <v>1</v>
      </c>
      <c r="DL28" s="413">
        <v>0</v>
      </c>
      <c r="DM28" s="102">
        <v>0</v>
      </c>
      <c r="DN28" s="102">
        <v>0</v>
      </c>
      <c r="DO28" s="102">
        <v>0</v>
      </c>
      <c r="DP28" s="102">
        <v>0</v>
      </c>
      <c r="DQ28" s="102">
        <v>0</v>
      </c>
      <c r="DR28" s="103">
        <v>0</v>
      </c>
      <c r="DS28" s="104">
        <v>1</v>
      </c>
      <c r="DT28" s="101">
        <v>0</v>
      </c>
      <c r="DU28" s="102">
        <v>0</v>
      </c>
      <c r="DV28" s="103">
        <v>0</v>
      </c>
      <c r="DW28" s="413">
        <v>0</v>
      </c>
      <c r="DX28" s="102">
        <v>0</v>
      </c>
      <c r="DY28" s="102">
        <v>0</v>
      </c>
      <c r="DZ28" s="102">
        <v>0</v>
      </c>
      <c r="EA28" s="102">
        <v>0</v>
      </c>
      <c r="EB28" s="102">
        <v>0</v>
      </c>
      <c r="EC28" s="103">
        <v>0</v>
      </c>
      <c r="ED28" s="104">
        <v>0</v>
      </c>
      <c r="EE28" s="101">
        <v>0</v>
      </c>
      <c r="EF28" s="102">
        <v>0</v>
      </c>
      <c r="EG28" s="103">
        <v>0</v>
      </c>
      <c r="EH28" s="413">
        <v>0</v>
      </c>
      <c r="EI28" s="102">
        <v>0</v>
      </c>
      <c r="EJ28" s="102">
        <v>1</v>
      </c>
      <c r="EK28" s="102">
        <v>0</v>
      </c>
      <c r="EL28" s="102">
        <v>0</v>
      </c>
      <c r="EM28" s="102">
        <v>0</v>
      </c>
      <c r="EN28" s="103">
        <v>1</v>
      </c>
      <c r="EO28" s="104">
        <v>1</v>
      </c>
      <c r="EP28" s="101">
        <v>0</v>
      </c>
      <c r="EQ28" s="102">
        <v>0</v>
      </c>
      <c r="ER28" s="103">
        <v>0</v>
      </c>
      <c r="ES28" s="413">
        <v>0</v>
      </c>
      <c r="ET28" s="102">
        <v>0</v>
      </c>
      <c r="EU28" s="102">
        <v>1</v>
      </c>
      <c r="EV28" s="102">
        <v>0</v>
      </c>
      <c r="EW28" s="102">
        <v>0</v>
      </c>
      <c r="EX28" s="102">
        <v>0</v>
      </c>
      <c r="EY28" s="103">
        <v>1</v>
      </c>
      <c r="EZ28" s="104">
        <v>1</v>
      </c>
      <c r="FA28" s="101">
        <v>0</v>
      </c>
      <c r="FB28" s="102">
        <v>0</v>
      </c>
      <c r="FC28" s="103">
        <v>0</v>
      </c>
      <c r="FD28" s="413">
        <v>0</v>
      </c>
      <c r="FE28" s="102">
        <v>1</v>
      </c>
      <c r="FF28" s="102">
        <v>0</v>
      </c>
      <c r="FG28" s="102">
        <v>1</v>
      </c>
      <c r="FH28" s="102">
        <v>0</v>
      </c>
      <c r="FI28" s="102">
        <v>0</v>
      </c>
      <c r="FJ28" s="103">
        <v>2</v>
      </c>
      <c r="FK28" s="104">
        <v>2</v>
      </c>
      <c r="FL28" s="101">
        <v>2</v>
      </c>
      <c r="FM28" s="102">
        <v>0</v>
      </c>
      <c r="FN28" s="103">
        <v>2</v>
      </c>
      <c r="FO28" s="413">
        <v>0</v>
      </c>
      <c r="FP28" s="102">
        <v>4</v>
      </c>
      <c r="FQ28" s="102">
        <v>0</v>
      </c>
      <c r="FR28" s="102">
        <v>1</v>
      </c>
      <c r="FS28" s="102">
        <v>1</v>
      </c>
      <c r="FT28" s="102">
        <v>0</v>
      </c>
      <c r="FU28" s="103">
        <v>6</v>
      </c>
      <c r="FV28" s="104">
        <v>8</v>
      </c>
      <c r="FW28" s="101">
        <v>0</v>
      </c>
      <c r="FX28" s="102">
        <v>0</v>
      </c>
      <c r="FY28" s="103">
        <v>0</v>
      </c>
      <c r="FZ28" s="413">
        <v>0</v>
      </c>
      <c r="GA28" s="102">
        <v>0</v>
      </c>
      <c r="GB28" s="102">
        <v>0</v>
      </c>
      <c r="GC28" s="102">
        <v>0</v>
      </c>
      <c r="GD28" s="102">
        <v>0</v>
      </c>
      <c r="GE28" s="102">
        <v>0</v>
      </c>
      <c r="GF28" s="103">
        <v>0</v>
      </c>
      <c r="GG28" s="104">
        <v>0</v>
      </c>
      <c r="GH28" s="101">
        <v>2</v>
      </c>
      <c r="GI28" s="102">
        <v>1</v>
      </c>
      <c r="GJ28" s="103">
        <v>3</v>
      </c>
      <c r="GK28" s="413">
        <v>0</v>
      </c>
      <c r="GL28" s="102">
        <v>5</v>
      </c>
      <c r="GM28" s="102">
        <v>2</v>
      </c>
      <c r="GN28" s="102">
        <v>2</v>
      </c>
      <c r="GO28" s="102">
        <v>1</v>
      </c>
      <c r="GP28" s="102">
        <v>0</v>
      </c>
      <c r="GQ28" s="103">
        <v>10</v>
      </c>
      <c r="GR28" s="104">
        <v>13</v>
      </c>
      <c r="GS28" s="105">
        <v>16</v>
      </c>
      <c r="GT28" s="97">
        <v>31</v>
      </c>
      <c r="GU28" s="98">
        <v>47</v>
      </c>
      <c r="GV28" s="413">
        <v>0</v>
      </c>
      <c r="GW28" s="97">
        <v>28</v>
      </c>
      <c r="GX28" s="97">
        <v>20</v>
      </c>
      <c r="GY28" s="97">
        <v>16</v>
      </c>
      <c r="GZ28" s="97">
        <v>9</v>
      </c>
      <c r="HA28" s="97">
        <v>3</v>
      </c>
      <c r="HB28" s="99">
        <v>76</v>
      </c>
      <c r="HC28" s="100">
        <v>123</v>
      </c>
      <c r="HD28" s="101">
        <v>0</v>
      </c>
      <c r="HE28" s="102">
        <v>1</v>
      </c>
      <c r="HF28" s="103">
        <v>1</v>
      </c>
      <c r="HG28" s="413">
        <v>0</v>
      </c>
      <c r="HH28" s="102">
        <v>1</v>
      </c>
      <c r="HI28" s="102">
        <v>1</v>
      </c>
      <c r="HJ28" s="102">
        <v>0</v>
      </c>
      <c r="HK28" s="102">
        <v>0</v>
      </c>
      <c r="HL28" s="102">
        <v>0</v>
      </c>
      <c r="HM28" s="103">
        <v>2</v>
      </c>
      <c r="HN28" s="104">
        <v>3</v>
      </c>
      <c r="HO28" s="101">
        <v>2</v>
      </c>
      <c r="HP28" s="102">
        <v>1</v>
      </c>
      <c r="HQ28" s="103">
        <v>3</v>
      </c>
      <c r="HR28" s="413">
        <v>0</v>
      </c>
      <c r="HS28" s="102">
        <v>0</v>
      </c>
      <c r="HT28" s="102">
        <v>1</v>
      </c>
      <c r="HU28" s="102">
        <v>0</v>
      </c>
      <c r="HV28" s="102">
        <v>2</v>
      </c>
      <c r="HW28" s="102">
        <v>0</v>
      </c>
      <c r="HX28" s="103">
        <v>3</v>
      </c>
      <c r="HY28" s="104">
        <v>6</v>
      </c>
      <c r="HZ28" s="101">
        <v>1</v>
      </c>
      <c r="IA28" s="102">
        <v>4</v>
      </c>
      <c r="IB28" s="103">
        <v>5</v>
      </c>
      <c r="IC28" s="413">
        <v>0</v>
      </c>
      <c r="ID28" s="102">
        <v>2</v>
      </c>
      <c r="IE28" s="102">
        <v>3</v>
      </c>
      <c r="IF28" s="102">
        <v>2</v>
      </c>
      <c r="IG28" s="102">
        <v>1</v>
      </c>
      <c r="IH28" s="102">
        <v>0</v>
      </c>
      <c r="II28" s="103">
        <v>8</v>
      </c>
      <c r="IJ28" s="104">
        <v>13</v>
      </c>
      <c r="IK28" s="101">
        <v>4</v>
      </c>
      <c r="IL28" s="102">
        <v>15</v>
      </c>
      <c r="IM28" s="103">
        <v>19</v>
      </c>
      <c r="IN28" s="413">
        <v>0</v>
      </c>
      <c r="IO28" s="102">
        <v>7</v>
      </c>
      <c r="IP28" s="102">
        <v>4</v>
      </c>
      <c r="IQ28" s="102">
        <v>3</v>
      </c>
      <c r="IR28" s="102">
        <v>0</v>
      </c>
      <c r="IS28" s="102">
        <v>1</v>
      </c>
      <c r="IT28" s="103">
        <v>15</v>
      </c>
      <c r="IU28" s="104">
        <v>34</v>
      </c>
      <c r="IV28" s="101">
        <v>4</v>
      </c>
      <c r="IW28" s="102">
        <v>5</v>
      </c>
      <c r="IX28" s="103">
        <v>9</v>
      </c>
      <c r="IY28" s="413">
        <v>0</v>
      </c>
      <c r="IZ28" s="102">
        <v>7</v>
      </c>
      <c r="JA28" s="102">
        <v>7</v>
      </c>
      <c r="JB28" s="102">
        <v>5</v>
      </c>
      <c r="JC28" s="102">
        <v>1</v>
      </c>
      <c r="JD28" s="102">
        <v>0</v>
      </c>
      <c r="JE28" s="103">
        <v>20</v>
      </c>
      <c r="JF28" s="104">
        <v>29</v>
      </c>
      <c r="JG28" s="101">
        <v>5</v>
      </c>
      <c r="JH28" s="102">
        <v>5</v>
      </c>
      <c r="JI28" s="103">
        <v>10</v>
      </c>
      <c r="JJ28" s="413">
        <v>0</v>
      </c>
      <c r="JK28" s="102">
        <v>11</v>
      </c>
      <c r="JL28" s="102">
        <v>4</v>
      </c>
      <c r="JM28" s="102">
        <v>6</v>
      </c>
      <c r="JN28" s="102">
        <v>5</v>
      </c>
      <c r="JO28" s="102">
        <v>2</v>
      </c>
      <c r="JP28" s="103">
        <v>28</v>
      </c>
      <c r="JQ28" s="104">
        <v>38</v>
      </c>
      <c r="JR28" s="101">
        <v>0</v>
      </c>
      <c r="JS28" s="102">
        <v>0</v>
      </c>
      <c r="JT28" s="103">
        <v>0</v>
      </c>
      <c r="JU28" s="413">
        <v>0</v>
      </c>
      <c r="JV28" s="102">
        <v>0</v>
      </c>
      <c r="JW28" s="102">
        <v>0</v>
      </c>
      <c r="JX28" s="102">
        <v>0</v>
      </c>
      <c r="JY28" s="102">
        <v>0</v>
      </c>
      <c r="JZ28" s="102">
        <v>0</v>
      </c>
      <c r="KA28" s="103">
        <v>0</v>
      </c>
      <c r="KB28" s="104">
        <v>0</v>
      </c>
      <c r="KC28" s="101">
        <v>16</v>
      </c>
      <c r="KD28" s="102">
        <v>31</v>
      </c>
      <c r="KE28" s="103">
        <v>47</v>
      </c>
      <c r="KF28" s="413">
        <v>0</v>
      </c>
      <c r="KG28" s="102">
        <v>28</v>
      </c>
      <c r="KH28" s="102">
        <v>20</v>
      </c>
      <c r="KI28" s="102">
        <v>16</v>
      </c>
      <c r="KJ28" s="102">
        <v>9</v>
      </c>
      <c r="KK28" s="102">
        <v>3</v>
      </c>
      <c r="KL28" s="103">
        <v>76</v>
      </c>
      <c r="KM28" s="104">
        <v>123</v>
      </c>
    </row>
    <row r="29" spans="2:299" s="70" customFormat="1" ht="21" customHeight="1" x14ac:dyDescent="0.2">
      <c r="B29" s="106" t="s">
        <v>26</v>
      </c>
      <c r="C29" s="96">
        <v>29</v>
      </c>
      <c r="D29" s="97">
        <v>20</v>
      </c>
      <c r="E29" s="98">
        <v>49</v>
      </c>
      <c r="F29" s="413">
        <v>0</v>
      </c>
      <c r="G29" s="97">
        <v>32</v>
      </c>
      <c r="H29" s="97">
        <v>22</v>
      </c>
      <c r="I29" s="97">
        <v>14</v>
      </c>
      <c r="J29" s="97">
        <v>14</v>
      </c>
      <c r="K29" s="97">
        <v>9</v>
      </c>
      <c r="L29" s="99">
        <v>91</v>
      </c>
      <c r="M29" s="100">
        <v>140</v>
      </c>
      <c r="N29" s="101">
        <v>0</v>
      </c>
      <c r="O29" s="102">
        <v>0</v>
      </c>
      <c r="P29" s="103">
        <v>0</v>
      </c>
      <c r="Q29" s="413">
        <v>0</v>
      </c>
      <c r="R29" s="102">
        <v>0</v>
      </c>
      <c r="S29" s="102">
        <v>0</v>
      </c>
      <c r="T29" s="102">
        <v>1</v>
      </c>
      <c r="U29" s="102">
        <v>0</v>
      </c>
      <c r="V29" s="102">
        <v>0</v>
      </c>
      <c r="W29" s="103">
        <v>1</v>
      </c>
      <c r="X29" s="104">
        <v>1</v>
      </c>
      <c r="Y29" s="101">
        <v>0</v>
      </c>
      <c r="Z29" s="102">
        <v>0</v>
      </c>
      <c r="AA29" s="103">
        <v>0</v>
      </c>
      <c r="AB29" s="413">
        <v>0</v>
      </c>
      <c r="AC29" s="102">
        <v>2</v>
      </c>
      <c r="AD29" s="102">
        <v>1</v>
      </c>
      <c r="AE29" s="102">
        <v>0</v>
      </c>
      <c r="AF29" s="102">
        <v>0</v>
      </c>
      <c r="AG29" s="102">
        <v>0</v>
      </c>
      <c r="AH29" s="103">
        <v>3</v>
      </c>
      <c r="AI29" s="104">
        <v>3</v>
      </c>
      <c r="AJ29" s="101">
        <v>1</v>
      </c>
      <c r="AK29" s="102">
        <v>3</v>
      </c>
      <c r="AL29" s="103">
        <v>4</v>
      </c>
      <c r="AM29" s="413">
        <v>0</v>
      </c>
      <c r="AN29" s="102">
        <v>5</v>
      </c>
      <c r="AO29" s="102">
        <v>0</v>
      </c>
      <c r="AP29" s="102">
        <v>0</v>
      </c>
      <c r="AQ29" s="102">
        <v>0</v>
      </c>
      <c r="AR29" s="102">
        <v>1</v>
      </c>
      <c r="AS29" s="103">
        <v>6</v>
      </c>
      <c r="AT29" s="104">
        <v>10</v>
      </c>
      <c r="AU29" s="101">
        <v>9</v>
      </c>
      <c r="AV29" s="102">
        <v>9</v>
      </c>
      <c r="AW29" s="103">
        <v>18</v>
      </c>
      <c r="AX29" s="413">
        <v>0</v>
      </c>
      <c r="AY29" s="102">
        <v>6</v>
      </c>
      <c r="AZ29" s="102">
        <v>7</v>
      </c>
      <c r="BA29" s="102">
        <v>3</v>
      </c>
      <c r="BB29" s="102">
        <v>6</v>
      </c>
      <c r="BC29" s="102">
        <v>1</v>
      </c>
      <c r="BD29" s="103">
        <v>23</v>
      </c>
      <c r="BE29" s="104">
        <v>41</v>
      </c>
      <c r="BF29" s="101">
        <v>8</v>
      </c>
      <c r="BG29" s="102">
        <v>3</v>
      </c>
      <c r="BH29" s="103">
        <v>11</v>
      </c>
      <c r="BI29" s="413">
        <v>0</v>
      </c>
      <c r="BJ29" s="102">
        <v>9</v>
      </c>
      <c r="BK29" s="102">
        <v>7</v>
      </c>
      <c r="BL29" s="102">
        <v>5</v>
      </c>
      <c r="BM29" s="102">
        <v>4</v>
      </c>
      <c r="BN29" s="102">
        <v>4</v>
      </c>
      <c r="BO29" s="103">
        <v>29</v>
      </c>
      <c r="BP29" s="104">
        <v>40</v>
      </c>
      <c r="BQ29" s="101">
        <v>11</v>
      </c>
      <c r="BR29" s="102">
        <v>5</v>
      </c>
      <c r="BS29" s="103">
        <v>16</v>
      </c>
      <c r="BT29" s="413">
        <v>0</v>
      </c>
      <c r="BU29" s="102">
        <v>10</v>
      </c>
      <c r="BV29" s="102">
        <v>7</v>
      </c>
      <c r="BW29" s="102">
        <v>5</v>
      </c>
      <c r="BX29" s="102">
        <v>4</v>
      </c>
      <c r="BY29" s="102">
        <v>3</v>
      </c>
      <c r="BZ29" s="103">
        <v>29</v>
      </c>
      <c r="CA29" s="104">
        <v>45</v>
      </c>
      <c r="CB29" s="101">
        <v>0</v>
      </c>
      <c r="CC29" s="102">
        <v>0</v>
      </c>
      <c r="CD29" s="103">
        <v>0</v>
      </c>
      <c r="CE29" s="413">
        <v>0</v>
      </c>
      <c r="CF29" s="102">
        <v>0</v>
      </c>
      <c r="CG29" s="102">
        <v>0</v>
      </c>
      <c r="CH29" s="102">
        <v>0</v>
      </c>
      <c r="CI29" s="102">
        <v>0</v>
      </c>
      <c r="CJ29" s="102">
        <v>0</v>
      </c>
      <c r="CK29" s="103">
        <v>0</v>
      </c>
      <c r="CL29" s="104">
        <v>0</v>
      </c>
      <c r="CM29" s="101">
        <v>29</v>
      </c>
      <c r="CN29" s="102">
        <v>20</v>
      </c>
      <c r="CO29" s="103">
        <v>49</v>
      </c>
      <c r="CP29" s="413">
        <v>0</v>
      </c>
      <c r="CQ29" s="102">
        <v>32</v>
      </c>
      <c r="CR29" s="102">
        <v>22</v>
      </c>
      <c r="CS29" s="102">
        <v>14</v>
      </c>
      <c r="CT29" s="102">
        <v>14</v>
      </c>
      <c r="CU29" s="102">
        <v>9</v>
      </c>
      <c r="CV29" s="103">
        <v>91</v>
      </c>
      <c r="CW29" s="104">
        <v>140</v>
      </c>
      <c r="CX29" s="105">
        <v>2</v>
      </c>
      <c r="CY29" s="97">
        <v>5</v>
      </c>
      <c r="CZ29" s="98">
        <v>7</v>
      </c>
      <c r="DA29" s="413">
        <v>0</v>
      </c>
      <c r="DB29" s="97">
        <v>6</v>
      </c>
      <c r="DC29" s="97">
        <v>2</v>
      </c>
      <c r="DD29" s="97">
        <v>2</v>
      </c>
      <c r="DE29" s="97">
        <v>3</v>
      </c>
      <c r="DF29" s="97">
        <v>2</v>
      </c>
      <c r="DG29" s="99">
        <v>15</v>
      </c>
      <c r="DH29" s="100">
        <v>22</v>
      </c>
      <c r="DI29" s="101">
        <v>0</v>
      </c>
      <c r="DJ29" s="102">
        <v>1</v>
      </c>
      <c r="DK29" s="103">
        <v>1</v>
      </c>
      <c r="DL29" s="413">
        <v>0</v>
      </c>
      <c r="DM29" s="102">
        <v>0</v>
      </c>
      <c r="DN29" s="102">
        <v>0</v>
      </c>
      <c r="DO29" s="102">
        <v>0</v>
      </c>
      <c r="DP29" s="102">
        <v>0</v>
      </c>
      <c r="DQ29" s="102">
        <v>0</v>
      </c>
      <c r="DR29" s="103">
        <v>0</v>
      </c>
      <c r="DS29" s="104">
        <v>1</v>
      </c>
      <c r="DT29" s="101">
        <v>0</v>
      </c>
      <c r="DU29" s="102">
        <v>0</v>
      </c>
      <c r="DV29" s="103">
        <v>0</v>
      </c>
      <c r="DW29" s="413">
        <v>0</v>
      </c>
      <c r="DX29" s="102">
        <v>0</v>
      </c>
      <c r="DY29" s="102">
        <v>0</v>
      </c>
      <c r="DZ29" s="102">
        <v>0</v>
      </c>
      <c r="EA29" s="102">
        <v>1</v>
      </c>
      <c r="EB29" s="102">
        <v>0</v>
      </c>
      <c r="EC29" s="103">
        <v>1</v>
      </c>
      <c r="ED29" s="104">
        <v>1</v>
      </c>
      <c r="EE29" s="101">
        <v>1</v>
      </c>
      <c r="EF29" s="102">
        <v>0</v>
      </c>
      <c r="EG29" s="103">
        <v>1</v>
      </c>
      <c r="EH29" s="413">
        <v>0</v>
      </c>
      <c r="EI29" s="102">
        <v>0</v>
      </c>
      <c r="EJ29" s="102">
        <v>0</v>
      </c>
      <c r="EK29" s="102">
        <v>0</v>
      </c>
      <c r="EL29" s="102">
        <v>0</v>
      </c>
      <c r="EM29" s="102">
        <v>0</v>
      </c>
      <c r="EN29" s="103">
        <v>0</v>
      </c>
      <c r="EO29" s="104">
        <v>1</v>
      </c>
      <c r="EP29" s="101">
        <v>1</v>
      </c>
      <c r="EQ29" s="102">
        <v>1</v>
      </c>
      <c r="ER29" s="103">
        <v>2</v>
      </c>
      <c r="ES29" s="413">
        <v>0</v>
      </c>
      <c r="ET29" s="102">
        <v>2</v>
      </c>
      <c r="EU29" s="102">
        <v>1</v>
      </c>
      <c r="EV29" s="102">
        <v>0</v>
      </c>
      <c r="EW29" s="102">
        <v>1</v>
      </c>
      <c r="EX29" s="102">
        <v>0</v>
      </c>
      <c r="EY29" s="103">
        <v>4</v>
      </c>
      <c r="EZ29" s="104">
        <v>6</v>
      </c>
      <c r="FA29" s="101">
        <v>0</v>
      </c>
      <c r="FB29" s="102">
        <v>1</v>
      </c>
      <c r="FC29" s="103">
        <v>1</v>
      </c>
      <c r="FD29" s="413">
        <v>0</v>
      </c>
      <c r="FE29" s="102">
        <v>1</v>
      </c>
      <c r="FF29" s="102">
        <v>1</v>
      </c>
      <c r="FG29" s="102">
        <v>0</v>
      </c>
      <c r="FH29" s="102">
        <v>0</v>
      </c>
      <c r="FI29" s="102">
        <v>0</v>
      </c>
      <c r="FJ29" s="103">
        <v>2</v>
      </c>
      <c r="FK29" s="104">
        <v>3</v>
      </c>
      <c r="FL29" s="101">
        <v>0</v>
      </c>
      <c r="FM29" s="102">
        <v>2</v>
      </c>
      <c r="FN29" s="103">
        <v>2</v>
      </c>
      <c r="FO29" s="413">
        <v>0</v>
      </c>
      <c r="FP29" s="102">
        <v>3</v>
      </c>
      <c r="FQ29" s="102">
        <v>0</v>
      </c>
      <c r="FR29" s="102">
        <v>2</v>
      </c>
      <c r="FS29" s="102">
        <v>1</v>
      </c>
      <c r="FT29" s="102">
        <v>2</v>
      </c>
      <c r="FU29" s="103">
        <v>8</v>
      </c>
      <c r="FV29" s="104">
        <v>10</v>
      </c>
      <c r="FW29" s="101">
        <v>0</v>
      </c>
      <c r="FX29" s="102">
        <v>0</v>
      </c>
      <c r="FY29" s="103">
        <v>0</v>
      </c>
      <c r="FZ29" s="413">
        <v>0</v>
      </c>
      <c r="GA29" s="102">
        <v>0</v>
      </c>
      <c r="GB29" s="102">
        <v>0</v>
      </c>
      <c r="GC29" s="102">
        <v>0</v>
      </c>
      <c r="GD29" s="102">
        <v>0</v>
      </c>
      <c r="GE29" s="102">
        <v>0</v>
      </c>
      <c r="GF29" s="103">
        <v>0</v>
      </c>
      <c r="GG29" s="104">
        <v>0</v>
      </c>
      <c r="GH29" s="101">
        <v>2</v>
      </c>
      <c r="GI29" s="102">
        <v>5</v>
      </c>
      <c r="GJ29" s="103">
        <v>7</v>
      </c>
      <c r="GK29" s="413">
        <v>0</v>
      </c>
      <c r="GL29" s="102">
        <v>6</v>
      </c>
      <c r="GM29" s="102">
        <v>2</v>
      </c>
      <c r="GN29" s="102">
        <v>2</v>
      </c>
      <c r="GO29" s="102">
        <v>3</v>
      </c>
      <c r="GP29" s="102">
        <v>2</v>
      </c>
      <c r="GQ29" s="103">
        <v>15</v>
      </c>
      <c r="GR29" s="104">
        <v>22</v>
      </c>
      <c r="GS29" s="105">
        <v>31</v>
      </c>
      <c r="GT29" s="97">
        <v>25</v>
      </c>
      <c r="GU29" s="98">
        <v>56</v>
      </c>
      <c r="GV29" s="413">
        <v>0</v>
      </c>
      <c r="GW29" s="97">
        <v>38</v>
      </c>
      <c r="GX29" s="97">
        <v>24</v>
      </c>
      <c r="GY29" s="97">
        <v>16</v>
      </c>
      <c r="GZ29" s="97">
        <v>17</v>
      </c>
      <c r="HA29" s="97">
        <v>11</v>
      </c>
      <c r="HB29" s="99">
        <v>106</v>
      </c>
      <c r="HC29" s="100">
        <v>162</v>
      </c>
      <c r="HD29" s="101">
        <v>0</v>
      </c>
      <c r="HE29" s="102">
        <v>1</v>
      </c>
      <c r="HF29" s="103">
        <v>1</v>
      </c>
      <c r="HG29" s="413">
        <v>0</v>
      </c>
      <c r="HH29" s="102">
        <v>0</v>
      </c>
      <c r="HI29" s="102">
        <v>0</v>
      </c>
      <c r="HJ29" s="102">
        <v>1</v>
      </c>
      <c r="HK29" s="102">
        <v>0</v>
      </c>
      <c r="HL29" s="102">
        <v>0</v>
      </c>
      <c r="HM29" s="103">
        <v>1</v>
      </c>
      <c r="HN29" s="104">
        <v>2</v>
      </c>
      <c r="HO29" s="101">
        <v>0</v>
      </c>
      <c r="HP29" s="102">
        <v>0</v>
      </c>
      <c r="HQ29" s="103">
        <v>0</v>
      </c>
      <c r="HR29" s="413">
        <v>0</v>
      </c>
      <c r="HS29" s="102">
        <v>2</v>
      </c>
      <c r="HT29" s="102">
        <v>1</v>
      </c>
      <c r="HU29" s="102">
        <v>0</v>
      </c>
      <c r="HV29" s="102">
        <v>1</v>
      </c>
      <c r="HW29" s="102">
        <v>0</v>
      </c>
      <c r="HX29" s="103">
        <v>4</v>
      </c>
      <c r="HY29" s="104">
        <v>4</v>
      </c>
      <c r="HZ29" s="101">
        <v>2</v>
      </c>
      <c r="IA29" s="102">
        <v>3</v>
      </c>
      <c r="IB29" s="103">
        <v>5</v>
      </c>
      <c r="IC29" s="413">
        <v>0</v>
      </c>
      <c r="ID29" s="102">
        <v>5</v>
      </c>
      <c r="IE29" s="102">
        <v>0</v>
      </c>
      <c r="IF29" s="102">
        <v>0</v>
      </c>
      <c r="IG29" s="102">
        <v>0</v>
      </c>
      <c r="IH29" s="102">
        <v>1</v>
      </c>
      <c r="II29" s="103">
        <v>6</v>
      </c>
      <c r="IJ29" s="104">
        <v>11</v>
      </c>
      <c r="IK29" s="101">
        <v>10</v>
      </c>
      <c r="IL29" s="102">
        <v>10</v>
      </c>
      <c r="IM29" s="103">
        <v>20</v>
      </c>
      <c r="IN29" s="413">
        <v>0</v>
      </c>
      <c r="IO29" s="102">
        <v>8</v>
      </c>
      <c r="IP29" s="102">
        <v>8</v>
      </c>
      <c r="IQ29" s="102">
        <v>3</v>
      </c>
      <c r="IR29" s="102">
        <v>7</v>
      </c>
      <c r="IS29" s="102">
        <v>1</v>
      </c>
      <c r="IT29" s="103">
        <v>27</v>
      </c>
      <c r="IU29" s="104">
        <v>47</v>
      </c>
      <c r="IV29" s="101">
        <v>8</v>
      </c>
      <c r="IW29" s="102">
        <v>4</v>
      </c>
      <c r="IX29" s="103">
        <v>12</v>
      </c>
      <c r="IY29" s="413">
        <v>0</v>
      </c>
      <c r="IZ29" s="102">
        <v>10</v>
      </c>
      <c r="JA29" s="102">
        <v>8</v>
      </c>
      <c r="JB29" s="102">
        <v>5</v>
      </c>
      <c r="JC29" s="102">
        <v>4</v>
      </c>
      <c r="JD29" s="102">
        <v>4</v>
      </c>
      <c r="JE29" s="103">
        <v>31</v>
      </c>
      <c r="JF29" s="104">
        <v>43</v>
      </c>
      <c r="JG29" s="101">
        <v>11</v>
      </c>
      <c r="JH29" s="102">
        <v>7</v>
      </c>
      <c r="JI29" s="103">
        <v>18</v>
      </c>
      <c r="JJ29" s="413">
        <v>0</v>
      </c>
      <c r="JK29" s="102">
        <v>13</v>
      </c>
      <c r="JL29" s="102">
        <v>7</v>
      </c>
      <c r="JM29" s="102">
        <v>7</v>
      </c>
      <c r="JN29" s="102">
        <v>5</v>
      </c>
      <c r="JO29" s="102">
        <v>5</v>
      </c>
      <c r="JP29" s="103">
        <v>37</v>
      </c>
      <c r="JQ29" s="104">
        <v>55</v>
      </c>
      <c r="JR29" s="101">
        <v>0</v>
      </c>
      <c r="JS29" s="102">
        <v>0</v>
      </c>
      <c r="JT29" s="103">
        <v>0</v>
      </c>
      <c r="JU29" s="413">
        <v>0</v>
      </c>
      <c r="JV29" s="102">
        <v>0</v>
      </c>
      <c r="JW29" s="102">
        <v>0</v>
      </c>
      <c r="JX29" s="102">
        <v>0</v>
      </c>
      <c r="JY29" s="102">
        <v>0</v>
      </c>
      <c r="JZ29" s="102">
        <v>0</v>
      </c>
      <c r="KA29" s="103">
        <v>0</v>
      </c>
      <c r="KB29" s="104">
        <v>0</v>
      </c>
      <c r="KC29" s="101">
        <v>31</v>
      </c>
      <c r="KD29" s="102">
        <v>25</v>
      </c>
      <c r="KE29" s="103">
        <v>56</v>
      </c>
      <c r="KF29" s="413">
        <v>0</v>
      </c>
      <c r="KG29" s="102">
        <v>38</v>
      </c>
      <c r="KH29" s="102">
        <v>24</v>
      </c>
      <c r="KI29" s="102">
        <v>16</v>
      </c>
      <c r="KJ29" s="102">
        <v>17</v>
      </c>
      <c r="KK29" s="102">
        <v>11</v>
      </c>
      <c r="KL29" s="103">
        <v>106</v>
      </c>
      <c r="KM29" s="104">
        <v>162</v>
      </c>
    </row>
    <row r="30" spans="2:299" s="70" customFormat="1" ht="21" customHeight="1" x14ac:dyDescent="0.2">
      <c r="B30" s="106" t="s">
        <v>27</v>
      </c>
      <c r="C30" s="96">
        <v>28</v>
      </c>
      <c r="D30" s="97">
        <v>27</v>
      </c>
      <c r="E30" s="98">
        <v>55</v>
      </c>
      <c r="F30" s="413">
        <v>0</v>
      </c>
      <c r="G30" s="97">
        <v>21</v>
      </c>
      <c r="H30" s="97">
        <v>18</v>
      </c>
      <c r="I30" s="97">
        <v>11</v>
      </c>
      <c r="J30" s="97">
        <v>19</v>
      </c>
      <c r="K30" s="97">
        <v>13</v>
      </c>
      <c r="L30" s="99">
        <v>82</v>
      </c>
      <c r="M30" s="100">
        <v>137</v>
      </c>
      <c r="N30" s="101">
        <v>0</v>
      </c>
      <c r="O30" s="102">
        <v>1</v>
      </c>
      <c r="P30" s="103">
        <v>1</v>
      </c>
      <c r="Q30" s="413">
        <v>0</v>
      </c>
      <c r="R30" s="102">
        <v>0</v>
      </c>
      <c r="S30" s="102">
        <v>0</v>
      </c>
      <c r="T30" s="102">
        <v>0</v>
      </c>
      <c r="U30" s="102">
        <v>0</v>
      </c>
      <c r="V30" s="102">
        <v>1</v>
      </c>
      <c r="W30" s="103">
        <v>1</v>
      </c>
      <c r="X30" s="104">
        <v>2</v>
      </c>
      <c r="Y30" s="101">
        <v>1</v>
      </c>
      <c r="Z30" s="102">
        <v>0</v>
      </c>
      <c r="AA30" s="103">
        <v>1</v>
      </c>
      <c r="AB30" s="413">
        <v>0</v>
      </c>
      <c r="AC30" s="102">
        <v>0</v>
      </c>
      <c r="AD30" s="102">
        <v>1</v>
      </c>
      <c r="AE30" s="102">
        <v>1</v>
      </c>
      <c r="AF30" s="102">
        <v>0</v>
      </c>
      <c r="AG30" s="102">
        <v>1</v>
      </c>
      <c r="AH30" s="103">
        <v>3</v>
      </c>
      <c r="AI30" s="104">
        <v>4</v>
      </c>
      <c r="AJ30" s="101">
        <v>3</v>
      </c>
      <c r="AK30" s="102">
        <v>5</v>
      </c>
      <c r="AL30" s="103">
        <v>8</v>
      </c>
      <c r="AM30" s="413">
        <v>0</v>
      </c>
      <c r="AN30" s="102">
        <v>2</v>
      </c>
      <c r="AO30" s="102">
        <v>1</v>
      </c>
      <c r="AP30" s="102">
        <v>0</v>
      </c>
      <c r="AQ30" s="102">
        <v>2</v>
      </c>
      <c r="AR30" s="102">
        <v>1</v>
      </c>
      <c r="AS30" s="103">
        <v>6</v>
      </c>
      <c r="AT30" s="104">
        <v>14</v>
      </c>
      <c r="AU30" s="101">
        <v>8</v>
      </c>
      <c r="AV30" s="102">
        <v>5</v>
      </c>
      <c r="AW30" s="103">
        <v>13</v>
      </c>
      <c r="AX30" s="413">
        <v>0</v>
      </c>
      <c r="AY30" s="102">
        <v>3</v>
      </c>
      <c r="AZ30" s="102">
        <v>5</v>
      </c>
      <c r="BA30" s="102">
        <v>5</v>
      </c>
      <c r="BB30" s="102">
        <v>0</v>
      </c>
      <c r="BC30" s="102">
        <v>3</v>
      </c>
      <c r="BD30" s="103">
        <v>16</v>
      </c>
      <c r="BE30" s="104">
        <v>29</v>
      </c>
      <c r="BF30" s="101">
        <v>8</v>
      </c>
      <c r="BG30" s="102">
        <v>7</v>
      </c>
      <c r="BH30" s="103">
        <v>15</v>
      </c>
      <c r="BI30" s="413">
        <v>0</v>
      </c>
      <c r="BJ30" s="102">
        <v>8</v>
      </c>
      <c r="BK30" s="102">
        <v>5</v>
      </c>
      <c r="BL30" s="102">
        <v>4</v>
      </c>
      <c r="BM30" s="102">
        <v>5</v>
      </c>
      <c r="BN30" s="102">
        <v>5</v>
      </c>
      <c r="BO30" s="103">
        <v>27</v>
      </c>
      <c r="BP30" s="104">
        <v>42</v>
      </c>
      <c r="BQ30" s="101">
        <v>8</v>
      </c>
      <c r="BR30" s="102">
        <v>9</v>
      </c>
      <c r="BS30" s="103">
        <v>17</v>
      </c>
      <c r="BT30" s="413">
        <v>0</v>
      </c>
      <c r="BU30" s="102">
        <v>8</v>
      </c>
      <c r="BV30" s="102">
        <v>6</v>
      </c>
      <c r="BW30" s="102">
        <v>1</v>
      </c>
      <c r="BX30" s="102">
        <v>12</v>
      </c>
      <c r="BY30" s="102">
        <v>2</v>
      </c>
      <c r="BZ30" s="103">
        <v>29</v>
      </c>
      <c r="CA30" s="104">
        <v>46</v>
      </c>
      <c r="CB30" s="101">
        <v>0</v>
      </c>
      <c r="CC30" s="102">
        <v>0</v>
      </c>
      <c r="CD30" s="103">
        <v>0</v>
      </c>
      <c r="CE30" s="413">
        <v>0</v>
      </c>
      <c r="CF30" s="102">
        <v>0</v>
      </c>
      <c r="CG30" s="102">
        <v>0</v>
      </c>
      <c r="CH30" s="102">
        <v>0</v>
      </c>
      <c r="CI30" s="102">
        <v>0</v>
      </c>
      <c r="CJ30" s="102">
        <v>0</v>
      </c>
      <c r="CK30" s="103">
        <v>0</v>
      </c>
      <c r="CL30" s="104">
        <v>0</v>
      </c>
      <c r="CM30" s="101">
        <v>28</v>
      </c>
      <c r="CN30" s="102">
        <v>27</v>
      </c>
      <c r="CO30" s="103">
        <v>55</v>
      </c>
      <c r="CP30" s="413">
        <v>0</v>
      </c>
      <c r="CQ30" s="102">
        <v>21</v>
      </c>
      <c r="CR30" s="102">
        <v>18</v>
      </c>
      <c r="CS30" s="102">
        <v>11</v>
      </c>
      <c r="CT30" s="102">
        <v>19</v>
      </c>
      <c r="CU30" s="102">
        <v>13</v>
      </c>
      <c r="CV30" s="103">
        <v>82</v>
      </c>
      <c r="CW30" s="104">
        <v>137</v>
      </c>
      <c r="CX30" s="105">
        <v>5</v>
      </c>
      <c r="CY30" s="97">
        <v>4</v>
      </c>
      <c r="CZ30" s="98">
        <v>9</v>
      </c>
      <c r="DA30" s="413">
        <v>0</v>
      </c>
      <c r="DB30" s="97">
        <v>3</v>
      </c>
      <c r="DC30" s="97">
        <v>1</v>
      </c>
      <c r="DD30" s="97">
        <v>4</v>
      </c>
      <c r="DE30" s="97">
        <v>2</v>
      </c>
      <c r="DF30" s="97">
        <v>0</v>
      </c>
      <c r="DG30" s="99">
        <v>10</v>
      </c>
      <c r="DH30" s="100">
        <v>19</v>
      </c>
      <c r="DI30" s="101">
        <v>0</v>
      </c>
      <c r="DJ30" s="102">
        <v>0</v>
      </c>
      <c r="DK30" s="103">
        <v>0</v>
      </c>
      <c r="DL30" s="413">
        <v>0</v>
      </c>
      <c r="DM30" s="102">
        <v>0</v>
      </c>
      <c r="DN30" s="102">
        <v>0</v>
      </c>
      <c r="DO30" s="102">
        <v>0</v>
      </c>
      <c r="DP30" s="102">
        <v>0</v>
      </c>
      <c r="DQ30" s="102">
        <v>0</v>
      </c>
      <c r="DR30" s="103">
        <v>0</v>
      </c>
      <c r="DS30" s="104">
        <v>0</v>
      </c>
      <c r="DT30" s="101">
        <v>1</v>
      </c>
      <c r="DU30" s="102">
        <v>0</v>
      </c>
      <c r="DV30" s="103">
        <v>1</v>
      </c>
      <c r="DW30" s="413">
        <v>0</v>
      </c>
      <c r="DX30" s="102">
        <v>0</v>
      </c>
      <c r="DY30" s="102">
        <v>0</v>
      </c>
      <c r="DZ30" s="102">
        <v>0</v>
      </c>
      <c r="EA30" s="102">
        <v>1</v>
      </c>
      <c r="EB30" s="102">
        <v>0</v>
      </c>
      <c r="EC30" s="103">
        <v>1</v>
      </c>
      <c r="ED30" s="104">
        <v>2</v>
      </c>
      <c r="EE30" s="101">
        <v>0</v>
      </c>
      <c r="EF30" s="102">
        <v>0</v>
      </c>
      <c r="EG30" s="103">
        <v>0</v>
      </c>
      <c r="EH30" s="413">
        <v>0</v>
      </c>
      <c r="EI30" s="102">
        <v>0</v>
      </c>
      <c r="EJ30" s="102">
        <v>0</v>
      </c>
      <c r="EK30" s="102">
        <v>0</v>
      </c>
      <c r="EL30" s="102">
        <v>0</v>
      </c>
      <c r="EM30" s="102">
        <v>0</v>
      </c>
      <c r="EN30" s="103">
        <v>0</v>
      </c>
      <c r="EO30" s="104">
        <v>0</v>
      </c>
      <c r="EP30" s="101">
        <v>1</v>
      </c>
      <c r="EQ30" s="102">
        <v>1</v>
      </c>
      <c r="ER30" s="103">
        <v>2</v>
      </c>
      <c r="ES30" s="413">
        <v>0</v>
      </c>
      <c r="ET30" s="102">
        <v>0</v>
      </c>
      <c r="EU30" s="102">
        <v>0</v>
      </c>
      <c r="EV30" s="102">
        <v>0</v>
      </c>
      <c r="EW30" s="102">
        <v>0</v>
      </c>
      <c r="EX30" s="102">
        <v>0</v>
      </c>
      <c r="EY30" s="103">
        <v>0</v>
      </c>
      <c r="EZ30" s="104">
        <v>2</v>
      </c>
      <c r="FA30" s="101">
        <v>1</v>
      </c>
      <c r="FB30" s="102">
        <v>1</v>
      </c>
      <c r="FC30" s="103">
        <v>2</v>
      </c>
      <c r="FD30" s="413">
        <v>0</v>
      </c>
      <c r="FE30" s="102">
        <v>2</v>
      </c>
      <c r="FF30" s="102">
        <v>1</v>
      </c>
      <c r="FG30" s="102">
        <v>1</v>
      </c>
      <c r="FH30" s="102">
        <v>0</v>
      </c>
      <c r="FI30" s="102">
        <v>0</v>
      </c>
      <c r="FJ30" s="103">
        <v>4</v>
      </c>
      <c r="FK30" s="104">
        <v>6</v>
      </c>
      <c r="FL30" s="101">
        <v>2</v>
      </c>
      <c r="FM30" s="102">
        <v>2</v>
      </c>
      <c r="FN30" s="103">
        <v>4</v>
      </c>
      <c r="FO30" s="413">
        <v>0</v>
      </c>
      <c r="FP30" s="102">
        <v>1</v>
      </c>
      <c r="FQ30" s="102">
        <v>0</v>
      </c>
      <c r="FR30" s="102">
        <v>3</v>
      </c>
      <c r="FS30" s="102">
        <v>1</v>
      </c>
      <c r="FT30" s="102">
        <v>0</v>
      </c>
      <c r="FU30" s="103">
        <v>5</v>
      </c>
      <c r="FV30" s="104">
        <v>9</v>
      </c>
      <c r="FW30" s="101">
        <v>0</v>
      </c>
      <c r="FX30" s="102">
        <v>0</v>
      </c>
      <c r="FY30" s="103">
        <v>0</v>
      </c>
      <c r="FZ30" s="413">
        <v>0</v>
      </c>
      <c r="GA30" s="102">
        <v>0</v>
      </c>
      <c r="GB30" s="102">
        <v>0</v>
      </c>
      <c r="GC30" s="102">
        <v>0</v>
      </c>
      <c r="GD30" s="102">
        <v>0</v>
      </c>
      <c r="GE30" s="102">
        <v>0</v>
      </c>
      <c r="GF30" s="103">
        <v>0</v>
      </c>
      <c r="GG30" s="104">
        <v>0</v>
      </c>
      <c r="GH30" s="101">
        <v>5</v>
      </c>
      <c r="GI30" s="102">
        <v>4</v>
      </c>
      <c r="GJ30" s="103">
        <v>9</v>
      </c>
      <c r="GK30" s="413">
        <v>0</v>
      </c>
      <c r="GL30" s="102">
        <v>3</v>
      </c>
      <c r="GM30" s="102">
        <v>1</v>
      </c>
      <c r="GN30" s="102">
        <v>4</v>
      </c>
      <c r="GO30" s="102">
        <v>2</v>
      </c>
      <c r="GP30" s="102">
        <v>0</v>
      </c>
      <c r="GQ30" s="103">
        <v>10</v>
      </c>
      <c r="GR30" s="104">
        <v>19</v>
      </c>
      <c r="GS30" s="105">
        <v>33</v>
      </c>
      <c r="GT30" s="97">
        <v>31</v>
      </c>
      <c r="GU30" s="98">
        <v>64</v>
      </c>
      <c r="GV30" s="413">
        <v>0</v>
      </c>
      <c r="GW30" s="97">
        <v>24</v>
      </c>
      <c r="GX30" s="97">
        <v>19</v>
      </c>
      <c r="GY30" s="97">
        <v>15</v>
      </c>
      <c r="GZ30" s="97">
        <v>21</v>
      </c>
      <c r="HA30" s="97">
        <v>13</v>
      </c>
      <c r="HB30" s="99">
        <v>92</v>
      </c>
      <c r="HC30" s="100">
        <v>156</v>
      </c>
      <c r="HD30" s="101">
        <v>0</v>
      </c>
      <c r="HE30" s="102">
        <v>1</v>
      </c>
      <c r="HF30" s="103">
        <v>1</v>
      </c>
      <c r="HG30" s="413">
        <v>0</v>
      </c>
      <c r="HH30" s="102">
        <v>0</v>
      </c>
      <c r="HI30" s="102">
        <v>0</v>
      </c>
      <c r="HJ30" s="102">
        <v>0</v>
      </c>
      <c r="HK30" s="102">
        <v>0</v>
      </c>
      <c r="HL30" s="102">
        <v>1</v>
      </c>
      <c r="HM30" s="103">
        <v>1</v>
      </c>
      <c r="HN30" s="104">
        <v>2</v>
      </c>
      <c r="HO30" s="101">
        <v>2</v>
      </c>
      <c r="HP30" s="102">
        <v>0</v>
      </c>
      <c r="HQ30" s="103">
        <v>2</v>
      </c>
      <c r="HR30" s="413">
        <v>0</v>
      </c>
      <c r="HS30" s="102">
        <v>0</v>
      </c>
      <c r="HT30" s="102">
        <v>1</v>
      </c>
      <c r="HU30" s="102">
        <v>1</v>
      </c>
      <c r="HV30" s="102">
        <v>1</v>
      </c>
      <c r="HW30" s="102">
        <v>1</v>
      </c>
      <c r="HX30" s="103">
        <v>4</v>
      </c>
      <c r="HY30" s="104">
        <v>6</v>
      </c>
      <c r="HZ30" s="101">
        <v>3</v>
      </c>
      <c r="IA30" s="102">
        <v>5</v>
      </c>
      <c r="IB30" s="103">
        <v>8</v>
      </c>
      <c r="IC30" s="413">
        <v>0</v>
      </c>
      <c r="ID30" s="102">
        <v>2</v>
      </c>
      <c r="IE30" s="102">
        <v>1</v>
      </c>
      <c r="IF30" s="102">
        <v>0</v>
      </c>
      <c r="IG30" s="102">
        <v>2</v>
      </c>
      <c r="IH30" s="102">
        <v>1</v>
      </c>
      <c r="II30" s="103">
        <v>6</v>
      </c>
      <c r="IJ30" s="104">
        <v>14</v>
      </c>
      <c r="IK30" s="101">
        <v>9</v>
      </c>
      <c r="IL30" s="102">
        <v>6</v>
      </c>
      <c r="IM30" s="103">
        <v>15</v>
      </c>
      <c r="IN30" s="413">
        <v>0</v>
      </c>
      <c r="IO30" s="102">
        <v>3</v>
      </c>
      <c r="IP30" s="102">
        <v>5</v>
      </c>
      <c r="IQ30" s="102">
        <v>5</v>
      </c>
      <c r="IR30" s="102">
        <v>0</v>
      </c>
      <c r="IS30" s="102">
        <v>3</v>
      </c>
      <c r="IT30" s="103">
        <v>16</v>
      </c>
      <c r="IU30" s="104">
        <v>31</v>
      </c>
      <c r="IV30" s="101">
        <v>9</v>
      </c>
      <c r="IW30" s="102">
        <v>8</v>
      </c>
      <c r="IX30" s="103">
        <v>17</v>
      </c>
      <c r="IY30" s="413">
        <v>0</v>
      </c>
      <c r="IZ30" s="102">
        <v>10</v>
      </c>
      <c r="JA30" s="102">
        <v>6</v>
      </c>
      <c r="JB30" s="102">
        <v>5</v>
      </c>
      <c r="JC30" s="102">
        <v>5</v>
      </c>
      <c r="JD30" s="102">
        <v>5</v>
      </c>
      <c r="JE30" s="103">
        <v>31</v>
      </c>
      <c r="JF30" s="104">
        <v>48</v>
      </c>
      <c r="JG30" s="101">
        <v>10</v>
      </c>
      <c r="JH30" s="102">
        <v>11</v>
      </c>
      <c r="JI30" s="103">
        <v>21</v>
      </c>
      <c r="JJ30" s="413">
        <v>0</v>
      </c>
      <c r="JK30" s="102">
        <v>9</v>
      </c>
      <c r="JL30" s="102">
        <v>6</v>
      </c>
      <c r="JM30" s="102">
        <v>4</v>
      </c>
      <c r="JN30" s="102">
        <v>13</v>
      </c>
      <c r="JO30" s="102">
        <v>2</v>
      </c>
      <c r="JP30" s="103">
        <v>34</v>
      </c>
      <c r="JQ30" s="104">
        <v>55</v>
      </c>
      <c r="JR30" s="101">
        <v>0</v>
      </c>
      <c r="JS30" s="102">
        <v>0</v>
      </c>
      <c r="JT30" s="103">
        <v>0</v>
      </c>
      <c r="JU30" s="413">
        <v>0</v>
      </c>
      <c r="JV30" s="102">
        <v>0</v>
      </c>
      <c r="JW30" s="102">
        <v>0</v>
      </c>
      <c r="JX30" s="102">
        <v>0</v>
      </c>
      <c r="JY30" s="102">
        <v>0</v>
      </c>
      <c r="JZ30" s="102">
        <v>0</v>
      </c>
      <c r="KA30" s="103">
        <v>0</v>
      </c>
      <c r="KB30" s="104">
        <v>0</v>
      </c>
      <c r="KC30" s="101">
        <v>33</v>
      </c>
      <c r="KD30" s="102">
        <v>31</v>
      </c>
      <c r="KE30" s="103">
        <v>64</v>
      </c>
      <c r="KF30" s="413">
        <v>0</v>
      </c>
      <c r="KG30" s="102">
        <v>24</v>
      </c>
      <c r="KH30" s="102">
        <v>19</v>
      </c>
      <c r="KI30" s="102">
        <v>15</v>
      </c>
      <c r="KJ30" s="102">
        <v>21</v>
      </c>
      <c r="KK30" s="102">
        <v>13</v>
      </c>
      <c r="KL30" s="103">
        <v>92</v>
      </c>
      <c r="KM30" s="104">
        <v>156</v>
      </c>
    </row>
    <row r="31" spans="2:299" s="70" customFormat="1" ht="21" customHeight="1" x14ac:dyDescent="0.2">
      <c r="B31" s="106" t="s">
        <v>28</v>
      </c>
      <c r="C31" s="96">
        <v>1</v>
      </c>
      <c r="D31" s="97">
        <v>6</v>
      </c>
      <c r="E31" s="98">
        <v>7</v>
      </c>
      <c r="F31" s="413">
        <v>0</v>
      </c>
      <c r="G31" s="97">
        <v>14</v>
      </c>
      <c r="H31" s="97">
        <v>7</v>
      </c>
      <c r="I31" s="97">
        <v>3</v>
      </c>
      <c r="J31" s="97">
        <v>2</v>
      </c>
      <c r="K31" s="97">
        <v>1</v>
      </c>
      <c r="L31" s="99">
        <v>27</v>
      </c>
      <c r="M31" s="100">
        <v>34</v>
      </c>
      <c r="N31" s="101">
        <v>0</v>
      </c>
      <c r="O31" s="102">
        <v>0</v>
      </c>
      <c r="P31" s="103">
        <v>0</v>
      </c>
      <c r="Q31" s="413">
        <v>0</v>
      </c>
      <c r="R31" s="102">
        <v>0</v>
      </c>
      <c r="S31" s="102">
        <v>0</v>
      </c>
      <c r="T31" s="102">
        <v>0</v>
      </c>
      <c r="U31" s="102">
        <v>0</v>
      </c>
      <c r="V31" s="102">
        <v>0</v>
      </c>
      <c r="W31" s="103">
        <v>0</v>
      </c>
      <c r="X31" s="104">
        <v>0</v>
      </c>
      <c r="Y31" s="101">
        <v>0</v>
      </c>
      <c r="Z31" s="102">
        <v>0</v>
      </c>
      <c r="AA31" s="103">
        <v>0</v>
      </c>
      <c r="AB31" s="413">
        <v>0</v>
      </c>
      <c r="AC31" s="102">
        <v>1</v>
      </c>
      <c r="AD31" s="102">
        <v>0</v>
      </c>
      <c r="AE31" s="102">
        <v>0</v>
      </c>
      <c r="AF31" s="102">
        <v>0</v>
      </c>
      <c r="AG31" s="102">
        <v>0</v>
      </c>
      <c r="AH31" s="103">
        <v>1</v>
      </c>
      <c r="AI31" s="104">
        <v>1</v>
      </c>
      <c r="AJ31" s="101">
        <v>0</v>
      </c>
      <c r="AK31" s="102">
        <v>2</v>
      </c>
      <c r="AL31" s="103">
        <v>2</v>
      </c>
      <c r="AM31" s="413">
        <v>0</v>
      </c>
      <c r="AN31" s="102">
        <v>3</v>
      </c>
      <c r="AO31" s="102">
        <v>1</v>
      </c>
      <c r="AP31" s="102">
        <v>0</v>
      </c>
      <c r="AQ31" s="102">
        <v>0</v>
      </c>
      <c r="AR31" s="102">
        <v>0</v>
      </c>
      <c r="AS31" s="103">
        <v>4</v>
      </c>
      <c r="AT31" s="104">
        <v>6</v>
      </c>
      <c r="AU31" s="101">
        <v>0</v>
      </c>
      <c r="AV31" s="102">
        <v>2</v>
      </c>
      <c r="AW31" s="103">
        <v>2</v>
      </c>
      <c r="AX31" s="413">
        <v>0</v>
      </c>
      <c r="AY31" s="102">
        <v>3</v>
      </c>
      <c r="AZ31" s="102">
        <v>1</v>
      </c>
      <c r="BA31" s="102">
        <v>0</v>
      </c>
      <c r="BB31" s="102">
        <v>0</v>
      </c>
      <c r="BC31" s="102">
        <v>0</v>
      </c>
      <c r="BD31" s="103">
        <v>4</v>
      </c>
      <c r="BE31" s="104">
        <v>6</v>
      </c>
      <c r="BF31" s="101">
        <v>1</v>
      </c>
      <c r="BG31" s="102">
        <v>2</v>
      </c>
      <c r="BH31" s="103">
        <v>3</v>
      </c>
      <c r="BI31" s="413">
        <v>0</v>
      </c>
      <c r="BJ31" s="102">
        <v>5</v>
      </c>
      <c r="BK31" s="102">
        <v>3</v>
      </c>
      <c r="BL31" s="102">
        <v>1</v>
      </c>
      <c r="BM31" s="102">
        <v>1</v>
      </c>
      <c r="BN31" s="102">
        <v>0</v>
      </c>
      <c r="BO31" s="103">
        <v>10</v>
      </c>
      <c r="BP31" s="104">
        <v>13</v>
      </c>
      <c r="BQ31" s="101">
        <v>0</v>
      </c>
      <c r="BR31" s="102">
        <v>0</v>
      </c>
      <c r="BS31" s="103">
        <v>0</v>
      </c>
      <c r="BT31" s="413">
        <v>0</v>
      </c>
      <c r="BU31" s="102">
        <v>2</v>
      </c>
      <c r="BV31" s="102">
        <v>2</v>
      </c>
      <c r="BW31" s="102">
        <v>2</v>
      </c>
      <c r="BX31" s="102">
        <v>1</v>
      </c>
      <c r="BY31" s="102">
        <v>1</v>
      </c>
      <c r="BZ31" s="103">
        <v>8</v>
      </c>
      <c r="CA31" s="104">
        <v>8</v>
      </c>
      <c r="CB31" s="101">
        <v>0</v>
      </c>
      <c r="CC31" s="102">
        <v>0</v>
      </c>
      <c r="CD31" s="103">
        <v>0</v>
      </c>
      <c r="CE31" s="413">
        <v>0</v>
      </c>
      <c r="CF31" s="102">
        <v>0</v>
      </c>
      <c r="CG31" s="102">
        <v>0</v>
      </c>
      <c r="CH31" s="102">
        <v>0</v>
      </c>
      <c r="CI31" s="102">
        <v>0</v>
      </c>
      <c r="CJ31" s="102">
        <v>0</v>
      </c>
      <c r="CK31" s="103">
        <v>0</v>
      </c>
      <c r="CL31" s="104">
        <v>0</v>
      </c>
      <c r="CM31" s="101">
        <v>1</v>
      </c>
      <c r="CN31" s="102">
        <v>6</v>
      </c>
      <c r="CO31" s="103">
        <v>7</v>
      </c>
      <c r="CP31" s="413">
        <v>0</v>
      </c>
      <c r="CQ31" s="102">
        <v>14</v>
      </c>
      <c r="CR31" s="102">
        <v>7</v>
      </c>
      <c r="CS31" s="102">
        <v>3</v>
      </c>
      <c r="CT31" s="102">
        <v>2</v>
      </c>
      <c r="CU31" s="102">
        <v>1</v>
      </c>
      <c r="CV31" s="103">
        <v>27</v>
      </c>
      <c r="CW31" s="104">
        <v>34</v>
      </c>
      <c r="CX31" s="105">
        <v>0</v>
      </c>
      <c r="CY31" s="97">
        <v>0</v>
      </c>
      <c r="CZ31" s="98">
        <v>0</v>
      </c>
      <c r="DA31" s="413">
        <v>0</v>
      </c>
      <c r="DB31" s="97">
        <v>1</v>
      </c>
      <c r="DC31" s="97">
        <v>1</v>
      </c>
      <c r="DD31" s="97">
        <v>0</v>
      </c>
      <c r="DE31" s="97">
        <v>1</v>
      </c>
      <c r="DF31" s="97">
        <v>1</v>
      </c>
      <c r="DG31" s="99">
        <v>4</v>
      </c>
      <c r="DH31" s="100">
        <v>4</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0</v>
      </c>
      <c r="DY31" s="102">
        <v>0</v>
      </c>
      <c r="DZ31" s="102">
        <v>0</v>
      </c>
      <c r="EA31" s="102">
        <v>0</v>
      </c>
      <c r="EB31" s="102">
        <v>0</v>
      </c>
      <c r="EC31" s="103">
        <v>0</v>
      </c>
      <c r="ED31" s="104">
        <v>0</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0</v>
      </c>
      <c r="FC31" s="103">
        <v>0</v>
      </c>
      <c r="FD31" s="413">
        <v>0</v>
      </c>
      <c r="FE31" s="102">
        <v>1</v>
      </c>
      <c r="FF31" s="102">
        <v>1</v>
      </c>
      <c r="FG31" s="102">
        <v>0</v>
      </c>
      <c r="FH31" s="102">
        <v>0</v>
      </c>
      <c r="FI31" s="102">
        <v>1</v>
      </c>
      <c r="FJ31" s="103">
        <v>3</v>
      </c>
      <c r="FK31" s="104">
        <v>3</v>
      </c>
      <c r="FL31" s="101">
        <v>0</v>
      </c>
      <c r="FM31" s="102">
        <v>0</v>
      </c>
      <c r="FN31" s="103">
        <v>0</v>
      </c>
      <c r="FO31" s="413">
        <v>0</v>
      </c>
      <c r="FP31" s="102">
        <v>0</v>
      </c>
      <c r="FQ31" s="102">
        <v>0</v>
      </c>
      <c r="FR31" s="102">
        <v>0</v>
      </c>
      <c r="FS31" s="102">
        <v>1</v>
      </c>
      <c r="FT31" s="102">
        <v>0</v>
      </c>
      <c r="FU31" s="103">
        <v>1</v>
      </c>
      <c r="FV31" s="104">
        <v>1</v>
      </c>
      <c r="FW31" s="101">
        <v>0</v>
      </c>
      <c r="FX31" s="102">
        <v>0</v>
      </c>
      <c r="FY31" s="103">
        <v>0</v>
      </c>
      <c r="FZ31" s="413">
        <v>0</v>
      </c>
      <c r="GA31" s="102">
        <v>0</v>
      </c>
      <c r="GB31" s="102">
        <v>0</v>
      </c>
      <c r="GC31" s="102">
        <v>0</v>
      </c>
      <c r="GD31" s="102">
        <v>0</v>
      </c>
      <c r="GE31" s="102">
        <v>0</v>
      </c>
      <c r="GF31" s="103">
        <v>0</v>
      </c>
      <c r="GG31" s="104">
        <v>0</v>
      </c>
      <c r="GH31" s="101">
        <v>0</v>
      </c>
      <c r="GI31" s="102">
        <v>0</v>
      </c>
      <c r="GJ31" s="103">
        <v>0</v>
      </c>
      <c r="GK31" s="413">
        <v>0</v>
      </c>
      <c r="GL31" s="102">
        <v>1</v>
      </c>
      <c r="GM31" s="102">
        <v>1</v>
      </c>
      <c r="GN31" s="102">
        <v>0</v>
      </c>
      <c r="GO31" s="102">
        <v>1</v>
      </c>
      <c r="GP31" s="102">
        <v>1</v>
      </c>
      <c r="GQ31" s="103">
        <v>4</v>
      </c>
      <c r="GR31" s="104">
        <v>4</v>
      </c>
      <c r="GS31" s="105">
        <v>1</v>
      </c>
      <c r="GT31" s="97">
        <v>6</v>
      </c>
      <c r="GU31" s="98">
        <v>7</v>
      </c>
      <c r="GV31" s="413">
        <v>0</v>
      </c>
      <c r="GW31" s="97">
        <v>15</v>
      </c>
      <c r="GX31" s="97">
        <v>8</v>
      </c>
      <c r="GY31" s="97">
        <v>3</v>
      </c>
      <c r="GZ31" s="97">
        <v>3</v>
      </c>
      <c r="HA31" s="97">
        <v>2</v>
      </c>
      <c r="HB31" s="99">
        <v>31</v>
      </c>
      <c r="HC31" s="100">
        <v>38</v>
      </c>
      <c r="HD31" s="101">
        <v>0</v>
      </c>
      <c r="HE31" s="102">
        <v>0</v>
      </c>
      <c r="HF31" s="103">
        <v>0</v>
      </c>
      <c r="HG31" s="413">
        <v>0</v>
      </c>
      <c r="HH31" s="102">
        <v>0</v>
      </c>
      <c r="HI31" s="102">
        <v>0</v>
      </c>
      <c r="HJ31" s="102">
        <v>0</v>
      </c>
      <c r="HK31" s="102">
        <v>0</v>
      </c>
      <c r="HL31" s="102">
        <v>0</v>
      </c>
      <c r="HM31" s="103">
        <v>0</v>
      </c>
      <c r="HN31" s="104">
        <v>0</v>
      </c>
      <c r="HO31" s="101">
        <v>0</v>
      </c>
      <c r="HP31" s="102">
        <v>0</v>
      </c>
      <c r="HQ31" s="103">
        <v>0</v>
      </c>
      <c r="HR31" s="413">
        <v>0</v>
      </c>
      <c r="HS31" s="102">
        <v>1</v>
      </c>
      <c r="HT31" s="102">
        <v>0</v>
      </c>
      <c r="HU31" s="102">
        <v>0</v>
      </c>
      <c r="HV31" s="102">
        <v>0</v>
      </c>
      <c r="HW31" s="102">
        <v>0</v>
      </c>
      <c r="HX31" s="103">
        <v>1</v>
      </c>
      <c r="HY31" s="104">
        <v>1</v>
      </c>
      <c r="HZ31" s="101">
        <v>0</v>
      </c>
      <c r="IA31" s="102">
        <v>2</v>
      </c>
      <c r="IB31" s="103">
        <v>2</v>
      </c>
      <c r="IC31" s="413">
        <v>0</v>
      </c>
      <c r="ID31" s="102">
        <v>3</v>
      </c>
      <c r="IE31" s="102">
        <v>1</v>
      </c>
      <c r="IF31" s="102">
        <v>0</v>
      </c>
      <c r="IG31" s="102">
        <v>0</v>
      </c>
      <c r="IH31" s="102">
        <v>0</v>
      </c>
      <c r="II31" s="103">
        <v>4</v>
      </c>
      <c r="IJ31" s="104">
        <v>6</v>
      </c>
      <c r="IK31" s="101">
        <v>0</v>
      </c>
      <c r="IL31" s="102">
        <v>2</v>
      </c>
      <c r="IM31" s="103">
        <v>2</v>
      </c>
      <c r="IN31" s="413">
        <v>0</v>
      </c>
      <c r="IO31" s="102">
        <v>3</v>
      </c>
      <c r="IP31" s="102">
        <v>1</v>
      </c>
      <c r="IQ31" s="102">
        <v>0</v>
      </c>
      <c r="IR31" s="102">
        <v>0</v>
      </c>
      <c r="IS31" s="102">
        <v>0</v>
      </c>
      <c r="IT31" s="103">
        <v>4</v>
      </c>
      <c r="IU31" s="104">
        <v>6</v>
      </c>
      <c r="IV31" s="101">
        <v>1</v>
      </c>
      <c r="IW31" s="102">
        <v>2</v>
      </c>
      <c r="IX31" s="103">
        <v>3</v>
      </c>
      <c r="IY31" s="413">
        <v>0</v>
      </c>
      <c r="IZ31" s="102">
        <v>6</v>
      </c>
      <c r="JA31" s="102">
        <v>4</v>
      </c>
      <c r="JB31" s="102">
        <v>1</v>
      </c>
      <c r="JC31" s="102">
        <v>1</v>
      </c>
      <c r="JD31" s="102">
        <v>1</v>
      </c>
      <c r="JE31" s="103">
        <v>13</v>
      </c>
      <c r="JF31" s="104">
        <v>16</v>
      </c>
      <c r="JG31" s="101">
        <v>0</v>
      </c>
      <c r="JH31" s="102">
        <v>0</v>
      </c>
      <c r="JI31" s="103">
        <v>0</v>
      </c>
      <c r="JJ31" s="413">
        <v>0</v>
      </c>
      <c r="JK31" s="102">
        <v>2</v>
      </c>
      <c r="JL31" s="102">
        <v>2</v>
      </c>
      <c r="JM31" s="102">
        <v>2</v>
      </c>
      <c r="JN31" s="102">
        <v>2</v>
      </c>
      <c r="JO31" s="102">
        <v>1</v>
      </c>
      <c r="JP31" s="103">
        <v>9</v>
      </c>
      <c r="JQ31" s="104">
        <v>9</v>
      </c>
      <c r="JR31" s="101">
        <v>0</v>
      </c>
      <c r="JS31" s="102">
        <v>0</v>
      </c>
      <c r="JT31" s="103">
        <v>0</v>
      </c>
      <c r="JU31" s="413">
        <v>0</v>
      </c>
      <c r="JV31" s="102">
        <v>0</v>
      </c>
      <c r="JW31" s="102">
        <v>0</v>
      </c>
      <c r="JX31" s="102">
        <v>0</v>
      </c>
      <c r="JY31" s="102">
        <v>0</v>
      </c>
      <c r="JZ31" s="102">
        <v>0</v>
      </c>
      <c r="KA31" s="103">
        <v>0</v>
      </c>
      <c r="KB31" s="104">
        <v>0</v>
      </c>
      <c r="KC31" s="101">
        <v>1</v>
      </c>
      <c r="KD31" s="102">
        <v>6</v>
      </c>
      <c r="KE31" s="103">
        <v>7</v>
      </c>
      <c r="KF31" s="413">
        <v>0</v>
      </c>
      <c r="KG31" s="102">
        <v>15</v>
      </c>
      <c r="KH31" s="102">
        <v>8</v>
      </c>
      <c r="KI31" s="102">
        <v>3</v>
      </c>
      <c r="KJ31" s="102">
        <v>3</v>
      </c>
      <c r="KK31" s="102">
        <v>2</v>
      </c>
      <c r="KL31" s="103">
        <v>31</v>
      </c>
      <c r="KM31" s="104">
        <v>38</v>
      </c>
    </row>
    <row r="32" spans="2:299" s="70" customFormat="1" ht="21" customHeight="1" x14ac:dyDescent="0.2">
      <c r="B32" s="106" t="s">
        <v>29</v>
      </c>
      <c r="C32" s="96">
        <v>4</v>
      </c>
      <c r="D32" s="97">
        <v>4</v>
      </c>
      <c r="E32" s="98">
        <v>8</v>
      </c>
      <c r="F32" s="413">
        <v>0</v>
      </c>
      <c r="G32" s="97">
        <v>5</v>
      </c>
      <c r="H32" s="97">
        <v>4</v>
      </c>
      <c r="I32" s="97">
        <v>8</v>
      </c>
      <c r="J32" s="97">
        <v>3</v>
      </c>
      <c r="K32" s="97">
        <v>3</v>
      </c>
      <c r="L32" s="99">
        <v>23</v>
      </c>
      <c r="M32" s="100">
        <v>31</v>
      </c>
      <c r="N32" s="101">
        <v>0</v>
      </c>
      <c r="O32" s="102">
        <v>1</v>
      </c>
      <c r="P32" s="103">
        <v>1</v>
      </c>
      <c r="Q32" s="413">
        <v>0</v>
      </c>
      <c r="R32" s="102">
        <v>1</v>
      </c>
      <c r="S32" s="102">
        <v>1</v>
      </c>
      <c r="T32" s="102">
        <v>0</v>
      </c>
      <c r="U32" s="102">
        <v>0</v>
      </c>
      <c r="V32" s="102">
        <v>0</v>
      </c>
      <c r="W32" s="103">
        <v>2</v>
      </c>
      <c r="X32" s="104">
        <v>3</v>
      </c>
      <c r="Y32" s="101">
        <v>0</v>
      </c>
      <c r="Z32" s="102">
        <v>0</v>
      </c>
      <c r="AA32" s="103">
        <v>0</v>
      </c>
      <c r="AB32" s="413">
        <v>0</v>
      </c>
      <c r="AC32" s="102">
        <v>0</v>
      </c>
      <c r="AD32" s="102">
        <v>1</v>
      </c>
      <c r="AE32" s="102">
        <v>1</v>
      </c>
      <c r="AF32" s="102">
        <v>0</v>
      </c>
      <c r="AG32" s="102">
        <v>0</v>
      </c>
      <c r="AH32" s="103">
        <v>2</v>
      </c>
      <c r="AI32" s="104">
        <v>2</v>
      </c>
      <c r="AJ32" s="101">
        <v>1</v>
      </c>
      <c r="AK32" s="102">
        <v>0</v>
      </c>
      <c r="AL32" s="103">
        <v>1</v>
      </c>
      <c r="AM32" s="413">
        <v>0</v>
      </c>
      <c r="AN32" s="102">
        <v>1</v>
      </c>
      <c r="AO32" s="102">
        <v>0</v>
      </c>
      <c r="AP32" s="102">
        <v>1</v>
      </c>
      <c r="AQ32" s="102">
        <v>0</v>
      </c>
      <c r="AR32" s="102">
        <v>1</v>
      </c>
      <c r="AS32" s="103">
        <v>3</v>
      </c>
      <c r="AT32" s="104">
        <v>4</v>
      </c>
      <c r="AU32" s="101">
        <v>2</v>
      </c>
      <c r="AV32" s="102">
        <v>2</v>
      </c>
      <c r="AW32" s="103">
        <v>4</v>
      </c>
      <c r="AX32" s="413">
        <v>0</v>
      </c>
      <c r="AY32" s="102">
        <v>2</v>
      </c>
      <c r="AZ32" s="102">
        <v>0</v>
      </c>
      <c r="BA32" s="102">
        <v>1</v>
      </c>
      <c r="BB32" s="102">
        <v>1</v>
      </c>
      <c r="BC32" s="102">
        <v>0</v>
      </c>
      <c r="BD32" s="103">
        <v>4</v>
      </c>
      <c r="BE32" s="104">
        <v>8</v>
      </c>
      <c r="BF32" s="101">
        <v>0</v>
      </c>
      <c r="BG32" s="102">
        <v>0</v>
      </c>
      <c r="BH32" s="103">
        <v>0</v>
      </c>
      <c r="BI32" s="413">
        <v>0</v>
      </c>
      <c r="BJ32" s="102">
        <v>1</v>
      </c>
      <c r="BK32" s="102">
        <v>1</v>
      </c>
      <c r="BL32" s="102">
        <v>2</v>
      </c>
      <c r="BM32" s="102">
        <v>0</v>
      </c>
      <c r="BN32" s="102">
        <v>0</v>
      </c>
      <c r="BO32" s="103">
        <v>4</v>
      </c>
      <c r="BP32" s="104">
        <v>4</v>
      </c>
      <c r="BQ32" s="101">
        <v>1</v>
      </c>
      <c r="BR32" s="102">
        <v>1</v>
      </c>
      <c r="BS32" s="103">
        <v>2</v>
      </c>
      <c r="BT32" s="413">
        <v>0</v>
      </c>
      <c r="BU32" s="102">
        <v>0</v>
      </c>
      <c r="BV32" s="102">
        <v>1</v>
      </c>
      <c r="BW32" s="102">
        <v>3</v>
      </c>
      <c r="BX32" s="102">
        <v>2</v>
      </c>
      <c r="BY32" s="102">
        <v>2</v>
      </c>
      <c r="BZ32" s="103">
        <v>8</v>
      </c>
      <c r="CA32" s="104">
        <v>10</v>
      </c>
      <c r="CB32" s="101">
        <v>0</v>
      </c>
      <c r="CC32" s="102">
        <v>0</v>
      </c>
      <c r="CD32" s="103">
        <v>0</v>
      </c>
      <c r="CE32" s="413">
        <v>0</v>
      </c>
      <c r="CF32" s="102">
        <v>0</v>
      </c>
      <c r="CG32" s="102">
        <v>0</v>
      </c>
      <c r="CH32" s="102">
        <v>0</v>
      </c>
      <c r="CI32" s="102">
        <v>0</v>
      </c>
      <c r="CJ32" s="102">
        <v>0</v>
      </c>
      <c r="CK32" s="103">
        <v>0</v>
      </c>
      <c r="CL32" s="104">
        <v>0</v>
      </c>
      <c r="CM32" s="101">
        <v>4</v>
      </c>
      <c r="CN32" s="102">
        <v>4</v>
      </c>
      <c r="CO32" s="103">
        <v>8</v>
      </c>
      <c r="CP32" s="413">
        <v>0</v>
      </c>
      <c r="CQ32" s="102">
        <v>5</v>
      </c>
      <c r="CR32" s="102">
        <v>4</v>
      </c>
      <c r="CS32" s="102">
        <v>8</v>
      </c>
      <c r="CT32" s="102">
        <v>3</v>
      </c>
      <c r="CU32" s="102">
        <v>3</v>
      </c>
      <c r="CV32" s="103">
        <v>23</v>
      </c>
      <c r="CW32" s="104">
        <v>31</v>
      </c>
      <c r="CX32" s="105">
        <v>0</v>
      </c>
      <c r="CY32" s="97">
        <v>2</v>
      </c>
      <c r="CZ32" s="98">
        <v>2</v>
      </c>
      <c r="DA32" s="413">
        <v>0</v>
      </c>
      <c r="DB32" s="97">
        <v>1</v>
      </c>
      <c r="DC32" s="97">
        <v>2</v>
      </c>
      <c r="DD32" s="97">
        <v>0</v>
      </c>
      <c r="DE32" s="97">
        <v>1</v>
      </c>
      <c r="DF32" s="97">
        <v>0</v>
      </c>
      <c r="DG32" s="99">
        <v>4</v>
      </c>
      <c r="DH32" s="100">
        <v>6</v>
      </c>
      <c r="DI32" s="101">
        <v>0</v>
      </c>
      <c r="DJ32" s="102">
        <v>0</v>
      </c>
      <c r="DK32" s="103">
        <v>0</v>
      </c>
      <c r="DL32" s="413">
        <v>0</v>
      </c>
      <c r="DM32" s="102">
        <v>0</v>
      </c>
      <c r="DN32" s="102">
        <v>0</v>
      </c>
      <c r="DO32" s="102">
        <v>0</v>
      </c>
      <c r="DP32" s="102">
        <v>0</v>
      </c>
      <c r="DQ32" s="102">
        <v>0</v>
      </c>
      <c r="DR32" s="103">
        <v>0</v>
      </c>
      <c r="DS32" s="104">
        <v>0</v>
      </c>
      <c r="DT32" s="101">
        <v>0</v>
      </c>
      <c r="DU32" s="102">
        <v>2</v>
      </c>
      <c r="DV32" s="103">
        <v>2</v>
      </c>
      <c r="DW32" s="413">
        <v>0</v>
      </c>
      <c r="DX32" s="102">
        <v>0</v>
      </c>
      <c r="DY32" s="102">
        <v>1</v>
      </c>
      <c r="DZ32" s="102">
        <v>0</v>
      </c>
      <c r="EA32" s="102">
        <v>0</v>
      </c>
      <c r="EB32" s="102">
        <v>0</v>
      </c>
      <c r="EC32" s="103">
        <v>1</v>
      </c>
      <c r="ED32" s="104">
        <v>3</v>
      </c>
      <c r="EE32" s="101">
        <v>0</v>
      </c>
      <c r="EF32" s="102">
        <v>0</v>
      </c>
      <c r="EG32" s="103">
        <v>0</v>
      </c>
      <c r="EH32" s="413">
        <v>0</v>
      </c>
      <c r="EI32" s="102">
        <v>0</v>
      </c>
      <c r="EJ32" s="102">
        <v>0</v>
      </c>
      <c r="EK32" s="102">
        <v>0</v>
      </c>
      <c r="EL32" s="102">
        <v>0</v>
      </c>
      <c r="EM32" s="102">
        <v>0</v>
      </c>
      <c r="EN32" s="103">
        <v>0</v>
      </c>
      <c r="EO32" s="104">
        <v>0</v>
      </c>
      <c r="EP32" s="101">
        <v>0</v>
      </c>
      <c r="EQ32" s="102">
        <v>0</v>
      </c>
      <c r="ER32" s="103">
        <v>0</v>
      </c>
      <c r="ES32" s="413">
        <v>0</v>
      </c>
      <c r="ET32" s="102">
        <v>0</v>
      </c>
      <c r="EU32" s="102">
        <v>1</v>
      </c>
      <c r="EV32" s="102">
        <v>0</v>
      </c>
      <c r="EW32" s="102">
        <v>0</v>
      </c>
      <c r="EX32" s="102">
        <v>0</v>
      </c>
      <c r="EY32" s="103">
        <v>1</v>
      </c>
      <c r="EZ32" s="104">
        <v>1</v>
      </c>
      <c r="FA32" s="101">
        <v>0</v>
      </c>
      <c r="FB32" s="102">
        <v>0</v>
      </c>
      <c r="FC32" s="103">
        <v>0</v>
      </c>
      <c r="FD32" s="413">
        <v>0</v>
      </c>
      <c r="FE32" s="102">
        <v>0</v>
      </c>
      <c r="FF32" s="102">
        <v>0</v>
      </c>
      <c r="FG32" s="102">
        <v>0</v>
      </c>
      <c r="FH32" s="102">
        <v>1</v>
      </c>
      <c r="FI32" s="102">
        <v>0</v>
      </c>
      <c r="FJ32" s="103">
        <v>1</v>
      </c>
      <c r="FK32" s="104">
        <v>1</v>
      </c>
      <c r="FL32" s="101">
        <v>0</v>
      </c>
      <c r="FM32" s="102">
        <v>0</v>
      </c>
      <c r="FN32" s="103">
        <v>0</v>
      </c>
      <c r="FO32" s="413">
        <v>0</v>
      </c>
      <c r="FP32" s="102">
        <v>1</v>
      </c>
      <c r="FQ32" s="102">
        <v>0</v>
      </c>
      <c r="FR32" s="102">
        <v>0</v>
      </c>
      <c r="FS32" s="102">
        <v>0</v>
      </c>
      <c r="FT32" s="102">
        <v>0</v>
      </c>
      <c r="FU32" s="103">
        <v>1</v>
      </c>
      <c r="FV32" s="104">
        <v>1</v>
      </c>
      <c r="FW32" s="101">
        <v>0</v>
      </c>
      <c r="FX32" s="102">
        <v>0</v>
      </c>
      <c r="FY32" s="103">
        <v>0</v>
      </c>
      <c r="FZ32" s="413">
        <v>0</v>
      </c>
      <c r="GA32" s="102">
        <v>0</v>
      </c>
      <c r="GB32" s="102">
        <v>0</v>
      </c>
      <c r="GC32" s="102">
        <v>0</v>
      </c>
      <c r="GD32" s="102">
        <v>0</v>
      </c>
      <c r="GE32" s="102">
        <v>0</v>
      </c>
      <c r="GF32" s="103">
        <v>0</v>
      </c>
      <c r="GG32" s="104">
        <v>0</v>
      </c>
      <c r="GH32" s="101">
        <v>0</v>
      </c>
      <c r="GI32" s="102">
        <v>2</v>
      </c>
      <c r="GJ32" s="103">
        <v>2</v>
      </c>
      <c r="GK32" s="413">
        <v>0</v>
      </c>
      <c r="GL32" s="102">
        <v>1</v>
      </c>
      <c r="GM32" s="102">
        <v>2</v>
      </c>
      <c r="GN32" s="102">
        <v>0</v>
      </c>
      <c r="GO32" s="102">
        <v>1</v>
      </c>
      <c r="GP32" s="102">
        <v>0</v>
      </c>
      <c r="GQ32" s="103">
        <v>4</v>
      </c>
      <c r="GR32" s="104">
        <v>6</v>
      </c>
      <c r="GS32" s="105">
        <v>4</v>
      </c>
      <c r="GT32" s="97">
        <v>6</v>
      </c>
      <c r="GU32" s="98">
        <v>10</v>
      </c>
      <c r="GV32" s="413">
        <v>0</v>
      </c>
      <c r="GW32" s="97">
        <v>6</v>
      </c>
      <c r="GX32" s="97">
        <v>6</v>
      </c>
      <c r="GY32" s="97">
        <v>8</v>
      </c>
      <c r="GZ32" s="97">
        <v>4</v>
      </c>
      <c r="HA32" s="97">
        <v>3</v>
      </c>
      <c r="HB32" s="99">
        <v>27</v>
      </c>
      <c r="HC32" s="100">
        <v>37</v>
      </c>
      <c r="HD32" s="101">
        <v>0</v>
      </c>
      <c r="HE32" s="102">
        <v>1</v>
      </c>
      <c r="HF32" s="103">
        <v>1</v>
      </c>
      <c r="HG32" s="413">
        <v>0</v>
      </c>
      <c r="HH32" s="102">
        <v>1</v>
      </c>
      <c r="HI32" s="102">
        <v>1</v>
      </c>
      <c r="HJ32" s="102">
        <v>0</v>
      </c>
      <c r="HK32" s="102">
        <v>0</v>
      </c>
      <c r="HL32" s="102">
        <v>0</v>
      </c>
      <c r="HM32" s="103">
        <v>2</v>
      </c>
      <c r="HN32" s="104">
        <v>3</v>
      </c>
      <c r="HO32" s="101">
        <v>0</v>
      </c>
      <c r="HP32" s="102">
        <v>2</v>
      </c>
      <c r="HQ32" s="103">
        <v>2</v>
      </c>
      <c r="HR32" s="413">
        <v>0</v>
      </c>
      <c r="HS32" s="102">
        <v>0</v>
      </c>
      <c r="HT32" s="102">
        <v>2</v>
      </c>
      <c r="HU32" s="102">
        <v>1</v>
      </c>
      <c r="HV32" s="102">
        <v>0</v>
      </c>
      <c r="HW32" s="102">
        <v>0</v>
      </c>
      <c r="HX32" s="103">
        <v>3</v>
      </c>
      <c r="HY32" s="104">
        <v>5</v>
      </c>
      <c r="HZ32" s="101">
        <v>1</v>
      </c>
      <c r="IA32" s="102">
        <v>0</v>
      </c>
      <c r="IB32" s="103">
        <v>1</v>
      </c>
      <c r="IC32" s="413">
        <v>0</v>
      </c>
      <c r="ID32" s="102">
        <v>1</v>
      </c>
      <c r="IE32" s="102">
        <v>0</v>
      </c>
      <c r="IF32" s="102">
        <v>1</v>
      </c>
      <c r="IG32" s="102">
        <v>0</v>
      </c>
      <c r="IH32" s="102">
        <v>1</v>
      </c>
      <c r="II32" s="103">
        <v>3</v>
      </c>
      <c r="IJ32" s="104">
        <v>4</v>
      </c>
      <c r="IK32" s="101">
        <v>2</v>
      </c>
      <c r="IL32" s="102">
        <v>2</v>
      </c>
      <c r="IM32" s="103">
        <v>4</v>
      </c>
      <c r="IN32" s="413">
        <v>0</v>
      </c>
      <c r="IO32" s="102">
        <v>2</v>
      </c>
      <c r="IP32" s="102">
        <v>1</v>
      </c>
      <c r="IQ32" s="102">
        <v>1</v>
      </c>
      <c r="IR32" s="102">
        <v>1</v>
      </c>
      <c r="IS32" s="102">
        <v>0</v>
      </c>
      <c r="IT32" s="103">
        <v>5</v>
      </c>
      <c r="IU32" s="104">
        <v>9</v>
      </c>
      <c r="IV32" s="101">
        <v>0</v>
      </c>
      <c r="IW32" s="102">
        <v>0</v>
      </c>
      <c r="IX32" s="103">
        <v>0</v>
      </c>
      <c r="IY32" s="413">
        <v>0</v>
      </c>
      <c r="IZ32" s="102">
        <v>1</v>
      </c>
      <c r="JA32" s="102">
        <v>1</v>
      </c>
      <c r="JB32" s="102">
        <v>2</v>
      </c>
      <c r="JC32" s="102">
        <v>1</v>
      </c>
      <c r="JD32" s="102">
        <v>0</v>
      </c>
      <c r="JE32" s="103">
        <v>5</v>
      </c>
      <c r="JF32" s="104">
        <v>5</v>
      </c>
      <c r="JG32" s="101">
        <v>1</v>
      </c>
      <c r="JH32" s="102">
        <v>1</v>
      </c>
      <c r="JI32" s="103">
        <v>2</v>
      </c>
      <c r="JJ32" s="413">
        <v>0</v>
      </c>
      <c r="JK32" s="102">
        <v>1</v>
      </c>
      <c r="JL32" s="102">
        <v>1</v>
      </c>
      <c r="JM32" s="102">
        <v>3</v>
      </c>
      <c r="JN32" s="102">
        <v>2</v>
      </c>
      <c r="JO32" s="102">
        <v>2</v>
      </c>
      <c r="JP32" s="103">
        <v>9</v>
      </c>
      <c r="JQ32" s="104">
        <v>11</v>
      </c>
      <c r="JR32" s="101">
        <v>0</v>
      </c>
      <c r="JS32" s="102">
        <v>0</v>
      </c>
      <c r="JT32" s="103">
        <v>0</v>
      </c>
      <c r="JU32" s="413">
        <v>0</v>
      </c>
      <c r="JV32" s="102">
        <v>0</v>
      </c>
      <c r="JW32" s="102">
        <v>0</v>
      </c>
      <c r="JX32" s="102">
        <v>0</v>
      </c>
      <c r="JY32" s="102">
        <v>0</v>
      </c>
      <c r="JZ32" s="102">
        <v>0</v>
      </c>
      <c r="KA32" s="103">
        <v>0</v>
      </c>
      <c r="KB32" s="104">
        <v>0</v>
      </c>
      <c r="KC32" s="101">
        <v>4</v>
      </c>
      <c r="KD32" s="102">
        <v>6</v>
      </c>
      <c r="KE32" s="103">
        <v>10</v>
      </c>
      <c r="KF32" s="413">
        <v>0</v>
      </c>
      <c r="KG32" s="102">
        <v>6</v>
      </c>
      <c r="KH32" s="102">
        <v>6</v>
      </c>
      <c r="KI32" s="102">
        <v>8</v>
      </c>
      <c r="KJ32" s="102">
        <v>4</v>
      </c>
      <c r="KK32" s="102">
        <v>3</v>
      </c>
      <c r="KL32" s="103">
        <v>27</v>
      </c>
      <c r="KM32" s="104">
        <v>37</v>
      </c>
    </row>
    <row r="33" spans="2:299" s="70" customFormat="1" ht="21" customHeight="1" x14ac:dyDescent="0.2">
      <c r="B33" s="106" t="s">
        <v>30</v>
      </c>
      <c r="C33" s="96">
        <v>2</v>
      </c>
      <c r="D33" s="97">
        <v>2</v>
      </c>
      <c r="E33" s="98">
        <v>4</v>
      </c>
      <c r="F33" s="413">
        <v>0</v>
      </c>
      <c r="G33" s="97">
        <v>6</v>
      </c>
      <c r="H33" s="97">
        <v>4</v>
      </c>
      <c r="I33" s="97">
        <v>5</v>
      </c>
      <c r="J33" s="97">
        <v>5</v>
      </c>
      <c r="K33" s="97">
        <v>1</v>
      </c>
      <c r="L33" s="99">
        <v>21</v>
      </c>
      <c r="M33" s="100">
        <v>25</v>
      </c>
      <c r="N33" s="101">
        <v>0</v>
      </c>
      <c r="O33" s="102">
        <v>0</v>
      </c>
      <c r="P33" s="103">
        <v>0</v>
      </c>
      <c r="Q33" s="413">
        <v>0</v>
      </c>
      <c r="R33" s="102">
        <v>0</v>
      </c>
      <c r="S33" s="102">
        <v>0</v>
      </c>
      <c r="T33" s="102">
        <v>0</v>
      </c>
      <c r="U33" s="102">
        <v>0</v>
      </c>
      <c r="V33" s="102">
        <v>0</v>
      </c>
      <c r="W33" s="103">
        <v>0</v>
      </c>
      <c r="X33" s="104">
        <v>0</v>
      </c>
      <c r="Y33" s="101">
        <v>0</v>
      </c>
      <c r="Z33" s="102">
        <v>0</v>
      </c>
      <c r="AA33" s="103">
        <v>0</v>
      </c>
      <c r="AB33" s="413">
        <v>0</v>
      </c>
      <c r="AC33" s="102">
        <v>0</v>
      </c>
      <c r="AD33" s="102">
        <v>0</v>
      </c>
      <c r="AE33" s="102">
        <v>0</v>
      </c>
      <c r="AF33" s="102">
        <v>1</v>
      </c>
      <c r="AG33" s="102">
        <v>0</v>
      </c>
      <c r="AH33" s="103">
        <v>1</v>
      </c>
      <c r="AI33" s="104">
        <v>1</v>
      </c>
      <c r="AJ33" s="101">
        <v>1</v>
      </c>
      <c r="AK33" s="102">
        <v>0</v>
      </c>
      <c r="AL33" s="103">
        <v>1</v>
      </c>
      <c r="AM33" s="413">
        <v>0</v>
      </c>
      <c r="AN33" s="102">
        <v>0</v>
      </c>
      <c r="AO33" s="102">
        <v>1</v>
      </c>
      <c r="AP33" s="102">
        <v>0</v>
      </c>
      <c r="AQ33" s="102">
        <v>0</v>
      </c>
      <c r="AR33" s="102">
        <v>0</v>
      </c>
      <c r="AS33" s="103">
        <v>1</v>
      </c>
      <c r="AT33" s="104">
        <v>2</v>
      </c>
      <c r="AU33" s="101">
        <v>0</v>
      </c>
      <c r="AV33" s="102">
        <v>0</v>
      </c>
      <c r="AW33" s="103">
        <v>0</v>
      </c>
      <c r="AX33" s="413">
        <v>0</v>
      </c>
      <c r="AY33" s="102">
        <v>4</v>
      </c>
      <c r="AZ33" s="102">
        <v>0</v>
      </c>
      <c r="BA33" s="102">
        <v>1</v>
      </c>
      <c r="BB33" s="102">
        <v>1</v>
      </c>
      <c r="BC33" s="102">
        <v>1</v>
      </c>
      <c r="BD33" s="103">
        <v>7</v>
      </c>
      <c r="BE33" s="104">
        <v>7</v>
      </c>
      <c r="BF33" s="101">
        <v>0</v>
      </c>
      <c r="BG33" s="102">
        <v>1</v>
      </c>
      <c r="BH33" s="103">
        <v>1</v>
      </c>
      <c r="BI33" s="413">
        <v>0</v>
      </c>
      <c r="BJ33" s="102">
        <v>0</v>
      </c>
      <c r="BK33" s="102">
        <v>1</v>
      </c>
      <c r="BL33" s="102">
        <v>0</v>
      </c>
      <c r="BM33" s="102">
        <v>0</v>
      </c>
      <c r="BN33" s="102">
        <v>0</v>
      </c>
      <c r="BO33" s="103">
        <v>1</v>
      </c>
      <c r="BP33" s="104">
        <v>2</v>
      </c>
      <c r="BQ33" s="101">
        <v>1</v>
      </c>
      <c r="BR33" s="102">
        <v>1</v>
      </c>
      <c r="BS33" s="103">
        <v>2</v>
      </c>
      <c r="BT33" s="413">
        <v>0</v>
      </c>
      <c r="BU33" s="102">
        <v>2</v>
      </c>
      <c r="BV33" s="102">
        <v>2</v>
      </c>
      <c r="BW33" s="102">
        <v>4</v>
      </c>
      <c r="BX33" s="102">
        <v>3</v>
      </c>
      <c r="BY33" s="102">
        <v>0</v>
      </c>
      <c r="BZ33" s="103">
        <v>11</v>
      </c>
      <c r="CA33" s="104">
        <v>13</v>
      </c>
      <c r="CB33" s="101">
        <v>0</v>
      </c>
      <c r="CC33" s="102">
        <v>0</v>
      </c>
      <c r="CD33" s="103">
        <v>0</v>
      </c>
      <c r="CE33" s="413">
        <v>0</v>
      </c>
      <c r="CF33" s="102">
        <v>0</v>
      </c>
      <c r="CG33" s="102">
        <v>0</v>
      </c>
      <c r="CH33" s="102">
        <v>0</v>
      </c>
      <c r="CI33" s="102">
        <v>0</v>
      </c>
      <c r="CJ33" s="102">
        <v>0</v>
      </c>
      <c r="CK33" s="103">
        <v>0</v>
      </c>
      <c r="CL33" s="104">
        <v>0</v>
      </c>
      <c r="CM33" s="101">
        <v>2</v>
      </c>
      <c r="CN33" s="102">
        <v>2</v>
      </c>
      <c r="CO33" s="103">
        <v>4</v>
      </c>
      <c r="CP33" s="413">
        <v>0</v>
      </c>
      <c r="CQ33" s="102">
        <v>6</v>
      </c>
      <c r="CR33" s="102">
        <v>4</v>
      </c>
      <c r="CS33" s="102">
        <v>5</v>
      </c>
      <c r="CT33" s="102">
        <v>5</v>
      </c>
      <c r="CU33" s="102">
        <v>1</v>
      </c>
      <c r="CV33" s="103">
        <v>21</v>
      </c>
      <c r="CW33" s="104">
        <v>25</v>
      </c>
      <c r="CX33" s="105">
        <v>0</v>
      </c>
      <c r="CY33" s="97">
        <v>0</v>
      </c>
      <c r="CZ33" s="98">
        <v>0</v>
      </c>
      <c r="DA33" s="413">
        <v>0</v>
      </c>
      <c r="DB33" s="97">
        <v>0</v>
      </c>
      <c r="DC33" s="97">
        <v>2</v>
      </c>
      <c r="DD33" s="97">
        <v>0</v>
      </c>
      <c r="DE33" s="97">
        <v>3</v>
      </c>
      <c r="DF33" s="97">
        <v>2</v>
      </c>
      <c r="DG33" s="99">
        <v>7</v>
      </c>
      <c r="DH33" s="100">
        <v>7</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0</v>
      </c>
      <c r="DY33" s="102">
        <v>0</v>
      </c>
      <c r="DZ33" s="102">
        <v>0</v>
      </c>
      <c r="EA33" s="102">
        <v>0</v>
      </c>
      <c r="EB33" s="102">
        <v>0</v>
      </c>
      <c r="EC33" s="103">
        <v>0</v>
      </c>
      <c r="ED33" s="104">
        <v>0</v>
      </c>
      <c r="EE33" s="101">
        <v>0</v>
      </c>
      <c r="EF33" s="102">
        <v>0</v>
      </c>
      <c r="EG33" s="103">
        <v>0</v>
      </c>
      <c r="EH33" s="413">
        <v>0</v>
      </c>
      <c r="EI33" s="102">
        <v>0</v>
      </c>
      <c r="EJ33" s="102">
        <v>0</v>
      </c>
      <c r="EK33" s="102">
        <v>0</v>
      </c>
      <c r="EL33" s="102">
        <v>0</v>
      </c>
      <c r="EM33" s="102">
        <v>0</v>
      </c>
      <c r="EN33" s="103">
        <v>0</v>
      </c>
      <c r="EO33" s="104">
        <v>0</v>
      </c>
      <c r="EP33" s="101">
        <v>0</v>
      </c>
      <c r="EQ33" s="102">
        <v>0</v>
      </c>
      <c r="ER33" s="103">
        <v>0</v>
      </c>
      <c r="ES33" s="413">
        <v>0</v>
      </c>
      <c r="ET33" s="102">
        <v>0</v>
      </c>
      <c r="EU33" s="102">
        <v>1</v>
      </c>
      <c r="EV33" s="102">
        <v>0</v>
      </c>
      <c r="EW33" s="102">
        <v>0</v>
      </c>
      <c r="EX33" s="102">
        <v>0</v>
      </c>
      <c r="EY33" s="103">
        <v>1</v>
      </c>
      <c r="EZ33" s="104">
        <v>1</v>
      </c>
      <c r="FA33" s="101">
        <v>0</v>
      </c>
      <c r="FB33" s="102">
        <v>0</v>
      </c>
      <c r="FC33" s="103">
        <v>0</v>
      </c>
      <c r="FD33" s="413">
        <v>0</v>
      </c>
      <c r="FE33" s="102">
        <v>0</v>
      </c>
      <c r="FF33" s="102">
        <v>0</v>
      </c>
      <c r="FG33" s="102">
        <v>0</v>
      </c>
      <c r="FH33" s="102">
        <v>1</v>
      </c>
      <c r="FI33" s="102">
        <v>0</v>
      </c>
      <c r="FJ33" s="103">
        <v>1</v>
      </c>
      <c r="FK33" s="104">
        <v>1</v>
      </c>
      <c r="FL33" s="101">
        <v>0</v>
      </c>
      <c r="FM33" s="102">
        <v>0</v>
      </c>
      <c r="FN33" s="103">
        <v>0</v>
      </c>
      <c r="FO33" s="413">
        <v>0</v>
      </c>
      <c r="FP33" s="102">
        <v>0</v>
      </c>
      <c r="FQ33" s="102">
        <v>1</v>
      </c>
      <c r="FR33" s="102">
        <v>0</v>
      </c>
      <c r="FS33" s="102">
        <v>2</v>
      </c>
      <c r="FT33" s="102">
        <v>2</v>
      </c>
      <c r="FU33" s="103">
        <v>5</v>
      </c>
      <c r="FV33" s="104">
        <v>5</v>
      </c>
      <c r="FW33" s="101">
        <v>0</v>
      </c>
      <c r="FX33" s="102">
        <v>0</v>
      </c>
      <c r="FY33" s="103">
        <v>0</v>
      </c>
      <c r="FZ33" s="413">
        <v>0</v>
      </c>
      <c r="GA33" s="102">
        <v>0</v>
      </c>
      <c r="GB33" s="102">
        <v>0</v>
      </c>
      <c r="GC33" s="102">
        <v>0</v>
      </c>
      <c r="GD33" s="102">
        <v>0</v>
      </c>
      <c r="GE33" s="102">
        <v>0</v>
      </c>
      <c r="GF33" s="103">
        <v>0</v>
      </c>
      <c r="GG33" s="104">
        <v>0</v>
      </c>
      <c r="GH33" s="101">
        <v>0</v>
      </c>
      <c r="GI33" s="102">
        <v>0</v>
      </c>
      <c r="GJ33" s="103">
        <v>0</v>
      </c>
      <c r="GK33" s="413">
        <v>0</v>
      </c>
      <c r="GL33" s="102">
        <v>0</v>
      </c>
      <c r="GM33" s="102">
        <v>2</v>
      </c>
      <c r="GN33" s="102">
        <v>0</v>
      </c>
      <c r="GO33" s="102">
        <v>3</v>
      </c>
      <c r="GP33" s="102">
        <v>2</v>
      </c>
      <c r="GQ33" s="103">
        <v>7</v>
      </c>
      <c r="GR33" s="104">
        <v>7</v>
      </c>
      <c r="GS33" s="105">
        <v>2</v>
      </c>
      <c r="GT33" s="97">
        <v>2</v>
      </c>
      <c r="GU33" s="98">
        <v>4</v>
      </c>
      <c r="GV33" s="413">
        <v>0</v>
      </c>
      <c r="GW33" s="97">
        <v>6</v>
      </c>
      <c r="GX33" s="97">
        <v>6</v>
      </c>
      <c r="GY33" s="97">
        <v>5</v>
      </c>
      <c r="GZ33" s="97">
        <v>8</v>
      </c>
      <c r="HA33" s="97">
        <v>3</v>
      </c>
      <c r="HB33" s="99">
        <v>28</v>
      </c>
      <c r="HC33" s="100">
        <v>32</v>
      </c>
      <c r="HD33" s="101">
        <v>0</v>
      </c>
      <c r="HE33" s="102">
        <v>0</v>
      </c>
      <c r="HF33" s="103">
        <v>0</v>
      </c>
      <c r="HG33" s="413">
        <v>0</v>
      </c>
      <c r="HH33" s="102">
        <v>0</v>
      </c>
      <c r="HI33" s="102">
        <v>0</v>
      </c>
      <c r="HJ33" s="102">
        <v>0</v>
      </c>
      <c r="HK33" s="102">
        <v>0</v>
      </c>
      <c r="HL33" s="102">
        <v>0</v>
      </c>
      <c r="HM33" s="103">
        <v>0</v>
      </c>
      <c r="HN33" s="104">
        <v>0</v>
      </c>
      <c r="HO33" s="101">
        <v>0</v>
      </c>
      <c r="HP33" s="102">
        <v>0</v>
      </c>
      <c r="HQ33" s="103">
        <v>0</v>
      </c>
      <c r="HR33" s="413">
        <v>0</v>
      </c>
      <c r="HS33" s="102">
        <v>0</v>
      </c>
      <c r="HT33" s="102">
        <v>0</v>
      </c>
      <c r="HU33" s="102">
        <v>0</v>
      </c>
      <c r="HV33" s="102">
        <v>1</v>
      </c>
      <c r="HW33" s="102">
        <v>0</v>
      </c>
      <c r="HX33" s="103">
        <v>1</v>
      </c>
      <c r="HY33" s="104">
        <v>1</v>
      </c>
      <c r="HZ33" s="101">
        <v>1</v>
      </c>
      <c r="IA33" s="102">
        <v>0</v>
      </c>
      <c r="IB33" s="103">
        <v>1</v>
      </c>
      <c r="IC33" s="413">
        <v>0</v>
      </c>
      <c r="ID33" s="102">
        <v>0</v>
      </c>
      <c r="IE33" s="102">
        <v>1</v>
      </c>
      <c r="IF33" s="102">
        <v>0</v>
      </c>
      <c r="IG33" s="102">
        <v>0</v>
      </c>
      <c r="IH33" s="102">
        <v>0</v>
      </c>
      <c r="II33" s="103">
        <v>1</v>
      </c>
      <c r="IJ33" s="104">
        <v>2</v>
      </c>
      <c r="IK33" s="101">
        <v>0</v>
      </c>
      <c r="IL33" s="102">
        <v>0</v>
      </c>
      <c r="IM33" s="103">
        <v>0</v>
      </c>
      <c r="IN33" s="413">
        <v>0</v>
      </c>
      <c r="IO33" s="102">
        <v>4</v>
      </c>
      <c r="IP33" s="102">
        <v>1</v>
      </c>
      <c r="IQ33" s="102">
        <v>1</v>
      </c>
      <c r="IR33" s="102">
        <v>1</v>
      </c>
      <c r="IS33" s="102">
        <v>1</v>
      </c>
      <c r="IT33" s="103">
        <v>8</v>
      </c>
      <c r="IU33" s="104">
        <v>8</v>
      </c>
      <c r="IV33" s="101">
        <v>0</v>
      </c>
      <c r="IW33" s="102">
        <v>1</v>
      </c>
      <c r="IX33" s="103">
        <v>1</v>
      </c>
      <c r="IY33" s="413">
        <v>0</v>
      </c>
      <c r="IZ33" s="102">
        <v>0</v>
      </c>
      <c r="JA33" s="102">
        <v>1</v>
      </c>
      <c r="JB33" s="102">
        <v>0</v>
      </c>
      <c r="JC33" s="102">
        <v>1</v>
      </c>
      <c r="JD33" s="102">
        <v>0</v>
      </c>
      <c r="JE33" s="103">
        <v>2</v>
      </c>
      <c r="JF33" s="104">
        <v>3</v>
      </c>
      <c r="JG33" s="101">
        <v>1</v>
      </c>
      <c r="JH33" s="102">
        <v>1</v>
      </c>
      <c r="JI33" s="103">
        <v>2</v>
      </c>
      <c r="JJ33" s="413">
        <v>0</v>
      </c>
      <c r="JK33" s="102">
        <v>2</v>
      </c>
      <c r="JL33" s="102">
        <v>3</v>
      </c>
      <c r="JM33" s="102">
        <v>4</v>
      </c>
      <c r="JN33" s="102">
        <v>5</v>
      </c>
      <c r="JO33" s="102">
        <v>2</v>
      </c>
      <c r="JP33" s="103">
        <v>16</v>
      </c>
      <c r="JQ33" s="104">
        <v>18</v>
      </c>
      <c r="JR33" s="101">
        <v>0</v>
      </c>
      <c r="JS33" s="102">
        <v>0</v>
      </c>
      <c r="JT33" s="103">
        <v>0</v>
      </c>
      <c r="JU33" s="413">
        <v>0</v>
      </c>
      <c r="JV33" s="102">
        <v>0</v>
      </c>
      <c r="JW33" s="102">
        <v>0</v>
      </c>
      <c r="JX33" s="102">
        <v>0</v>
      </c>
      <c r="JY33" s="102">
        <v>0</v>
      </c>
      <c r="JZ33" s="102">
        <v>0</v>
      </c>
      <c r="KA33" s="103">
        <v>0</v>
      </c>
      <c r="KB33" s="104">
        <v>0</v>
      </c>
      <c r="KC33" s="101">
        <v>2</v>
      </c>
      <c r="KD33" s="102">
        <v>2</v>
      </c>
      <c r="KE33" s="103">
        <v>4</v>
      </c>
      <c r="KF33" s="413">
        <v>0</v>
      </c>
      <c r="KG33" s="102">
        <v>6</v>
      </c>
      <c r="KH33" s="102">
        <v>6</v>
      </c>
      <c r="KI33" s="102">
        <v>5</v>
      </c>
      <c r="KJ33" s="102">
        <v>8</v>
      </c>
      <c r="KK33" s="102">
        <v>3</v>
      </c>
      <c r="KL33" s="103">
        <v>28</v>
      </c>
      <c r="KM33" s="104">
        <v>32</v>
      </c>
    </row>
    <row r="34" spans="2:299" s="70" customFormat="1" ht="21" customHeight="1" x14ac:dyDescent="0.2">
      <c r="B34" s="106" t="s">
        <v>31</v>
      </c>
      <c r="C34" s="96">
        <v>5</v>
      </c>
      <c r="D34" s="97">
        <v>9</v>
      </c>
      <c r="E34" s="98">
        <v>14</v>
      </c>
      <c r="F34" s="413">
        <v>0</v>
      </c>
      <c r="G34" s="97">
        <v>7</v>
      </c>
      <c r="H34" s="97">
        <v>6</v>
      </c>
      <c r="I34" s="97">
        <v>5</v>
      </c>
      <c r="J34" s="97">
        <v>5</v>
      </c>
      <c r="K34" s="97">
        <v>0</v>
      </c>
      <c r="L34" s="99">
        <v>23</v>
      </c>
      <c r="M34" s="100">
        <v>37</v>
      </c>
      <c r="N34" s="101">
        <v>0</v>
      </c>
      <c r="O34" s="102">
        <v>0</v>
      </c>
      <c r="P34" s="103">
        <v>0</v>
      </c>
      <c r="Q34" s="413">
        <v>0</v>
      </c>
      <c r="R34" s="102">
        <v>0</v>
      </c>
      <c r="S34" s="102">
        <v>0</v>
      </c>
      <c r="T34" s="102">
        <v>0</v>
      </c>
      <c r="U34" s="102">
        <v>0</v>
      </c>
      <c r="V34" s="102">
        <v>0</v>
      </c>
      <c r="W34" s="103">
        <v>0</v>
      </c>
      <c r="X34" s="104">
        <v>0</v>
      </c>
      <c r="Y34" s="101">
        <v>0</v>
      </c>
      <c r="Z34" s="102">
        <v>0</v>
      </c>
      <c r="AA34" s="103">
        <v>0</v>
      </c>
      <c r="AB34" s="413">
        <v>0</v>
      </c>
      <c r="AC34" s="102">
        <v>1</v>
      </c>
      <c r="AD34" s="102">
        <v>0</v>
      </c>
      <c r="AE34" s="102">
        <v>0</v>
      </c>
      <c r="AF34" s="102">
        <v>1</v>
      </c>
      <c r="AG34" s="102">
        <v>0</v>
      </c>
      <c r="AH34" s="103">
        <v>2</v>
      </c>
      <c r="AI34" s="104">
        <v>2</v>
      </c>
      <c r="AJ34" s="101">
        <v>1</v>
      </c>
      <c r="AK34" s="102">
        <v>1</v>
      </c>
      <c r="AL34" s="103">
        <v>2</v>
      </c>
      <c r="AM34" s="413">
        <v>0</v>
      </c>
      <c r="AN34" s="102">
        <v>0</v>
      </c>
      <c r="AO34" s="102">
        <v>0</v>
      </c>
      <c r="AP34" s="102">
        <v>1</v>
      </c>
      <c r="AQ34" s="102">
        <v>0</v>
      </c>
      <c r="AR34" s="102">
        <v>0</v>
      </c>
      <c r="AS34" s="103">
        <v>1</v>
      </c>
      <c r="AT34" s="104">
        <v>3</v>
      </c>
      <c r="AU34" s="101">
        <v>1</v>
      </c>
      <c r="AV34" s="102">
        <v>1</v>
      </c>
      <c r="AW34" s="103">
        <v>2</v>
      </c>
      <c r="AX34" s="413">
        <v>0</v>
      </c>
      <c r="AY34" s="102">
        <v>2</v>
      </c>
      <c r="AZ34" s="102">
        <v>1</v>
      </c>
      <c r="BA34" s="102">
        <v>0</v>
      </c>
      <c r="BB34" s="102">
        <v>1</v>
      </c>
      <c r="BC34" s="102">
        <v>0</v>
      </c>
      <c r="BD34" s="103">
        <v>4</v>
      </c>
      <c r="BE34" s="104">
        <v>6</v>
      </c>
      <c r="BF34" s="101">
        <v>1</v>
      </c>
      <c r="BG34" s="102">
        <v>4</v>
      </c>
      <c r="BH34" s="103">
        <v>5</v>
      </c>
      <c r="BI34" s="413">
        <v>0</v>
      </c>
      <c r="BJ34" s="102">
        <v>2</v>
      </c>
      <c r="BK34" s="102">
        <v>5</v>
      </c>
      <c r="BL34" s="102">
        <v>1</v>
      </c>
      <c r="BM34" s="102">
        <v>1</v>
      </c>
      <c r="BN34" s="102">
        <v>0</v>
      </c>
      <c r="BO34" s="103">
        <v>9</v>
      </c>
      <c r="BP34" s="104">
        <v>14</v>
      </c>
      <c r="BQ34" s="101">
        <v>2</v>
      </c>
      <c r="BR34" s="102">
        <v>3</v>
      </c>
      <c r="BS34" s="103">
        <v>5</v>
      </c>
      <c r="BT34" s="413">
        <v>0</v>
      </c>
      <c r="BU34" s="102">
        <v>2</v>
      </c>
      <c r="BV34" s="102">
        <v>0</v>
      </c>
      <c r="BW34" s="102">
        <v>3</v>
      </c>
      <c r="BX34" s="102">
        <v>2</v>
      </c>
      <c r="BY34" s="102">
        <v>0</v>
      </c>
      <c r="BZ34" s="103">
        <v>7</v>
      </c>
      <c r="CA34" s="104">
        <v>12</v>
      </c>
      <c r="CB34" s="101">
        <v>0</v>
      </c>
      <c r="CC34" s="102">
        <v>0</v>
      </c>
      <c r="CD34" s="103">
        <v>0</v>
      </c>
      <c r="CE34" s="413">
        <v>0</v>
      </c>
      <c r="CF34" s="102">
        <v>0</v>
      </c>
      <c r="CG34" s="102">
        <v>0</v>
      </c>
      <c r="CH34" s="102">
        <v>0</v>
      </c>
      <c r="CI34" s="102">
        <v>0</v>
      </c>
      <c r="CJ34" s="102">
        <v>0</v>
      </c>
      <c r="CK34" s="103">
        <v>0</v>
      </c>
      <c r="CL34" s="104">
        <v>0</v>
      </c>
      <c r="CM34" s="101">
        <v>5</v>
      </c>
      <c r="CN34" s="102">
        <v>9</v>
      </c>
      <c r="CO34" s="103">
        <v>14</v>
      </c>
      <c r="CP34" s="413">
        <v>0</v>
      </c>
      <c r="CQ34" s="102">
        <v>7</v>
      </c>
      <c r="CR34" s="102">
        <v>6</v>
      </c>
      <c r="CS34" s="102">
        <v>5</v>
      </c>
      <c r="CT34" s="102">
        <v>5</v>
      </c>
      <c r="CU34" s="102">
        <v>0</v>
      </c>
      <c r="CV34" s="103">
        <v>23</v>
      </c>
      <c r="CW34" s="104">
        <v>37</v>
      </c>
      <c r="CX34" s="105">
        <v>1</v>
      </c>
      <c r="CY34" s="97">
        <v>0</v>
      </c>
      <c r="CZ34" s="98">
        <v>1</v>
      </c>
      <c r="DA34" s="413">
        <v>0</v>
      </c>
      <c r="DB34" s="97">
        <v>3</v>
      </c>
      <c r="DC34" s="97">
        <v>2</v>
      </c>
      <c r="DD34" s="97">
        <v>0</v>
      </c>
      <c r="DE34" s="97">
        <v>0</v>
      </c>
      <c r="DF34" s="97">
        <v>2</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0</v>
      </c>
      <c r="EA34" s="102">
        <v>0</v>
      </c>
      <c r="EB34" s="102">
        <v>0</v>
      </c>
      <c r="EC34" s="103">
        <v>0</v>
      </c>
      <c r="ED34" s="104">
        <v>0</v>
      </c>
      <c r="EE34" s="101">
        <v>0</v>
      </c>
      <c r="EF34" s="102">
        <v>0</v>
      </c>
      <c r="EG34" s="103">
        <v>0</v>
      </c>
      <c r="EH34" s="413">
        <v>0</v>
      </c>
      <c r="EI34" s="102">
        <v>0</v>
      </c>
      <c r="EJ34" s="102">
        <v>0</v>
      </c>
      <c r="EK34" s="102">
        <v>0</v>
      </c>
      <c r="EL34" s="102">
        <v>0</v>
      </c>
      <c r="EM34" s="102">
        <v>0</v>
      </c>
      <c r="EN34" s="103">
        <v>0</v>
      </c>
      <c r="EO34" s="104">
        <v>0</v>
      </c>
      <c r="EP34" s="101">
        <v>1</v>
      </c>
      <c r="EQ34" s="102">
        <v>0</v>
      </c>
      <c r="ER34" s="103">
        <v>1</v>
      </c>
      <c r="ES34" s="413">
        <v>0</v>
      </c>
      <c r="ET34" s="102">
        <v>0</v>
      </c>
      <c r="EU34" s="102">
        <v>1</v>
      </c>
      <c r="EV34" s="102">
        <v>0</v>
      </c>
      <c r="EW34" s="102">
        <v>0</v>
      </c>
      <c r="EX34" s="102">
        <v>0</v>
      </c>
      <c r="EY34" s="103">
        <v>1</v>
      </c>
      <c r="EZ34" s="104">
        <v>2</v>
      </c>
      <c r="FA34" s="101">
        <v>0</v>
      </c>
      <c r="FB34" s="102">
        <v>0</v>
      </c>
      <c r="FC34" s="103">
        <v>0</v>
      </c>
      <c r="FD34" s="413">
        <v>0</v>
      </c>
      <c r="FE34" s="102">
        <v>0</v>
      </c>
      <c r="FF34" s="102">
        <v>0</v>
      </c>
      <c r="FG34" s="102">
        <v>0</v>
      </c>
      <c r="FH34" s="102">
        <v>0</v>
      </c>
      <c r="FI34" s="102">
        <v>0</v>
      </c>
      <c r="FJ34" s="103">
        <v>0</v>
      </c>
      <c r="FK34" s="104">
        <v>0</v>
      </c>
      <c r="FL34" s="101">
        <v>0</v>
      </c>
      <c r="FM34" s="102">
        <v>0</v>
      </c>
      <c r="FN34" s="103">
        <v>0</v>
      </c>
      <c r="FO34" s="413">
        <v>0</v>
      </c>
      <c r="FP34" s="102">
        <v>3</v>
      </c>
      <c r="FQ34" s="102">
        <v>1</v>
      </c>
      <c r="FR34" s="102">
        <v>0</v>
      </c>
      <c r="FS34" s="102">
        <v>0</v>
      </c>
      <c r="FT34" s="102">
        <v>2</v>
      </c>
      <c r="FU34" s="103">
        <v>6</v>
      </c>
      <c r="FV34" s="104">
        <v>6</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3</v>
      </c>
      <c r="GM34" s="102">
        <v>2</v>
      </c>
      <c r="GN34" s="102">
        <v>0</v>
      </c>
      <c r="GO34" s="102">
        <v>0</v>
      </c>
      <c r="GP34" s="102">
        <v>2</v>
      </c>
      <c r="GQ34" s="103">
        <v>7</v>
      </c>
      <c r="GR34" s="104">
        <v>8</v>
      </c>
      <c r="GS34" s="105">
        <v>6</v>
      </c>
      <c r="GT34" s="97">
        <v>9</v>
      </c>
      <c r="GU34" s="98">
        <v>15</v>
      </c>
      <c r="GV34" s="413">
        <v>0</v>
      </c>
      <c r="GW34" s="97">
        <v>10</v>
      </c>
      <c r="GX34" s="97">
        <v>8</v>
      </c>
      <c r="GY34" s="97">
        <v>5</v>
      </c>
      <c r="GZ34" s="97">
        <v>5</v>
      </c>
      <c r="HA34" s="97">
        <v>2</v>
      </c>
      <c r="HB34" s="99">
        <v>30</v>
      </c>
      <c r="HC34" s="100">
        <v>45</v>
      </c>
      <c r="HD34" s="101">
        <v>0</v>
      </c>
      <c r="HE34" s="102">
        <v>0</v>
      </c>
      <c r="HF34" s="103">
        <v>0</v>
      </c>
      <c r="HG34" s="413">
        <v>0</v>
      </c>
      <c r="HH34" s="102">
        <v>0</v>
      </c>
      <c r="HI34" s="102">
        <v>0</v>
      </c>
      <c r="HJ34" s="102">
        <v>0</v>
      </c>
      <c r="HK34" s="102">
        <v>0</v>
      </c>
      <c r="HL34" s="102">
        <v>0</v>
      </c>
      <c r="HM34" s="103">
        <v>0</v>
      </c>
      <c r="HN34" s="104">
        <v>0</v>
      </c>
      <c r="HO34" s="101">
        <v>0</v>
      </c>
      <c r="HP34" s="102">
        <v>0</v>
      </c>
      <c r="HQ34" s="103">
        <v>0</v>
      </c>
      <c r="HR34" s="413">
        <v>0</v>
      </c>
      <c r="HS34" s="102">
        <v>1</v>
      </c>
      <c r="HT34" s="102">
        <v>0</v>
      </c>
      <c r="HU34" s="102">
        <v>0</v>
      </c>
      <c r="HV34" s="102">
        <v>1</v>
      </c>
      <c r="HW34" s="102">
        <v>0</v>
      </c>
      <c r="HX34" s="103">
        <v>2</v>
      </c>
      <c r="HY34" s="104">
        <v>2</v>
      </c>
      <c r="HZ34" s="101">
        <v>1</v>
      </c>
      <c r="IA34" s="102">
        <v>1</v>
      </c>
      <c r="IB34" s="103">
        <v>2</v>
      </c>
      <c r="IC34" s="413">
        <v>0</v>
      </c>
      <c r="ID34" s="102">
        <v>0</v>
      </c>
      <c r="IE34" s="102">
        <v>0</v>
      </c>
      <c r="IF34" s="102">
        <v>1</v>
      </c>
      <c r="IG34" s="102">
        <v>0</v>
      </c>
      <c r="IH34" s="102">
        <v>0</v>
      </c>
      <c r="II34" s="103">
        <v>1</v>
      </c>
      <c r="IJ34" s="104">
        <v>3</v>
      </c>
      <c r="IK34" s="101">
        <v>2</v>
      </c>
      <c r="IL34" s="102">
        <v>1</v>
      </c>
      <c r="IM34" s="103">
        <v>3</v>
      </c>
      <c r="IN34" s="413">
        <v>0</v>
      </c>
      <c r="IO34" s="102">
        <v>2</v>
      </c>
      <c r="IP34" s="102">
        <v>2</v>
      </c>
      <c r="IQ34" s="102">
        <v>0</v>
      </c>
      <c r="IR34" s="102">
        <v>1</v>
      </c>
      <c r="IS34" s="102">
        <v>0</v>
      </c>
      <c r="IT34" s="103">
        <v>5</v>
      </c>
      <c r="IU34" s="104">
        <v>8</v>
      </c>
      <c r="IV34" s="101">
        <v>1</v>
      </c>
      <c r="IW34" s="102">
        <v>4</v>
      </c>
      <c r="IX34" s="103">
        <v>5</v>
      </c>
      <c r="IY34" s="413">
        <v>0</v>
      </c>
      <c r="IZ34" s="102">
        <v>2</v>
      </c>
      <c r="JA34" s="102">
        <v>5</v>
      </c>
      <c r="JB34" s="102">
        <v>1</v>
      </c>
      <c r="JC34" s="102">
        <v>1</v>
      </c>
      <c r="JD34" s="102">
        <v>0</v>
      </c>
      <c r="JE34" s="103">
        <v>9</v>
      </c>
      <c r="JF34" s="104">
        <v>14</v>
      </c>
      <c r="JG34" s="101">
        <v>2</v>
      </c>
      <c r="JH34" s="102">
        <v>3</v>
      </c>
      <c r="JI34" s="103">
        <v>5</v>
      </c>
      <c r="JJ34" s="413">
        <v>0</v>
      </c>
      <c r="JK34" s="102">
        <v>5</v>
      </c>
      <c r="JL34" s="102">
        <v>1</v>
      </c>
      <c r="JM34" s="102">
        <v>3</v>
      </c>
      <c r="JN34" s="102">
        <v>2</v>
      </c>
      <c r="JO34" s="102">
        <v>2</v>
      </c>
      <c r="JP34" s="103">
        <v>13</v>
      </c>
      <c r="JQ34" s="104">
        <v>18</v>
      </c>
      <c r="JR34" s="101">
        <v>0</v>
      </c>
      <c r="JS34" s="102">
        <v>0</v>
      </c>
      <c r="JT34" s="103">
        <v>0</v>
      </c>
      <c r="JU34" s="413">
        <v>0</v>
      </c>
      <c r="JV34" s="102">
        <v>0</v>
      </c>
      <c r="JW34" s="102">
        <v>0</v>
      </c>
      <c r="JX34" s="102">
        <v>0</v>
      </c>
      <c r="JY34" s="102">
        <v>0</v>
      </c>
      <c r="JZ34" s="102">
        <v>0</v>
      </c>
      <c r="KA34" s="103">
        <v>0</v>
      </c>
      <c r="KB34" s="104">
        <v>0</v>
      </c>
      <c r="KC34" s="101">
        <v>6</v>
      </c>
      <c r="KD34" s="102">
        <v>9</v>
      </c>
      <c r="KE34" s="103">
        <v>15</v>
      </c>
      <c r="KF34" s="413">
        <v>0</v>
      </c>
      <c r="KG34" s="102">
        <v>10</v>
      </c>
      <c r="KH34" s="102">
        <v>8</v>
      </c>
      <c r="KI34" s="102">
        <v>5</v>
      </c>
      <c r="KJ34" s="102">
        <v>5</v>
      </c>
      <c r="KK34" s="102">
        <v>2</v>
      </c>
      <c r="KL34" s="103">
        <v>30</v>
      </c>
      <c r="KM34" s="104">
        <v>45</v>
      </c>
    </row>
    <row r="35" spans="2:299" s="70" customFormat="1" ht="21" customHeight="1" x14ac:dyDescent="0.2">
      <c r="B35" s="106" t="s">
        <v>32</v>
      </c>
      <c r="C35" s="96">
        <v>8</v>
      </c>
      <c r="D35" s="97">
        <v>3</v>
      </c>
      <c r="E35" s="98">
        <v>11</v>
      </c>
      <c r="F35" s="413">
        <v>0</v>
      </c>
      <c r="G35" s="97">
        <v>17</v>
      </c>
      <c r="H35" s="97">
        <v>12</v>
      </c>
      <c r="I35" s="97">
        <v>7</v>
      </c>
      <c r="J35" s="97">
        <v>3</v>
      </c>
      <c r="K35" s="97">
        <v>0</v>
      </c>
      <c r="L35" s="99">
        <v>39</v>
      </c>
      <c r="M35" s="100">
        <v>50</v>
      </c>
      <c r="N35" s="101">
        <v>0</v>
      </c>
      <c r="O35" s="102">
        <v>0</v>
      </c>
      <c r="P35" s="103">
        <v>0</v>
      </c>
      <c r="Q35" s="413">
        <v>0</v>
      </c>
      <c r="R35" s="102">
        <v>0</v>
      </c>
      <c r="S35" s="102">
        <v>0</v>
      </c>
      <c r="T35" s="102">
        <v>0</v>
      </c>
      <c r="U35" s="102">
        <v>0</v>
      </c>
      <c r="V35" s="102">
        <v>0</v>
      </c>
      <c r="W35" s="103">
        <v>0</v>
      </c>
      <c r="X35" s="104">
        <v>0</v>
      </c>
      <c r="Y35" s="101">
        <v>1</v>
      </c>
      <c r="Z35" s="102">
        <v>0</v>
      </c>
      <c r="AA35" s="103">
        <v>1</v>
      </c>
      <c r="AB35" s="413">
        <v>0</v>
      </c>
      <c r="AC35" s="102">
        <v>0</v>
      </c>
      <c r="AD35" s="102">
        <v>0</v>
      </c>
      <c r="AE35" s="102">
        <v>0</v>
      </c>
      <c r="AF35" s="102">
        <v>0</v>
      </c>
      <c r="AG35" s="102">
        <v>0</v>
      </c>
      <c r="AH35" s="103">
        <v>0</v>
      </c>
      <c r="AI35" s="104">
        <v>1</v>
      </c>
      <c r="AJ35" s="101">
        <v>0</v>
      </c>
      <c r="AK35" s="102">
        <v>0</v>
      </c>
      <c r="AL35" s="103">
        <v>0</v>
      </c>
      <c r="AM35" s="413">
        <v>0</v>
      </c>
      <c r="AN35" s="102">
        <v>0</v>
      </c>
      <c r="AO35" s="102">
        <v>2</v>
      </c>
      <c r="AP35" s="102">
        <v>0</v>
      </c>
      <c r="AQ35" s="102">
        <v>0</v>
      </c>
      <c r="AR35" s="102">
        <v>0</v>
      </c>
      <c r="AS35" s="103">
        <v>2</v>
      </c>
      <c r="AT35" s="104">
        <v>2</v>
      </c>
      <c r="AU35" s="101">
        <v>3</v>
      </c>
      <c r="AV35" s="102">
        <v>0</v>
      </c>
      <c r="AW35" s="103">
        <v>3</v>
      </c>
      <c r="AX35" s="413">
        <v>0</v>
      </c>
      <c r="AY35" s="102">
        <v>5</v>
      </c>
      <c r="AZ35" s="102">
        <v>2</v>
      </c>
      <c r="BA35" s="102">
        <v>2</v>
      </c>
      <c r="BB35" s="102">
        <v>0</v>
      </c>
      <c r="BC35" s="102">
        <v>0</v>
      </c>
      <c r="BD35" s="103">
        <v>9</v>
      </c>
      <c r="BE35" s="104">
        <v>12</v>
      </c>
      <c r="BF35" s="101">
        <v>1</v>
      </c>
      <c r="BG35" s="102">
        <v>2</v>
      </c>
      <c r="BH35" s="103">
        <v>3</v>
      </c>
      <c r="BI35" s="413">
        <v>0</v>
      </c>
      <c r="BJ35" s="102">
        <v>8</v>
      </c>
      <c r="BK35" s="102">
        <v>2</v>
      </c>
      <c r="BL35" s="102">
        <v>3</v>
      </c>
      <c r="BM35" s="102">
        <v>1</v>
      </c>
      <c r="BN35" s="102">
        <v>0</v>
      </c>
      <c r="BO35" s="103">
        <v>14</v>
      </c>
      <c r="BP35" s="104">
        <v>17</v>
      </c>
      <c r="BQ35" s="101">
        <v>3</v>
      </c>
      <c r="BR35" s="102">
        <v>1</v>
      </c>
      <c r="BS35" s="103">
        <v>4</v>
      </c>
      <c r="BT35" s="413">
        <v>0</v>
      </c>
      <c r="BU35" s="102">
        <v>4</v>
      </c>
      <c r="BV35" s="102">
        <v>6</v>
      </c>
      <c r="BW35" s="102">
        <v>2</v>
      </c>
      <c r="BX35" s="102">
        <v>2</v>
      </c>
      <c r="BY35" s="102">
        <v>0</v>
      </c>
      <c r="BZ35" s="103">
        <v>14</v>
      </c>
      <c r="CA35" s="104">
        <v>18</v>
      </c>
      <c r="CB35" s="101">
        <v>0</v>
      </c>
      <c r="CC35" s="102">
        <v>0</v>
      </c>
      <c r="CD35" s="103">
        <v>0</v>
      </c>
      <c r="CE35" s="413">
        <v>0</v>
      </c>
      <c r="CF35" s="102">
        <v>0</v>
      </c>
      <c r="CG35" s="102">
        <v>0</v>
      </c>
      <c r="CH35" s="102">
        <v>0</v>
      </c>
      <c r="CI35" s="102">
        <v>0</v>
      </c>
      <c r="CJ35" s="102">
        <v>0</v>
      </c>
      <c r="CK35" s="103">
        <v>0</v>
      </c>
      <c r="CL35" s="104">
        <v>0</v>
      </c>
      <c r="CM35" s="101">
        <v>8</v>
      </c>
      <c r="CN35" s="102">
        <v>3</v>
      </c>
      <c r="CO35" s="103">
        <v>11</v>
      </c>
      <c r="CP35" s="413">
        <v>0</v>
      </c>
      <c r="CQ35" s="102">
        <v>17</v>
      </c>
      <c r="CR35" s="102">
        <v>12</v>
      </c>
      <c r="CS35" s="102">
        <v>7</v>
      </c>
      <c r="CT35" s="102">
        <v>3</v>
      </c>
      <c r="CU35" s="102">
        <v>0</v>
      </c>
      <c r="CV35" s="103">
        <v>39</v>
      </c>
      <c r="CW35" s="104">
        <v>50</v>
      </c>
      <c r="CX35" s="105">
        <v>0</v>
      </c>
      <c r="CY35" s="97">
        <v>0</v>
      </c>
      <c r="CZ35" s="98">
        <v>0</v>
      </c>
      <c r="DA35" s="413">
        <v>0</v>
      </c>
      <c r="DB35" s="97">
        <v>0</v>
      </c>
      <c r="DC35" s="97">
        <v>2</v>
      </c>
      <c r="DD35" s="97">
        <v>1</v>
      </c>
      <c r="DE35" s="97">
        <v>2</v>
      </c>
      <c r="DF35" s="97">
        <v>1</v>
      </c>
      <c r="DG35" s="99">
        <v>6</v>
      </c>
      <c r="DH35" s="100">
        <v>6</v>
      </c>
      <c r="DI35" s="101">
        <v>0</v>
      </c>
      <c r="DJ35" s="102">
        <v>0</v>
      </c>
      <c r="DK35" s="103">
        <v>0</v>
      </c>
      <c r="DL35" s="413">
        <v>0</v>
      </c>
      <c r="DM35" s="102">
        <v>0</v>
      </c>
      <c r="DN35" s="102">
        <v>0</v>
      </c>
      <c r="DO35" s="102">
        <v>0</v>
      </c>
      <c r="DP35" s="102">
        <v>0</v>
      </c>
      <c r="DQ35" s="102">
        <v>0</v>
      </c>
      <c r="DR35" s="103">
        <v>0</v>
      </c>
      <c r="DS35" s="104">
        <v>0</v>
      </c>
      <c r="DT35" s="101">
        <v>0</v>
      </c>
      <c r="DU35" s="102">
        <v>0</v>
      </c>
      <c r="DV35" s="103">
        <v>0</v>
      </c>
      <c r="DW35" s="413">
        <v>0</v>
      </c>
      <c r="DX35" s="102">
        <v>0</v>
      </c>
      <c r="DY35" s="102">
        <v>0</v>
      </c>
      <c r="DZ35" s="102">
        <v>0</v>
      </c>
      <c r="EA35" s="102">
        <v>0</v>
      </c>
      <c r="EB35" s="102">
        <v>0</v>
      </c>
      <c r="EC35" s="103">
        <v>0</v>
      </c>
      <c r="ED35" s="104">
        <v>0</v>
      </c>
      <c r="EE35" s="101">
        <v>0</v>
      </c>
      <c r="EF35" s="102">
        <v>0</v>
      </c>
      <c r="EG35" s="103">
        <v>0</v>
      </c>
      <c r="EH35" s="413">
        <v>0</v>
      </c>
      <c r="EI35" s="102">
        <v>0</v>
      </c>
      <c r="EJ35" s="102">
        <v>0</v>
      </c>
      <c r="EK35" s="102">
        <v>0</v>
      </c>
      <c r="EL35" s="102">
        <v>0</v>
      </c>
      <c r="EM35" s="102">
        <v>0</v>
      </c>
      <c r="EN35" s="103">
        <v>0</v>
      </c>
      <c r="EO35" s="104">
        <v>0</v>
      </c>
      <c r="EP35" s="101">
        <v>0</v>
      </c>
      <c r="EQ35" s="102">
        <v>0</v>
      </c>
      <c r="ER35" s="103">
        <v>0</v>
      </c>
      <c r="ES35" s="413">
        <v>0</v>
      </c>
      <c r="ET35" s="102">
        <v>0</v>
      </c>
      <c r="EU35" s="102">
        <v>1</v>
      </c>
      <c r="EV35" s="102">
        <v>0</v>
      </c>
      <c r="EW35" s="102">
        <v>0</v>
      </c>
      <c r="EX35" s="102">
        <v>0</v>
      </c>
      <c r="EY35" s="103">
        <v>1</v>
      </c>
      <c r="EZ35" s="104">
        <v>1</v>
      </c>
      <c r="FA35" s="101">
        <v>0</v>
      </c>
      <c r="FB35" s="102">
        <v>0</v>
      </c>
      <c r="FC35" s="103">
        <v>0</v>
      </c>
      <c r="FD35" s="413">
        <v>0</v>
      </c>
      <c r="FE35" s="102">
        <v>0</v>
      </c>
      <c r="FF35" s="102">
        <v>0</v>
      </c>
      <c r="FG35" s="102">
        <v>1</v>
      </c>
      <c r="FH35" s="102">
        <v>1</v>
      </c>
      <c r="FI35" s="102">
        <v>0</v>
      </c>
      <c r="FJ35" s="103">
        <v>2</v>
      </c>
      <c r="FK35" s="104">
        <v>2</v>
      </c>
      <c r="FL35" s="101">
        <v>0</v>
      </c>
      <c r="FM35" s="102">
        <v>0</v>
      </c>
      <c r="FN35" s="103">
        <v>0</v>
      </c>
      <c r="FO35" s="413">
        <v>0</v>
      </c>
      <c r="FP35" s="102">
        <v>0</v>
      </c>
      <c r="FQ35" s="102">
        <v>1</v>
      </c>
      <c r="FR35" s="102">
        <v>0</v>
      </c>
      <c r="FS35" s="102">
        <v>1</v>
      </c>
      <c r="FT35" s="102">
        <v>1</v>
      </c>
      <c r="FU35" s="103">
        <v>3</v>
      </c>
      <c r="FV35" s="104">
        <v>3</v>
      </c>
      <c r="FW35" s="101">
        <v>0</v>
      </c>
      <c r="FX35" s="102">
        <v>0</v>
      </c>
      <c r="FY35" s="103">
        <v>0</v>
      </c>
      <c r="FZ35" s="413">
        <v>0</v>
      </c>
      <c r="GA35" s="102">
        <v>0</v>
      </c>
      <c r="GB35" s="102">
        <v>0</v>
      </c>
      <c r="GC35" s="102">
        <v>0</v>
      </c>
      <c r="GD35" s="102">
        <v>0</v>
      </c>
      <c r="GE35" s="102">
        <v>0</v>
      </c>
      <c r="GF35" s="103">
        <v>0</v>
      </c>
      <c r="GG35" s="104">
        <v>0</v>
      </c>
      <c r="GH35" s="101">
        <v>0</v>
      </c>
      <c r="GI35" s="102">
        <v>0</v>
      </c>
      <c r="GJ35" s="103">
        <v>0</v>
      </c>
      <c r="GK35" s="413">
        <v>0</v>
      </c>
      <c r="GL35" s="102">
        <v>0</v>
      </c>
      <c r="GM35" s="102">
        <v>2</v>
      </c>
      <c r="GN35" s="102">
        <v>1</v>
      </c>
      <c r="GO35" s="102">
        <v>2</v>
      </c>
      <c r="GP35" s="102">
        <v>1</v>
      </c>
      <c r="GQ35" s="103">
        <v>6</v>
      </c>
      <c r="GR35" s="104">
        <v>6</v>
      </c>
      <c r="GS35" s="105">
        <v>8</v>
      </c>
      <c r="GT35" s="97">
        <v>3</v>
      </c>
      <c r="GU35" s="98">
        <v>11</v>
      </c>
      <c r="GV35" s="413">
        <v>0</v>
      </c>
      <c r="GW35" s="97">
        <v>17</v>
      </c>
      <c r="GX35" s="97">
        <v>14</v>
      </c>
      <c r="GY35" s="97">
        <v>8</v>
      </c>
      <c r="GZ35" s="97">
        <v>5</v>
      </c>
      <c r="HA35" s="97">
        <v>1</v>
      </c>
      <c r="HB35" s="99">
        <v>45</v>
      </c>
      <c r="HC35" s="100">
        <v>56</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0</v>
      </c>
      <c r="HV35" s="102">
        <v>0</v>
      </c>
      <c r="HW35" s="102">
        <v>0</v>
      </c>
      <c r="HX35" s="103">
        <v>0</v>
      </c>
      <c r="HY35" s="104">
        <v>1</v>
      </c>
      <c r="HZ35" s="101">
        <v>0</v>
      </c>
      <c r="IA35" s="102">
        <v>0</v>
      </c>
      <c r="IB35" s="103">
        <v>0</v>
      </c>
      <c r="IC35" s="413">
        <v>0</v>
      </c>
      <c r="ID35" s="102">
        <v>0</v>
      </c>
      <c r="IE35" s="102">
        <v>2</v>
      </c>
      <c r="IF35" s="102">
        <v>0</v>
      </c>
      <c r="IG35" s="102">
        <v>0</v>
      </c>
      <c r="IH35" s="102">
        <v>0</v>
      </c>
      <c r="II35" s="103">
        <v>2</v>
      </c>
      <c r="IJ35" s="104">
        <v>2</v>
      </c>
      <c r="IK35" s="101">
        <v>3</v>
      </c>
      <c r="IL35" s="102">
        <v>0</v>
      </c>
      <c r="IM35" s="103">
        <v>3</v>
      </c>
      <c r="IN35" s="413">
        <v>0</v>
      </c>
      <c r="IO35" s="102">
        <v>5</v>
      </c>
      <c r="IP35" s="102">
        <v>3</v>
      </c>
      <c r="IQ35" s="102">
        <v>2</v>
      </c>
      <c r="IR35" s="102">
        <v>0</v>
      </c>
      <c r="IS35" s="102">
        <v>0</v>
      </c>
      <c r="IT35" s="103">
        <v>10</v>
      </c>
      <c r="IU35" s="104">
        <v>13</v>
      </c>
      <c r="IV35" s="101">
        <v>1</v>
      </c>
      <c r="IW35" s="102">
        <v>2</v>
      </c>
      <c r="IX35" s="103">
        <v>3</v>
      </c>
      <c r="IY35" s="413">
        <v>0</v>
      </c>
      <c r="IZ35" s="102">
        <v>8</v>
      </c>
      <c r="JA35" s="102">
        <v>2</v>
      </c>
      <c r="JB35" s="102">
        <v>4</v>
      </c>
      <c r="JC35" s="102">
        <v>2</v>
      </c>
      <c r="JD35" s="102">
        <v>0</v>
      </c>
      <c r="JE35" s="103">
        <v>16</v>
      </c>
      <c r="JF35" s="104">
        <v>19</v>
      </c>
      <c r="JG35" s="101">
        <v>3</v>
      </c>
      <c r="JH35" s="102">
        <v>1</v>
      </c>
      <c r="JI35" s="103">
        <v>4</v>
      </c>
      <c r="JJ35" s="413">
        <v>0</v>
      </c>
      <c r="JK35" s="102">
        <v>4</v>
      </c>
      <c r="JL35" s="102">
        <v>7</v>
      </c>
      <c r="JM35" s="102">
        <v>2</v>
      </c>
      <c r="JN35" s="102">
        <v>3</v>
      </c>
      <c r="JO35" s="102">
        <v>1</v>
      </c>
      <c r="JP35" s="103">
        <v>17</v>
      </c>
      <c r="JQ35" s="104">
        <v>21</v>
      </c>
      <c r="JR35" s="101">
        <v>0</v>
      </c>
      <c r="JS35" s="102">
        <v>0</v>
      </c>
      <c r="JT35" s="103">
        <v>0</v>
      </c>
      <c r="JU35" s="413">
        <v>0</v>
      </c>
      <c r="JV35" s="102">
        <v>0</v>
      </c>
      <c r="JW35" s="102">
        <v>0</v>
      </c>
      <c r="JX35" s="102">
        <v>0</v>
      </c>
      <c r="JY35" s="102">
        <v>0</v>
      </c>
      <c r="JZ35" s="102">
        <v>0</v>
      </c>
      <c r="KA35" s="103">
        <v>0</v>
      </c>
      <c r="KB35" s="104">
        <v>0</v>
      </c>
      <c r="KC35" s="101">
        <v>8</v>
      </c>
      <c r="KD35" s="102">
        <v>3</v>
      </c>
      <c r="KE35" s="103">
        <v>11</v>
      </c>
      <c r="KF35" s="413">
        <v>0</v>
      </c>
      <c r="KG35" s="102">
        <v>17</v>
      </c>
      <c r="KH35" s="102">
        <v>14</v>
      </c>
      <c r="KI35" s="102">
        <v>8</v>
      </c>
      <c r="KJ35" s="102">
        <v>5</v>
      </c>
      <c r="KK35" s="102">
        <v>1</v>
      </c>
      <c r="KL35" s="103">
        <v>45</v>
      </c>
      <c r="KM35" s="104">
        <v>56</v>
      </c>
    </row>
    <row r="36" spans="2:299" s="70" customFormat="1" ht="21" customHeight="1" x14ac:dyDescent="0.2">
      <c r="B36" s="106" t="s">
        <v>33</v>
      </c>
      <c r="C36" s="96">
        <v>4</v>
      </c>
      <c r="D36" s="97">
        <v>2</v>
      </c>
      <c r="E36" s="98">
        <v>6</v>
      </c>
      <c r="F36" s="413">
        <v>0</v>
      </c>
      <c r="G36" s="97">
        <v>5</v>
      </c>
      <c r="H36" s="97">
        <v>1</v>
      </c>
      <c r="I36" s="97">
        <v>4</v>
      </c>
      <c r="J36" s="97">
        <v>1</v>
      </c>
      <c r="K36" s="97">
        <v>1</v>
      </c>
      <c r="L36" s="99">
        <v>12</v>
      </c>
      <c r="M36" s="100">
        <v>18</v>
      </c>
      <c r="N36" s="101">
        <v>0</v>
      </c>
      <c r="O36" s="102">
        <v>0</v>
      </c>
      <c r="P36" s="103">
        <v>0</v>
      </c>
      <c r="Q36" s="413">
        <v>0</v>
      </c>
      <c r="R36" s="102">
        <v>0</v>
      </c>
      <c r="S36" s="102">
        <v>0</v>
      </c>
      <c r="T36" s="102">
        <v>0</v>
      </c>
      <c r="U36" s="102">
        <v>0</v>
      </c>
      <c r="V36" s="102">
        <v>0</v>
      </c>
      <c r="W36" s="103">
        <v>0</v>
      </c>
      <c r="X36" s="104">
        <v>0</v>
      </c>
      <c r="Y36" s="101">
        <v>0</v>
      </c>
      <c r="Z36" s="102">
        <v>0</v>
      </c>
      <c r="AA36" s="103">
        <v>0</v>
      </c>
      <c r="AB36" s="413">
        <v>0</v>
      </c>
      <c r="AC36" s="102">
        <v>0</v>
      </c>
      <c r="AD36" s="102">
        <v>0</v>
      </c>
      <c r="AE36" s="102">
        <v>0</v>
      </c>
      <c r="AF36" s="102">
        <v>0</v>
      </c>
      <c r="AG36" s="102">
        <v>0</v>
      </c>
      <c r="AH36" s="103">
        <v>0</v>
      </c>
      <c r="AI36" s="104">
        <v>0</v>
      </c>
      <c r="AJ36" s="101">
        <v>1</v>
      </c>
      <c r="AK36" s="102">
        <v>0</v>
      </c>
      <c r="AL36" s="103">
        <v>1</v>
      </c>
      <c r="AM36" s="413">
        <v>0</v>
      </c>
      <c r="AN36" s="102">
        <v>0</v>
      </c>
      <c r="AO36" s="102">
        <v>1</v>
      </c>
      <c r="AP36" s="102">
        <v>0</v>
      </c>
      <c r="AQ36" s="102">
        <v>0</v>
      </c>
      <c r="AR36" s="102">
        <v>0</v>
      </c>
      <c r="AS36" s="103">
        <v>1</v>
      </c>
      <c r="AT36" s="104">
        <v>2</v>
      </c>
      <c r="AU36" s="101">
        <v>1</v>
      </c>
      <c r="AV36" s="102">
        <v>0</v>
      </c>
      <c r="AW36" s="103">
        <v>1</v>
      </c>
      <c r="AX36" s="413">
        <v>0</v>
      </c>
      <c r="AY36" s="102">
        <v>0</v>
      </c>
      <c r="AZ36" s="102">
        <v>0</v>
      </c>
      <c r="BA36" s="102">
        <v>2</v>
      </c>
      <c r="BB36" s="102">
        <v>0</v>
      </c>
      <c r="BC36" s="102">
        <v>0</v>
      </c>
      <c r="BD36" s="103">
        <v>2</v>
      </c>
      <c r="BE36" s="104">
        <v>3</v>
      </c>
      <c r="BF36" s="101">
        <v>1</v>
      </c>
      <c r="BG36" s="102">
        <v>1</v>
      </c>
      <c r="BH36" s="103">
        <v>2</v>
      </c>
      <c r="BI36" s="413">
        <v>0</v>
      </c>
      <c r="BJ36" s="102">
        <v>3</v>
      </c>
      <c r="BK36" s="102">
        <v>0</v>
      </c>
      <c r="BL36" s="102">
        <v>0</v>
      </c>
      <c r="BM36" s="102">
        <v>0</v>
      </c>
      <c r="BN36" s="102">
        <v>0</v>
      </c>
      <c r="BO36" s="103">
        <v>3</v>
      </c>
      <c r="BP36" s="104">
        <v>5</v>
      </c>
      <c r="BQ36" s="101">
        <v>1</v>
      </c>
      <c r="BR36" s="102">
        <v>1</v>
      </c>
      <c r="BS36" s="103">
        <v>2</v>
      </c>
      <c r="BT36" s="413">
        <v>0</v>
      </c>
      <c r="BU36" s="102">
        <v>2</v>
      </c>
      <c r="BV36" s="102">
        <v>0</v>
      </c>
      <c r="BW36" s="102">
        <v>2</v>
      </c>
      <c r="BX36" s="102">
        <v>1</v>
      </c>
      <c r="BY36" s="102">
        <v>1</v>
      </c>
      <c r="BZ36" s="103">
        <v>6</v>
      </c>
      <c r="CA36" s="104">
        <v>8</v>
      </c>
      <c r="CB36" s="101">
        <v>0</v>
      </c>
      <c r="CC36" s="102">
        <v>0</v>
      </c>
      <c r="CD36" s="103">
        <v>0</v>
      </c>
      <c r="CE36" s="413">
        <v>0</v>
      </c>
      <c r="CF36" s="102">
        <v>0</v>
      </c>
      <c r="CG36" s="102">
        <v>0</v>
      </c>
      <c r="CH36" s="102">
        <v>0</v>
      </c>
      <c r="CI36" s="102">
        <v>0</v>
      </c>
      <c r="CJ36" s="102">
        <v>0</v>
      </c>
      <c r="CK36" s="103">
        <v>0</v>
      </c>
      <c r="CL36" s="104">
        <v>0</v>
      </c>
      <c r="CM36" s="101">
        <v>4</v>
      </c>
      <c r="CN36" s="102">
        <v>2</v>
      </c>
      <c r="CO36" s="103">
        <v>6</v>
      </c>
      <c r="CP36" s="413">
        <v>0</v>
      </c>
      <c r="CQ36" s="102">
        <v>5</v>
      </c>
      <c r="CR36" s="102">
        <v>1</v>
      </c>
      <c r="CS36" s="102">
        <v>4</v>
      </c>
      <c r="CT36" s="102">
        <v>1</v>
      </c>
      <c r="CU36" s="102">
        <v>1</v>
      </c>
      <c r="CV36" s="103">
        <v>12</v>
      </c>
      <c r="CW36" s="104">
        <v>18</v>
      </c>
      <c r="CX36" s="105">
        <v>0</v>
      </c>
      <c r="CY36" s="97">
        <v>2</v>
      </c>
      <c r="CZ36" s="98">
        <v>2</v>
      </c>
      <c r="DA36" s="413">
        <v>0</v>
      </c>
      <c r="DB36" s="97">
        <v>0</v>
      </c>
      <c r="DC36" s="97">
        <v>0</v>
      </c>
      <c r="DD36" s="97">
        <v>0</v>
      </c>
      <c r="DE36" s="97">
        <v>0</v>
      </c>
      <c r="DF36" s="97">
        <v>1</v>
      </c>
      <c r="DG36" s="99">
        <v>1</v>
      </c>
      <c r="DH36" s="100">
        <v>3</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0</v>
      </c>
      <c r="EY36" s="103">
        <v>0</v>
      </c>
      <c r="EZ36" s="104">
        <v>1</v>
      </c>
      <c r="FA36" s="101">
        <v>0</v>
      </c>
      <c r="FB36" s="102">
        <v>0</v>
      </c>
      <c r="FC36" s="103">
        <v>0</v>
      </c>
      <c r="FD36" s="413">
        <v>0</v>
      </c>
      <c r="FE36" s="102">
        <v>0</v>
      </c>
      <c r="FF36" s="102">
        <v>0</v>
      </c>
      <c r="FG36" s="102">
        <v>0</v>
      </c>
      <c r="FH36" s="102">
        <v>0</v>
      </c>
      <c r="FI36" s="102">
        <v>0</v>
      </c>
      <c r="FJ36" s="103">
        <v>0</v>
      </c>
      <c r="FK36" s="104">
        <v>0</v>
      </c>
      <c r="FL36" s="101">
        <v>0</v>
      </c>
      <c r="FM36" s="102">
        <v>1</v>
      </c>
      <c r="FN36" s="103">
        <v>1</v>
      </c>
      <c r="FO36" s="413">
        <v>0</v>
      </c>
      <c r="FP36" s="102">
        <v>0</v>
      </c>
      <c r="FQ36" s="102">
        <v>0</v>
      </c>
      <c r="FR36" s="102">
        <v>0</v>
      </c>
      <c r="FS36" s="102">
        <v>0</v>
      </c>
      <c r="FT36" s="102">
        <v>1</v>
      </c>
      <c r="FU36" s="103">
        <v>1</v>
      </c>
      <c r="FV36" s="104">
        <v>2</v>
      </c>
      <c r="FW36" s="101">
        <v>0</v>
      </c>
      <c r="FX36" s="102">
        <v>0</v>
      </c>
      <c r="FY36" s="103">
        <v>0</v>
      </c>
      <c r="FZ36" s="413">
        <v>0</v>
      </c>
      <c r="GA36" s="102">
        <v>0</v>
      </c>
      <c r="GB36" s="102">
        <v>0</v>
      </c>
      <c r="GC36" s="102">
        <v>0</v>
      </c>
      <c r="GD36" s="102">
        <v>0</v>
      </c>
      <c r="GE36" s="102">
        <v>0</v>
      </c>
      <c r="GF36" s="103">
        <v>0</v>
      </c>
      <c r="GG36" s="104">
        <v>0</v>
      </c>
      <c r="GH36" s="101">
        <v>0</v>
      </c>
      <c r="GI36" s="102">
        <v>2</v>
      </c>
      <c r="GJ36" s="103">
        <v>2</v>
      </c>
      <c r="GK36" s="413">
        <v>0</v>
      </c>
      <c r="GL36" s="102">
        <v>0</v>
      </c>
      <c r="GM36" s="102">
        <v>0</v>
      </c>
      <c r="GN36" s="102">
        <v>0</v>
      </c>
      <c r="GO36" s="102">
        <v>0</v>
      </c>
      <c r="GP36" s="102">
        <v>1</v>
      </c>
      <c r="GQ36" s="103">
        <v>1</v>
      </c>
      <c r="GR36" s="104">
        <v>3</v>
      </c>
      <c r="GS36" s="105">
        <v>4</v>
      </c>
      <c r="GT36" s="97">
        <v>4</v>
      </c>
      <c r="GU36" s="98">
        <v>8</v>
      </c>
      <c r="GV36" s="413">
        <v>0</v>
      </c>
      <c r="GW36" s="97">
        <v>5</v>
      </c>
      <c r="GX36" s="97">
        <v>1</v>
      </c>
      <c r="GY36" s="97">
        <v>4</v>
      </c>
      <c r="GZ36" s="97">
        <v>1</v>
      </c>
      <c r="HA36" s="97">
        <v>2</v>
      </c>
      <c r="HB36" s="99">
        <v>13</v>
      </c>
      <c r="HC36" s="100">
        <v>21</v>
      </c>
      <c r="HD36" s="101">
        <v>0</v>
      </c>
      <c r="HE36" s="102">
        <v>0</v>
      </c>
      <c r="HF36" s="103">
        <v>0</v>
      </c>
      <c r="HG36" s="413">
        <v>0</v>
      </c>
      <c r="HH36" s="102">
        <v>0</v>
      </c>
      <c r="HI36" s="102">
        <v>0</v>
      </c>
      <c r="HJ36" s="102">
        <v>0</v>
      </c>
      <c r="HK36" s="102">
        <v>0</v>
      </c>
      <c r="HL36" s="102">
        <v>0</v>
      </c>
      <c r="HM36" s="103">
        <v>0</v>
      </c>
      <c r="HN36" s="104">
        <v>0</v>
      </c>
      <c r="HO36" s="101">
        <v>0</v>
      </c>
      <c r="HP36" s="102">
        <v>0</v>
      </c>
      <c r="HQ36" s="103">
        <v>0</v>
      </c>
      <c r="HR36" s="413">
        <v>0</v>
      </c>
      <c r="HS36" s="102">
        <v>0</v>
      </c>
      <c r="HT36" s="102">
        <v>0</v>
      </c>
      <c r="HU36" s="102">
        <v>0</v>
      </c>
      <c r="HV36" s="102">
        <v>0</v>
      </c>
      <c r="HW36" s="102">
        <v>0</v>
      </c>
      <c r="HX36" s="103">
        <v>0</v>
      </c>
      <c r="HY36" s="104">
        <v>0</v>
      </c>
      <c r="HZ36" s="101">
        <v>1</v>
      </c>
      <c r="IA36" s="102">
        <v>0</v>
      </c>
      <c r="IB36" s="103">
        <v>1</v>
      </c>
      <c r="IC36" s="413">
        <v>0</v>
      </c>
      <c r="ID36" s="102">
        <v>0</v>
      </c>
      <c r="IE36" s="102">
        <v>1</v>
      </c>
      <c r="IF36" s="102">
        <v>0</v>
      </c>
      <c r="IG36" s="102">
        <v>0</v>
      </c>
      <c r="IH36" s="102">
        <v>0</v>
      </c>
      <c r="II36" s="103">
        <v>1</v>
      </c>
      <c r="IJ36" s="104">
        <v>2</v>
      </c>
      <c r="IK36" s="101">
        <v>1</v>
      </c>
      <c r="IL36" s="102">
        <v>1</v>
      </c>
      <c r="IM36" s="103">
        <v>2</v>
      </c>
      <c r="IN36" s="413">
        <v>0</v>
      </c>
      <c r="IO36" s="102">
        <v>0</v>
      </c>
      <c r="IP36" s="102">
        <v>0</v>
      </c>
      <c r="IQ36" s="102">
        <v>2</v>
      </c>
      <c r="IR36" s="102">
        <v>0</v>
      </c>
      <c r="IS36" s="102">
        <v>0</v>
      </c>
      <c r="IT36" s="103">
        <v>2</v>
      </c>
      <c r="IU36" s="104">
        <v>4</v>
      </c>
      <c r="IV36" s="101">
        <v>1</v>
      </c>
      <c r="IW36" s="102">
        <v>1</v>
      </c>
      <c r="IX36" s="103">
        <v>2</v>
      </c>
      <c r="IY36" s="413">
        <v>0</v>
      </c>
      <c r="IZ36" s="102">
        <v>3</v>
      </c>
      <c r="JA36" s="102">
        <v>0</v>
      </c>
      <c r="JB36" s="102">
        <v>0</v>
      </c>
      <c r="JC36" s="102">
        <v>0</v>
      </c>
      <c r="JD36" s="102">
        <v>0</v>
      </c>
      <c r="JE36" s="103">
        <v>3</v>
      </c>
      <c r="JF36" s="104">
        <v>5</v>
      </c>
      <c r="JG36" s="101">
        <v>1</v>
      </c>
      <c r="JH36" s="102">
        <v>2</v>
      </c>
      <c r="JI36" s="103">
        <v>3</v>
      </c>
      <c r="JJ36" s="413">
        <v>0</v>
      </c>
      <c r="JK36" s="102">
        <v>2</v>
      </c>
      <c r="JL36" s="102">
        <v>0</v>
      </c>
      <c r="JM36" s="102">
        <v>2</v>
      </c>
      <c r="JN36" s="102">
        <v>1</v>
      </c>
      <c r="JO36" s="102">
        <v>2</v>
      </c>
      <c r="JP36" s="103">
        <v>7</v>
      </c>
      <c r="JQ36" s="104">
        <v>10</v>
      </c>
      <c r="JR36" s="101">
        <v>0</v>
      </c>
      <c r="JS36" s="102">
        <v>0</v>
      </c>
      <c r="JT36" s="103">
        <v>0</v>
      </c>
      <c r="JU36" s="413">
        <v>0</v>
      </c>
      <c r="JV36" s="102">
        <v>0</v>
      </c>
      <c r="JW36" s="102">
        <v>0</v>
      </c>
      <c r="JX36" s="102">
        <v>0</v>
      </c>
      <c r="JY36" s="102">
        <v>0</v>
      </c>
      <c r="JZ36" s="102">
        <v>0</v>
      </c>
      <c r="KA36" s="103">
        <v>0</v>
      </c>
      <c r="KB36" s="104">
        <v>0</v>
      </c>
      <c r="KC36" s="101">
        <v>4</v>
      </c>
      <c r="KD36" s="102">
        <v>4</v>
      </c>
      <c r="KE36" s="103">
        <v>8</v>
      </c>
      <c r="KF36" s="413">
        <v>0</v>
      </c>
      <c r="KG36" s="102">
        <v>5</v>
      </c>
      <c r="KH36" s="102">
        <v>1</v>
      </c>
      <c r="KI36" s="102">
        <v>4</v>
      </c>
      <c r="KJ36" s="102">
        <v>1</v>
      </c>
      <c r="KK36" s="102">
        <v>2</v>
      </c>
      <c r="KL36" s="103">
        <v>13</v>
      </c>
      <c r="KM36" s="104">
        <v>21</v>
      </c>
    </row>
    <row r="37" spans="2:299" s="70" customFormat="1" ht="21" customHeight="1" x14ac:dyDescent="0.2">
      <c r="B37" s="106" t="s">
        <v>34</v>
      </c>
      <c r="C37" s="96">
        <v>2</v>
      </c>
      <c r="D37" s="97">
        <v>3</v>
      </c>
      <c r="E37" s="98">
        <v>5</v>
      </c>
      <c r="F37" s="413">
        <v>0</v>
      </c>
      <c r="G37" s="97">
        <v>6</v>
      </c>
      <c r="H37" s="97">
        <v>8</v>
      </c>
      <c r="I37" s="97">
        <v>3</v>
      </c>
      <c r="J37" s="97">
        <v>2</v>
      </c>
      <c r="K37" s="97">
        <v>1</v>
      </c>
      <c r="L37" s="99">
        <v>20</v>
      </c>
      <c r="M37" s="100">
        <v>25</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1</v>
      </c>
      <c r="AD37" s="102">
        <v>0</v>
      </c>
      <c r="AE37" s="102">
        <v>0</v>
      </c>
      <c r="AF37" s="102">
        <v>0</v>
      </c>
      <c r="AG37" s="102">
        <v>0</v>
      </c>
      <c r="AH37" s="103">
        <v>1</v>
      </c>
      <c r="AI37" s="104">
        <v>1</v>
      </c>
      <c r="AJ37" s="101">
        <v>0</v>
      </c>
      <c r="AK37" s="102">
        <v>0</v>
      </c>
      <c r="AL37" s="103">
        <v>0</v>
      </c>
      <c r="AM37" s="413">
        <v>0</v>
      </c>
      <c r="AN37" s="102">
        <v>0</v>
      </c>
      <c r="AO37" s="102">
        <v>0</v>
      </c>
      <c r="AP37" s="102">
        <v>0</v>
      </c>
      <c r="AQ37" s="102">
        <v>0</v>
      </c>
      <c r="AR37" s="102">
        <v>0</v>
      </c>
      <c r="AS37" s="103">
        <v>0</v>
      </c>
      <c r="AT37" s="104">
        <v>0</v>
      </c>
      <c r="AU37" s="101">
        <v>1</v>
      </c>
      <c r="AV37" s="102">
        <v>1</v>
      </c>
      <c r="AW37" s="103">
        <v>2</v>
      </c>
      <c r="AX37" s="413">
        <v>0</v>
      </c>
      <c r="AY37" s="102">
        <v>0</v>
      </c>
      <c r="AZ37" s="102">
        <v>5</v>
      </c>
      <c r="BA37" s="102">
        <v>0</v>
      </c>
      <c r="BB37" s="102">
        <v>0</v>
      </c>
      <c r="BC37" s="102">
        <v>0</v>
      </c>
      <c r="BD37" s="103">
        <v>5</v>
      </c>
      <c r="BE37" s="104">
        <v>7</v>
      </c>
      <c r="BF37" s="101">
        <v>1</v>
      </c>
      <c r="BG37" s="102">
        <v>2</v>
      </c>
      <c r="BH37" s="103">
        <v>3</v>
      </c>
      <c r="BI37" s="413">
        <v>0</v>
      </c>
      <c r="BJ37" s="102">
        <v>4</v>
      </c>
      <c r="BK37" s="102">
        <v>0</v>
      </c>
      <c r="BL37" s="102">
        <v>2</v>
      </c>
      <c r="BM37" s="102">
        <v>0</v>
      </c>
      <c r="BN37" s="102">
        <v>0</v>
      </c>
      <c r="BO37" s="103">
        <v>6</v>
      </c>
      <c r="BP37" s="104">
        <v>9</v>
      </c>
      <c r="BQ37" s="101">
        <v>0</v>
      </c>
      <c r="BR37" s="102">
        <v>0</v>
      </c>
      <c r="BS37" s="103">
        <v>0</v>
      </c>
      <c r="BT37" s="413">
        <v>0</v>
      </c>
      <c r="BU37" s="102">
        <v>1</v>
      </c>
      <c r="BV37" s="102">
        <v>3</v>
      </c>
      <c r="BW37" s="102">
        <v>1</v>
      </c>
      <c r="BX37" s="102">
        <v>2</v>
      </c>
      <c r="BY37" s="102">
        <v>1</v>
      </c>
      <c r="BZ37" s="103">
        <v>8</v>
      </c>
      <c r="CA37" s="104">
        <v>8</v>
      </c>
      <c r="CB37" s="101">
        <v>0</v>
      </c>
      <c r="CC37" s="102">
        <v>0</v>
      </c>
      <c r="CD37" s="103">
        <v>0</v>
      </c>
      <c r="CE37" s="413">
        <v>0</v>
      </c>
      <c r="CF37" s="102">
        <v>0</v>
      </c>
      <c r="CG37" s="102">
        <v>0</v>
      </c>
      <c r="CH37" s="102">
        <v>0</v>
      </c>
      <c r="CI37" s="102">
        <v>0</v>
      </c>
      <c r="CJ37" s="102">
        <v>0</v>
      </c>
      <c r="CK37" s="103">
        <v>0</v>
      </c>
      <c r="CL37" s="104">
        <v>0</v>
      </c>
      <c r="CM37" s="101">
        <v>2</v>
      </c>
      <c r="CN37" s="102">
        <v>3</v>
      </c>
      <c r="CO37" s="103">
        <v>5</v>
      </c>
      <c r="CP37" s="413">
        <v>0</v>
      </c>
      <c r="CQ37" s="102">
        <v>6</v>
      </c>
      <c r="CR37" s="102">
        <v>8</v>
      </c>
      <c r="CS37" s="102">
        <v>3</v>
      </c>
      <c r="CT37" s="102">
        <v>2</v>
      </c>
      <c r="CU37" s="102">
        <v>1</v>
      </c>
      <c r="CV37" s="103">
        <v>20</v>
      </c>
      <c r="CW37" s="104">
        <v>25</v>
      </c>
      <c r="CX37" s="105">
        <v>0</v>
      </c>
      <c r="CY37" s="97">
        <v>0</v>
      </c>
      <c r="CZ37" s="98">
        <v>0</v>
      </c>
      <c r="DA37" s="413">
        <v>0</v>
      </c>
      <c r="DB37" s="97">
        <v>1</v>
      </c>
      <c r="DC37" s="97">
        <v>0</v>
      </c>
      <c r="DD37" s="97">
        <v>0</v>
      </c>
      <c r="DE37" s="97">
        <v>0</v>
      </c>
      <c r="DF37" s="97">
        <v>1</v>
      </c>
      <c r="DG37" s="99">
        <v>2</v>
      </c>
      <c r="DH37" s="100">
        <v>2</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0</v>
      </c>
      <c r="EL37" s="102">
        <v>0</v>
      </c>
      <c r="EM37" s="102">
        <v>0</v>
      </c>
      <c r="EN37" s="103">
        <v>0</v>
      </c>
      <c r="EO37" s="104">
        <v>0</v>
      </c>
      <c r="EP37" s="101">
        <v>0</v>
      </c>
      <c r="EQ37" s="102">
        <v>0</v>
      </c>
      <c r="ER37" s="103">
        <v>0</v>
      </c>
      <c r="ES37" s="413">
        <v>0</v>
      </c>
      <c r="ET37" s="102">
        <v>0</v>
      </c>
      <c r="EU37" s="102">
        <v>0</v>
      </c>
      <c r="EV37" s="102">
        <v>0</v>
      </c>
      <c r="EW37" s="102">
        <v>0</v>
      </c>
      <c r="EX37" s="102">
        <v>0</v>
      </c>
      <c r="EY37" s="103">
        <v>0</v>
      </c>
      <c r="EZ37" s="104">
        <v>0</v>
      </c>
      <c r="FA37" s="101">
        <v>0</v>
      </c>
      <c r="FB37" s="102">
        <v>0</v>
      </c>
      <c r="FC37" s="103">
        <v>0</v>
      </c>
      <c r="FD37" s="413">
        <v>0</v>
      </c>
      <c r="FE37" s="102">
        <v>0</v>
      </c>
      <c r="FF37" s="102">
        <v>0</v>
      </c>
      <c r="FG37" s="102">
        <v>0</v>
      </c>
      <c r="FH37" s="102">
        <v>0</v>
      </c>
      <c r="FI37" s="102">
        <v>0</v>
      </c>
      <c r="FJ37" s="103">
        <v>0</v>
      </c>
      <c r="FK37" s="104">
        <v>0</v>
      </c>
      <c r="FL37" s="101">
        <v>0</v>
      </c>
      <c r="FM37" s="102">
        <v>0</v>
      </c>
      <c r="FN37" s="103">
        <v>0</v>
      </c>
      <c r="FO37" s="413">
        <v>0</v>
      </c>
      <c r="FP37" s="102">
        <v>1</v>
      </c>
      <c r="FQ37" s="102">
        <v>0</v>
      </c>
      <c r="FR37" s="102">
        <v>0</v>
      </c>
      <c r="FS37" s="102">
        <v>0</v>
      </c>
      <c r="FT37" s="102">
        <v>1</v>
      </c>
      <c r="FU37" s="103">
        <v>2</v>
      </c>
      <c r="FV37" s="104">
        <v>2</v>
      </c>
      <c r="FW37" s="101">
        <v>0</v>
      </c>
      <c r="FX37" s="102">
        <v>0</v>
      </c>
      <c r="FY37" s="103">
        <v>0</v>
      </c>
      <c r="FZ37" s="413">
        <v>0</v>
      </c>
      <c r="GA37" s="102">
        <v>0</v>
      </c>
      <c r="GB37" s="102">
        <v>0</v>
      </c>
      <c r="GC37" s="102">
        <v>0</v>
      </c>
      <c r="GD37" s="102">
        <v>0</v>
      </c>
      <c r="GE37" s="102">
        <v>0</v>
      </c>
      <c r="GF37" s="103">
        <v>0</v>
      </c>
      <c r="GG37" s="104">
        <v>0</v>
      </c>
      <c r="GH37" s="101">
        <v>0</v>
      </c>
      <c r="GI37" s="102">
        <v>0</v>
      </c>
      <c r="GJ37" s="103">
        <v>0</v>
      </c>
      <c r="GK37" s="413">
        <v>0</v>
      </c>
      <c r="GL37" s="102">
        <v>1</v>
      </c>
      <c r="GM37" s="102">
        <v>0</v>
      </c>
      <c r="GN37" s="102">
        <v>0</v>
      </c>
      <c r="GO37" s="102">
        <v>0</v>
      </c>
      <c r="GP37" s="102">
        <v>1</v>
      </c>
      <c r="GQ37" s="103">
        <v>2</v>
      </c>
      <c r="GR37" s="104">
        <v>2</v>
      </c>
      <c r="GS37" s="105">
        <v>2</v>
      </c>
      <c r="GT37" s="97">
        <v>3</v>
      </c>
      <c r="GU37" s="98">
        <v>5</v>
      </c>
      <c r="GV37" s="413">
        <v>0</v>
      </c>
      <c r="GW37" s="97">
        <v>7</v>
      </c>
      <c r="GX37" s="97">
        <v>8</v>
      </c>
      <c r="GY37" s="97">
        <v>3</v>
      </c>
      <c r="GZ37" s="97">
        <v>2</v>
      </c>
      <c r="HA37" s="97">
        <v>2</v>
      </c>
      <c r="HB37" s="99">
        <v>22</v>
      </c>
      <c r="HC37" s="100">
        <v>27</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1</v>
      </c>
      <c r="HT37" s="102">
        <v>0</v>
      </c>
      <c r="HU37" s="102">
        <v>0</v>
      </c>
      <c r="HV37" s="102">
        <v>0</v>
      </c>
      <c r="HW37" s="102">
        <v>0</v>
      </c>
      <c r="HX37" s="103">
        <v>1</v>
      </c>
      <c r="HY37" s="104">
        <v>1</v>
      </c>
      <c r="HZ37" s="101">
        <v>0</v>
      </c>
      <c r="IA37" s="102">
        <v>0</v>
      </c>
      <c r="IB37" s="103">
        <v>0</v>
      </c>
      <c r="IC37" s="413">
        <v>0</v>
      </c>
      <c r="ID37" s="102">
        <v>0</v>
      </c>
      <c r="IE37" s="102">
        <v>0</v>
      </c>
      <c r="IF37" s="102">
        <v>0</v>
      </c>
      <c r="IG37" s="102">
        <v>0</v>
      </c>
      <c r="IH37" s="102">
        <v>0</v>
      </c>
      <c r="II37" s="103">
        <v>0</v>
      </c>
      <c r="IJ37" s="104">
        <v>0</v>
      </c>
      <c r="IK37" s="101">
        <v>1</v>
      </c>
      <c r="IL37" s="102">
        <v>1</v>
      </c>
      <c r="IM37" s="103">
        <v>2</v>
      </c>
      <c r="IN37" s="413">
        <v>0</v>
      </c>
      <c r="IO37" s="102">
        <v>0</v>
      </c>
      <c r="IP37" s="102">
        <v>5</v>
      </c>
      <c r="IQ37" s="102">
        <v>0</v>
      </c>
      <c r="IR37" s="102">
        <v>0</v>
      </c>
      <c r="IS37" s="102">
        <v>0</v>
      </c>
      <c r="IT37" s="103">
        <v>5</v>
      </c>
      <c r="IU37" s="104">
        <v>7</v>
      </c>
      <c r="IV37" s="101">
        <v>1</v>
      </c>
      <c r="IW37" s="102">
        <v>2</v>
      </c>
      <c r="IX37" s="103">
        <v>3</v>
      </c>
      <c r="IY37" s="413">
        <v>0</v>
      </c>
      <c r="IZ37" s="102">
        <v>4</v>
      </c>
      <c r="JA37" s="102">
        <v>0</v>
      </c>
      <c r="JB37" s="102">
        <v>2</v>
      </c>
      <c r="JC37" s="102">
        <v>0</v>
      </c>
      <c r="JD37" s="102">
        <v>0</v>
      </c>
      <c r="JE37" s="103">
        <v>6</v>
      </c>
      <c r="JF37" s="104">
        <v>9</v>
      </c>
      <c r="JG37" s="101">
        <v>0</v>
      </c>
      <c r="JH37" s="102">
        <v>0</v>
      </c>
      <c r="JI37" s="103">
        <v>0</v>
      </c>
      <c r="JJ37" s="413">
        <v>0</v>
      </c>
      <c r="JK37" s="102">
        <v>2</v>
      </c>
      <c r="JL37" s="102">
        <v>3</v>
      </c>
      <c r="JM37" s="102">
        <v>1</v>
      </c>
      <c r="JN37" s="102">
        <v>2</v>
      </c>
      <c r="JO37" s="102">
        <v>2</v>
      </c>
      <c r="JP37" s="103">
        <v>10</v>
      </c>
      <c r="JQ37" s="104">
        <v>10</v>
      </c>
      <c r="JR37" s="101">
        <v>0</v>
      </c>
      <c r="JS37" s="102">
        <v>0</v>
      </c>
      <c r="JT37" s="103">
        <v>0</v>
      </c>
      <c r="JU37" s="413">
        <v>0</v>
      </c>
      <c r="JV37" s="102">
        <v>0</v>
      </c>
      <c r="JW37" s="102">
        <v>0</v>
      </c>
      <c r="JX37" s="102">
        <v>0</v>
      </c>
      <c r="JY37" s="102">
        <v>0</v>
      </c>
      <c r="JZ37" s="102">
        <v>0</v>
      </c>
      <c r="KA37" s="103">
        <v>0</v>
      </c>
      <c r="KB37" s="104">
        <v>0</v>
      </c>
      <c r="KC37" s="101">
        <v>2</v>
      </c>
      <c r="KD37" s="102">
        <v>3</v>
      </c>
      <c r="KE37" s="103">
        <v>5</v>
      </c>
      <c r="KF37" s="413">
        <v>0</v>
      </c>
      <c r="KG37" s="102">
        <v>7</v>
      </c>
      <c r="KH37" s="102">
        <v>8</v>
      </c>
      <c r="KI37" s="102">
        <v>3</v>
      </c>
      <c r="KJ37" s="102">
        <v>2</v>
      </c>
      <c r="KK37" s="102">
        <v>2</v>
      </c>
      <c r="KL37" s="103">
        <v>22</v>
      </c>
      <c r="KM37" s="104">
        <v>27</v>
      </c>
    </row>
    <row r="38" spans="2:299" s="70" customFormat="1" ht="21" customHeight="1" x14ac:dyDescent="0.2">
      <c r="B38" s="106" t="s">
        <v>35</v>
      </c>
      <c r="C38" s="96">
        <v>9</v>
      </c>
      <c r="D38" s="97">
        <v>5</v>
      </c>
      <c r="E38" s="98">
        <v>14</v>
      </c>
      <c r="F38" s="413">
        <v>0</v>
      </c>
      <c r="G38" s="97">
        <v>23</v>
      </c>
      <c r="H38" s="97">
        <v>9</v>
      </c>
      <c r="I38" s="97">
        <v>3</v>
      </c>
      <c r="J38" s="97">
        <v>4</v>
      </c>
      <c r="K38" s="97">
        <v>5</v>
      </c>
      <c r="L38" s="99">
        <v>44</v>
      </c>
      <c r="M38" s="100">
        <v>58</v>
      </c>
      <c r="N38" s="101">
        <v>0</v>
      </c>
      <c r="O38" s="102">
        <v>0</v>
      </c>
      <c r="P38" s="103">
        <v>0</v>
      </c>
      <c r="Q38" s="413">
        <v>0</v>
      </c>
      <c r="R38" s="102">
        <v>2</v>
      </c>
      <c r="S38" s="102">
        <v>1</v>
      </c>
      <c r="T38" s="102">
        <v>0</v>
      </c>
      <c r="U38" s="102">
        <v>0</v>
      </c>
      <c r="V38" s="102">
        <v>0</v>
      </c>
      <c r="W38" s="103">
        <v>3</v>
      </c>
      <c r="X38" s="104">
        <v>3</v>
      </c>
      <c r="Y38" s="101">
        <v>0</v>
      </c>
      <c r="Z38" s="102">
        <v>0</v>
      </c>
      <c r="AA38" s="103">
        <v>0</v>
      </c>
      <c r="AB38" s="413">
        <v>0</v>
      </c>
      <c r="AC38" s="102">
        <v>0</v>
      </c>
      <c r="AD38" s="102">
        <v>1</v>
      </c>
      <c r="AE38" s="102">
        <v>0</v>
      </c>
      <c r="AF38" s="102">
        <v>0</v>
      </c>
      <c r="AG38" s="102">
        <v>0</v>
      </c>
      <c r="AH38" s="103">
        <v>1</v>
      </c>
      <c r="AI38" s="104">
        <v>1</v>
      </c>
      <c r="AJ38" s="101">
        <v>1</v>
      </c>
      <c r="AK38" s="102">
        <v>2</v>
      </c>
      <c r="AL38" s="103">
        <v>3</v>
      </c>
      <c r="AM38" s="413">
        <v>0</v>
      </c>
      <c r="AN38" s="102">
        <v>0</v>
      </c>
      <c r="AO38" s="102">
        <v>0</v>
      </c>
      <c r="AP38" s="102">
        <v>0</v>
      </c>
      <c r="AQ38" s="102">
        <v>0</v>
      </c>
      <c r="AR38" s="102">
        <v>1</v>
      </c>
      <c r="AS38" s="103">
        <v>1</v>
      </c>
      <c r="AT38" s="104">
        <v>4</v>
      </c>
      <c r="AU38" s="101">
        <v>2</v>
      </c>
      <c r="AV38" s="102">
        <v>2</v>
      </c>
      <c r="AW38" s="103">
        <v>4</v>
      </c>
      <c r="AX38" s="413">
        <v>0</v>
      </c>
      <c r="AY38" s="102">
        <v>7</v>
      </c>
      <c r="AZ38" s="102">
        <v>0</v>
      </c>
      <c r="BA38" s="102">
        <v>2</v>
      </c>
      <c r="BB38" s="102">
        <v>1</v>
      </c>
      <c r="BC38" s="102">
        <v>0</v>
      </c>
      <c r="BD38" s="103">
        <v>10</v>
      </c>
      <c r="BE38" s="104">
        <v>14</v>
      </c>
      <c r="BF38" s="101">
        <v>4</v>
      </c>
      <c r="BG38" s="102">
        <v>0</v>
      </c>
      <c r="BH38" s="103">
        <v>4</v>
      </c>
      <c r="BI38" s="413">
        <v>0</v>
      </c>
      <c r="BJ38" s="102">
        <v>6</v>
      </c>
      <c r="BK38" s="102">
        <v>0</v>
      </c>
      <c r="BL38" s="102">
        <v>1</v>
      </c>
      <c r="BM38" s="102">
        <v>0</v>
      </c>
      <c r="BN38" s="102">
        <v>0</v>
      </c>
      <c r="BO38" s="103">
        <v>7</v>
      </c>
      <c r="BP38" s="104">
        <v>11</v>
      </c>
      <c r="BQ38" s="101">
        <v>2</v>
      </c>
      <c r="BR38" s="102">
        <v>1</v>
      </c>
      <c r="BS38" s="103">
        <v>3</v>
      </c>
      <c r="BT38" s="413">
        <v>0</v>
      </c>
      <c r="BU38" s="102">
        <v>8</v>
      </c>
      <c r="BV38" s="102">
        <v>7</v>
      </c>
      <c r="BW38" s="102">
        <v>0</v>
      </c>
      <c r="BX38" s="102">
        <v>3</v>
      </c>
      <c r="BY38" s="102">
        <v>4</v>
      </c>
      <c r="BZ38" s="103">
        <v>22</v>
      </c>
      <c r="CA38" s="104">
        <v>25</v>
      </c>
      <c r="CB38" s="101">
        <v>0</v>
      </c>
      <c r="CC38" s="102">
        <v>0</v>
      </c>
      <c r="CD38" s="103">
        <v>0</v>
      </c>
      <c r="CE38" s="413">
        <v>0</v>
      </c>
      <c r="CF38" s="102">
        <v>0</v>
      </c>
      <c r="CG38" s="102">
        <v>0</v>
      </c>
      <c r="CH38" s="102">
        <v>0</v>
      </c>
      <c r="CI38" s="102">
        <v>0</v>
      </c>
      <c r="CJ38" s="102">
        <v>0</v>
      </c>
      <c r="CK38" s="103">
        <v>0</v>
      </c>
      <c r="CL38" s="104">
        <v>0</v>
      </c>
      <c r="CM38" s="101">
        <v>9</v>
      </c>
      <c r="CN38" s="102">
        <v>5</v>
      </c>
      <c r="CO38" s="103">
        <v>14</v>
      </c>
      <c r="CP38" s="413">
        <v>0</v>
      </c>
      <c r="CQ38" s="102">
        <v>23</v>
      </c>
      <c r="CR38" s="102">
        <v>9</v>
      </c>
      <c r="CS38" s="102">
        <v>3</v>
      </c>
      <c r="CT38" s="102">
        <v>4</v>
      </c>
      <c r="CU38" s="102">
        <v>5</v>
      </c>
      <c r="CV38" s="103">
        <v>44</v>
      </c>
      <c r="CW38" s="104">
        <v>58</v>
      </c>
      <c r="CX38" s="105">
        <v>2</v>
      </c>
      <c r="CY38" s="97">
        <v>0</v>
      </c>
      <c r="CZ38" s="98">
        <v>2</v>
      </c>
      <c r="DA38" s="413">
        <v>0</v>
      </c>
      <c r="DB38" s="97">
        <v>3</v>
      </c>
      <c r="DC38" s="97">
        <v>2</v>
      </c>
      <c r="DD38" s="97">
        <v>1</v>
      </c>
      <c r="DE38" s="97">
        <v>2</v>
      </c>
      <c r="DF38" s="97">
        <v>3</v>
      </c>
      <c r="DG38" s="99">
        <v>11</v>
      </c>
      <c r="DH38" s="100">
        <v>13</v>
      </c>
      <c r="DI38" s="101">
        <v>0</v>
      </c>
      <c r="DJ38" s="102">
        <v>0</v>
      </c>
      <c r="DK38" s="103">
        <v>0</v>
      </c>
      <c r="DL38" s="413">
        <v>0</v>
      </c>
      <c r="DM38" s="102">
        <v>0</v>
      </c>
      <c r="DN38" s="102">
        <v>0</v>
      </c>
      <c r="DO38" s="102">
        <v>0</v>
      </c>
      <c r="DP38" s="102">
        <v>0</v>
      </c>
      <c r="DQ38" s="102">
        <v>0</v>
      </c>
      <c r="DR38" s="103">
        <v>0</v>
      </c>
      <c r="DS38" s="104">
        <v>0</v>
      </c>
      <c r="DT38" s="101">
        <v>0</v>
      </c>
      <c r="DU38" s="102">
        <v>0</v>
      </c>
      <c r="DV38" s="103">
        <v>0</v>
      </c>
      <c r="DW38" s="413">
        <v>0</v>
      </c>
      <c r="DX38" s="102">
        <v>0</v>
      </c>
      <c r="DY38" s="102">
        <v>0</v>
      </c>
      <c r="DZ38" s="102">
        <v>0</v>
      </c>
      <c r="EA38" s="102">
        <v>0</v>
      </c>
      <c r="EB38" s="102">
        <v>2</v>
      </c>
      <c r="EC38" s="103">
        <v>2</v>
      </c>
      <c r="ED38" s="104">
        <v>2</v>
      </c>
      <c r="EE38" s="101">
        <v>0</v>
      </c>
      <c r="EF38" s="102">
        <v>0</v>
      </c>
      <c r="EG38" s="103">
        <v>0</v>
      </c>
      <c r="EH38" s="413">
        <v>0</v>
      </c>
      <c r="EI38" s="102">
        <v>0</v>
      </c>
      <c r="EJ38" s="102">
        <v>0</v>
      </c>
      <c r="EK38" s="102">
        <v>0</v>
      </c>
      <c r="EL38" s="102">
        <v>0</v>
      </c>
      <c r="EM38" s="102">
        <v>0</v>
      </c>
      <c r="EN38" s="103">
        <v>0</v>
      </c>
      <c r="EO38" s="104">
        <v>0</v>
      </c>
      <c r="EP38" s="101">
        <v>1</v>
      </c>
      <c r="EQ38" s="102">
        <v>0</v>
      </c>
      <c r="ER38" s="103">
        <v>1</v>
      </c>
      <c r="ES38" s="413">
        <v>0</v>
      </c>
      <c r="ET38" s="102">
        <v>1</v>
      </c>
      <c r="EU38" s="102">
        <v>0</v>
      </c>
      <c r="EV38" s="102">
        <v>0</v>
      </c>
      <c r="EW38" s="102">
        <v>0</v>
      </c>
      <c r="EX38" s="102">
        <v>0</v>
      </c>
      <c r="EY38" s="103">
        <v>1</v>
      </c>
      <c r="EZ38" s="104">
        <v>2</v>
      </c>
      <c r="FA38" s="101">
        <v>1</v>
      </c>
      <c r="FB38" s="102">
        <v>0</v>
      </c>
      <c r="FC38" s="103">
        <v>1</v>
      </c>
      <c r="FD38" s="413">
        <v>0</v>
      </c>
      <c r="FE38" s="102">
        <v>0</v>
      </c>
      <c r="FF38" s="102">
        <v>1</v>
      </c>
      <c r="FG38" s="102">
        <v>0</v>
      </c>
      <c r="FH38" s="102">
        <v>0</v>
      </c>
      <c r="FI38" s="102">
        <v>1</v>
      </c>
      <c r="FJ38" s="103">
        <v>2</v>
      </c>
      <c r="FK38" s="104">
        <v>3</v>
      </c>
      <c r="FL38" s="101">
        <v>0</v>
      </c>
      <c r="FM38" s="102">
        <v>0</v>
      </c>
      <c r="FN38" s="103">
        <v>0</v>
      </c>
      <c r="FO38" s="413">
        <v>0</v>
      </c>
      <c r="FP38" s="102">
        <v>2</v>
      </c>
      <c r="FQ38" s="102">
        <v>1</v>
      </c>
      <c r="FR38" s="102">
        <v>1</v>
      </c>
      <c r="FS38" s="102">
        <v>2</v>
      </c>
      <c r="FT38" s="102">
        <v>0</v>
      </c>
      <c r="FU38" s="103">
        <v>6</v>
      </c>
      <c r="FV38" s="104">
        <v>6</v>
      </c>
      <c r="FW38" s="101">
        <v>0</v>
      </c>
      <c r="FX38" s="102">
        <v>0</v>
      </c>
      <c r="FY38" s="103">
        <v>0</v>
      </c>
      <c r="FZ38" s="413">
        <v>0</v>
      </c>
      <c r="GA38" s="102">
        <v>0</v>
      </c>
      <c r="GB38" s="102">
        <v>0</v>
      </c>
      <c r="GC38" s="102">
        <v>0</v>
      </c>
      <c r="GD38" s="102">
        <v>0</v>
      </c>
      <c r="GE38" s="102">
        <v>0</v>
      </c>
      <c r="GF38" s="103">
        <v>0</v>
      </c>
      <c r="GG38" s="104">
        <v>0</v>
      </c>
      <c r="GH38" s="101">
        <v>2</v>
      </c>
      <c r="GI38" s="102">
        <v>0</v>
      </c>
      <c r="GJ38" s="103">
        <v>2</v>
      </c>
      <c r="GK38" s="413">
        <v>0</v>
      </c>
      <c r="GL38" s="102">
        <v>3</v>
      </c>
      <c r="GM38" s="102">
        <v>2</v>
      </c>
      <c r="GN38" s="102">
        <v>1</v>
      </c>
      <c r="GO38" s="102">
        <v>2</v>
      </c>
      <c r="GP38" s="102">
        <v>3</v>
      </c>
      <c r="GQ38" s="103">
        <v>11</v>
      </c>
      <c r="GR38" s="104">
        <v>13</v>
      </c>
      <c r="GS38" s="105">
        <v>11</v>
      </c>
      <c r="GT38" s="97">
        <v>5</v>
      </c>
      <c r="GU38" s="98">
        <v>16</v>
      </c>
      <c r="GV38" s="413">
        <v>0</v>
      </c>
      <c r="GW38" s="97">
        <v>26</v>
      </c>
      <c r="GX38" s="97">
        <v>11</v>
      </c>
      <c r="GY38" s="97">
        <v>4</v>
      </c>
      <c r="GZ38" s="97">
        <v>6</v>
      </c>
      <c r="HA38" s="97">
        <v>8</v>
      </c>
      <c r="HB38" s="99">
        <v>55</v>
      </c>
      <c r="HC38" s="100">
        <v>71</v>
      </c>
      <c r="HD38" s="101">
        <v>0</v>
      </c>
      <c r="HE38" s="102">
        <v>0</v>
      </c>
      <c r="HF38" s="103">
        <v>0</v>
      </c>
      <c r="HG38" s="413">
        <v>0</v>
      </c>
      <c r="HH38" s="102">
        <v>2</v>
      </c>
      <c r="HI38" s="102">
        <v>1</v>
      </c>
      <c r="HJ38" s="102">
        <v>0</v>
      </c>
      <c r="HK38" s="102">
        <v>0</v>
      </c>
      <c r="HL38" s="102">
        <v>0</v>
      </c>
      <c r="HM38" s="103">
        <v>3</v>
      </c>
      <c r="HN38" s="104">
        <v>3</v>
      </c>
      <c r="HO38" s="101">
        <v>0</v>
      </c>
      <c r="HP38" s="102">
        <v>0</v>
      </c>
      <c r="HQ38" s="103">
        <v>0</v>
      </c>
      <c r="HR38" s="413">
        <v>0</v>
      </c>
      <c r="HS38" s="102">
        <v>0</v>
      </c>
      <c r="HT38" s="102">
        <v>1</v>
      </c>
      <c r="HU38" s="102">
        <v>0</v>
      </c>
      <c r="HV38" s="102">
        <v>0</v>
      </c>
      <c r="HW38" s="102">
        <v>2</v>
      </c>
      <c r="HX38" s="103">
        <v>3</v>
      </c>
      <c r="HY38" s="104">
        <v>3</v>
      </c>
      <c r="HZ38" s="101">
        <v>1</v>
      </c>
      <c r="IA38" s="102">
        <v>2</v>
      </c>
      <c r="IB38" s="103">
        <v>3</v>
      </c>
      <c r="IC38" s="413">
        <v>0</v>
      </c>
      <c r="ID38" s="102">
        <v>0</v>
      </c>
      <c r="IE38" s="102">
        <v>0</v>
      </c>
      <c r="IF38" s="102">
        <v>0</v>
      </c>
      <c r="IG38" s="102">
        <v>0</v>
      </c>
      <c r="IH38" s="102">
        <v>1</v>
      </c>
      <c r="II38" s="103">
        <v>1</v>
      </c>
      <c r="IJ38" s="104">
        <v>4</v>
      </c>
      <c r="IK38" s="101">
        <v>3</v>
      </c>
      <c r="IL38" s="102">
        <v>2</v>
      </c>
      <c r="IM38" s="103">
        <v>5</v>
      </c>
      <c r="IN38" s="413">
        <v>0</v>
      </c>
      <c r="IO38" s="102">
        <v>8</v>
      </c>
      <c r="IP38" s="102">
        <v>0</v>
      </c>
      <c r="IQ38" s="102">
        <v>2</v>
      </c>
      <c r="IR38" s="102">
        <v>1</v>
      </c>
      <c r="IS38" s="102">
        <v>0</v>
      </c>
      <c r="IT38" s="103">
        <v>11</v>
      </c>
      <c r="IU38" s="104">
        <v>16</v>
      </c>
      <c r="IV38" s="101">
        <v>5</v>
      </c>
      <c r="IW38" s="102">
        <v>0</v>
      </c>
      <c r="IX38" s="103">
        <v>5</v>
      </c>
      <c r="IY38" s="413">
        <v>0</v>
      </c>
      <c r="IZ38" s="102">
        <v>6</v>
      </c>
      <c r="JA38" s="102">
        <v>1</v>
      </c>
      <c r="JB38" s="102">
        <v>1</v>
      </c>
      <c r="JC38" s="102">
        <v>0</v>
      </c>
      <c r="JD38" s="102">
        <v>1</v>
      </c>
      <c r="JE38" s="103">
        <v>9</v>
      </c>
      <c r="JF38" s="104">
        <v>14</v>
      </c>
      <c r="JG38" s="101">
        <v>2</v>
      </c>
      <c r="JH38" s="102">
        <v>1</v>
      </c>
      <c r="JI38" s="103">
        <v>3</v>
      </c>
      <c r="JJ38" s="413">
        <v>0</v>
      </c>
      <c r="JK38" s="102">
        <v>10</v>
      </c>
      <c r="JL38" s="102">
        <v>8</v>
      </c>
      <c r="JM38" s="102">
        <v>1</v>
      </c>
      <c r="JN38" s="102">
        <v>5</v>
      </c>
      <c r="JO38" s="102">
        <v>4</v>
      </c>
      <c r="JP38" s="103">
        <v>28</v>
      </c>
      <c r="JQ38" s="104">
        <v>31</v>
      </c>
      <c r="JR38" s="101">
        <v>0</v>
      </c>
      <c r="JS38" s="102">
        <v>0</v>
      </c>
      <c r="JT38" s="103">
        <v>0</v>
      </c>
      <c r="JU38" s="413">
        <v>0</v>
      </c>
      <c r="JV38" s="102">
        <v>0</v>
      </c>
      <c r="JW38" s="102">
        <v>0</v>
      </c>
      <c r="JX38" s="102">
        <v>0</v>
      </c>
      <c r="JY38" s="102">
        <v>0</v>
      </c>
      <c r="JZ38" s="102">
        <v>0</v>
      </c>
      <c r="KA38" s="103">
        <v>0</v>
      </c>
      <c r="KB38" s="104">
        <v>0</v>
      </c>
      <c r="KC38" s="101">
        <v>11</v>
      </c>
      <c r="KD38" s="102">
        <v>5</v>
      </c>
      <c r="KE38" s="103">
        <v>16</v>
      </c>
      <c r="KF38" s="413">
        <v>0</v>
      </c>
      <c r="KG38" s="102">
        <v>26</v>
      </c>
      <c r="KH38" s="102">
        <v>11</v>
      </c>
      <c r="KI38" s="102">
        <v>4</v>
      </c>
      <c r="KJ38" s="102">
        <v>6</v>
      </c>
      <c r="KK38" s="102">
        <v>8</v>
      </c>
      <c r="KL38" s="103">
        <v>55</v>
      </c>
      <c r="KM38" s="104">
        <v>71</v>
      </c>
    </row>
    <row r="39" spans="2:299" s="70" customFormat="1" ht="21" customHeight="1" x14ac:dyDescent="0.2">
      <c r="B39" s="106" t="s">
        <v>36</v>
      </c>
      <c r="C39" s="96">
        <v>5</v>
      </c>
      <c r="D39" s="97">
        <v>4</v>
      </c>
      <c r="E39" s="98">
        <v>9</v>
      </c>
      <c r="F39" s="413">
        <v>0</v>
      </c>
      <c r="G39" s="97">
        <v>15</v>
      </c>
      <c r="H39" s="97">
        <v>8</v>
      </c>
      <c r="I39" s="97">
        <v>8</v>
      </c>
      <c r="J39" s="97">
        <v>4</v>
      </c>
      <c r="K39" s="97">
        <v>4</v>
      </c>
      <c r="L39" s="99">
        <v>39</v>
      </c>
      <c r="M39" s="100">
        <v>48</v>
      </c>
      <c r="N39" s="101">
        <v>0</v>
      </c>
      <c r="O39" s="102">
        <v>0</v>
      </c>
      <c r="P39" s="103">
        <v>0</v>
      </c>
      <c r="Q39" s="413">
        <v>0</v>
      </c>
      <c r="R39" s="102">
        <v>1</v>
      </c>
      <c r="S39" s="102">
        <v>1</v>
      </c>
      <c r="T39" s="102">
        <v>0</v>
      </c>
      <c r="U39" s="102">
        <v>0</v>
      </c>
      <c r="V39" s="102">
        <v>1</v>
      </c>
      <c r="W39" s="103">
        <v>3</v>
      </c>
      <c r="X39" s="104">
        <v>3</v>
      </c>
      <c r="Y39" s="101">
        <v>1</v>
      </c>
      <c r="Z39" s="102">
        <v>0</v>
      </c>
      <c r="AA39" s="103">
        <v>1</v>
      </c>
      <c r="AB39" s="413">
        <v>0</v>
      </c>
      <c r="AC39" s="102">
        <v>2</v>
      </c>
      <c r="AD39" s="102">
        <v>1</v>
      </c>
      <c r="AE39" s="102">
        <v>0</v>
      </c>
      <c r="AF39" s="102">
        <v>0</v>
      </c>
      <c r="AG39" s="102">
        <v>0</v>
      </c>
      <c r="AH39" s="103">
        <v>3</v>
      </c>
      <c r="AI39" s="104">
        <v>4</v>
      </c>
      <c r="AJ39" s="101">
        <v>1</v>
      </c>
      <c r="AK39" s="102">
        <v>0</v>
      </c>
      <c r="AL39" s="103">
        <v>1</v>
      </c>
      <c r="AM39" s="413">
        <v>0</v>
      </c>
      <c r="AN39" s="102">
        <v>0</v>
      </c>
      <c r="AO39" s="102">
        <v>0</v>
      </c>
      <c r="AP39" s="102">
        <v>2</v>
      </c>
      <c r="AQ39" s="102">
        <v>1</v>
      </c>
      <c r="AR39" s="102">
        <v>1</v>
      </c>
      <c r="AS39" s="103">
        <v>4</v>
      </c>
      <c r="AT39" s="104">
        <v>5</v>
      </c>
      <c r="AU39" s="101">
        <v>0</v>
      </c>
      <c r="AV39" s="102">
        <v>1</v>
      </c>
      <c r="AW39" s="103">
        <v>1</v>
      </c>
      <c r="AX39" s="413">
        <v>0</v>
      </c>
      <c r="AY39" s="102">
        <v>2</v>
      </c>
      <c r="AZ39" s="102">
        <v>3</v>
      </c>
      <c r="BA39" s="102">
        <v>1</v>
      </c>
      <c r="BB39" s="102">
        <v>0</v>
      </c>
      <c r="BC39" s="102">
        <v>1</v>
      </c>
      <c r="BD39" s="103">
        <v>7</v>
      </c>
      <c r="BE39" s="104">
        <v>8</v>
      </c>
      <c r="BF39" s="101">
        <v>1</v>
      </c>
      <c r="BG39" s="102">
        <v>0</v>
      </c>
      <c r="BH39" s="103">
        <v>1</v>
      </c>
      <c r="BI39" s="413">
        <v>0</v>
      </c>
      <c r="BJ39" s="102">
        <v>6</v>
      </c>
      <c r="BK39" s="102">
        <v>2</v>
      </c>
      <c r="BL39" s="102">
        <v>1</v>
      </c>
      <c r="BM39" s="102">
        <v>2</v>
      </c>
      <c r="BN39" s="102">
        <v>1</v>
      </c>
      <c r="BO39" s="103">
        <v>12</v>
      </c>
      <c r="BP39" s="104">
        <v>13</v>
      </c>
      <c r="BQ39" s="101">
        <v>2</v>
      </c>
      <c r="BR39" s="102">
        <v>3</v>
      </c>
      <c r="BS39" s="103">
        <v>5</v>
      </c>
      <c r="BT39" s="413">
        <v>0</v>
      </c>
      <c r="BU39" s="102">
        <v>4</v>
      </c>
      <c r="BV39" s="102">
        <v>1</v>
      </c>
      <c r="BW39" s="102">
        <v>4</v>
      </c>
      <c r="BX39" s="102">
        <v>1</v>
      </c>
      <c r="BY39" s="102">
        <v>0</v>
      </c>
      <c r="BZ39" s="103">
        <v>10</v>
      </c>
      <c r="CA39" s="104">
        <v>15</v>
      </c>
      <c r="CB39" s="101">
        <v>0</v>
      </c>
      <c r="CC39" s="102">
        <v>0</v>
      </c>
      <c r="CD39" s="103">
        <v>0</v>
      </c>
      <c r="CE39" s="413">
        <v>0</v>
      </c>
      <c r="CF39" s="102">
        <v>0</v>
      </c>
      <c r="CG39" s="102">
        <v>0</v>
      </c>
      <c r="CH39" s="102">
        <v>0</v>
      </c>
      <c r="CI39" s="102">
        <v>0</v>
      </c>
      <c r="CJ39" s="102">
        <v>0</v>
      </c>
      <c r="CK39" s="103">
        <v>0</v>
      </c>
      <c r="CL39" s="104">
        <v>0</v>
      </c>
      <c r="CM39" s="101">
        <v>5</v>
      </c>
      <c r="CN39" s="102">
        <v>4</v>
      </c>
      <c r="CO39" s="103">
        <v>9</v>
      </c>
      <c r="CP39" s="413">
        <v>0</v>
      </c>
      <c r="CQ39" s="102">
        <v>15</v>
      </c>
      <c r="CR39" s="102">
        <v>8</v>
      </c>
      <c r="CS39" s="102">
        <v>8</v>
      </c>
      <c r="CT39" s="102">
        <v>4</v>
      </c>
      <c r="CU39" s="102">
        <v>4</v>
      </c>
      <c r="CV39" s="103">
        <v>39</v>
      </c>
      <c r="CW39" s="104">
        <v>48</v>
      </c>
      <c r="CX39" s="105">
        <v>2</v>
      </c>
      <c r="CY39" s="97">
        <v>3</v>
      </c>
      <c r="CZ39" s="98">
        <v>5</v>
      </c>
      <c r="DA39" s="413">
        <v>0</v>
      </c>
      <c r="DB39" s="97">
        <v>4</v>
      </c>
      <c r="DC39" s="97">
        <v>2</v>
      </c>
      <c r="DD39" s="97">
        <v>1</v>
      </c>
      <c r="DE39" s="97">
        <v>0</v>
      </c>
      <c r="DF39" s="97">
        <v>0</v>
      </c>
      <c r="DG39" s="99">
        <v>7</v>
      </c>
      <c r="DH39" s="100">
        <v>12</v>
      </c>
      <c r="DI39" s="101">
        <v>0</v>
      </c>
      <c r="DJ39" s="102">
        <v>0</v>
      </c>
      <c r="DK39" s="103">
        <v>0</v>
      </c>
      <c r="DL39" s="413">
        <v>0</v>
      </c>
      <c r="DM39" s="102">
        <v>1</v>
      </c>
      <c r="DN39" s="102">
        <v>0</v>
      </c>
      <c r="DO39" s="102">
        <v>0</v>
      </c>
      <c r="DP39" s="102">
        <v>0</v>
      </c>
      <c r="DQ39" s="102">
        <v>0</v>
      </c>
      <c r="DR39" s="103">
        <v>1</v>
      </c>
      <c r="DS39" s="104">
        <v>1</v>
      </c>
      <c r="DT39" s="101">
        <v>0</v>
      </c>
      <c r="DU39" s="102">
        <v>0</v>
      </c>
      <c r="DV39" s="103">
        <v>0</v>
      </c>
      <c r="DW39" s="413">
        <v>0</v>
      </c>
      <c r="DX39" s="102">
        <v>0</v>
      </c>
      <c r="DY39" s="102">
        <v>0</v>
      </c>
      <c r="DZ39" s="102">
        <v>0</v>
      </c>
      <c r="EA39" s="102">
        <v>0</v>
      </c>
      <c r="EB39" s="102">
        <v>0</v>
      </c>
      <c r="EC39" s="103">
        <v>0</v>
      </c>
      <c r="ED39" s="104">
        <v>0</v>
      </c>
      <c r="EE39" s="101">
        <v>1</v>
      </c>
      <c r="EF39" s="102">
        <v>0</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0</v>
      </c>
      <c r="FB39" s="102">
        <v>2</v>
      </c>
      <c r="FC39" s="103">
        <v>2</v>
      </c>
      <c r="FD39" s="413">
        <v>0</v>
      </c>
      <c r="FE39" s="102">
        <v>0</v>
      </c>
      <c r="FF39" s="102">
        <v>2</v>
      </c>
      <c r="FG39" s="102">
        <v>0</v>
      </c>
      <c r="FH39" s="102">
        <v>0</v>
      </c>
      <c r="FI39" s="102">
        <v>0</v>
      </c>
      <c r="FJ39" s="103">
        <v>2</v>
      </c>
      <c r="FK39" s="104">
        <v>4</v>
      </c>
      <c r="FL39" s="101">
        <v>1</v>
      </c>
      <c r="FM39" s="102">
        <v>1</v>
      </c>
      <c r="FN39" s="103">
        <v>2</v>
      </c>
      <c r="FO39" s="413">
        <v>0</v>
      </c>
      <c r="FP39" s="102">
        <v>2</v>
      </c>
      <c r="FQ39" s="102">
        <v>0</v>
      </c>
      <c r="FR39" s="102">
        <v>1</v>
      </c>
      <c r="FS39" s="102">
        <v>0</v>
      </c>
      <c r="FT39" s="102">
        <v>0</v>
      </c>
      <c r="FU39" s="103">
        <v>3</v>
      </c>
      <c r="FV39" s="104">
        <v>5</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4</v>
      </c>
      <c r="GM39" s="102">
        <v>2</v>
      </c>
      <c r="GN39" s="102">
        <v>1</v>
      </c>
      <c r="GO39" s="102">
        <v>0</v>
      </c>
      <c r="GP39" s="102">
        <v>0</v>
      </c>
      <c r="GQ39" s="103">
        <v>7</v>
      </c>
      <c r="GR39" s="104">
        <v>12</v>
      </c>
      <c r="GS39" s="105">
        <v>7</v>
      </c>
      <c r="GT39" s="97">
        <v>7</v>
      </c>
      <c r="GU39" s="98">
        <v>14</v>
      </c>
      <c r="GV39" s="413">
        <v>0</v>
      </c>
      <c r="GW39" s="97">
        <v>19</v>
      </c>
      <c r="GX39" s="97">
        <v>10</v>
      </c>
      <c r="GY39" s="97">
        <v>9</v>
      </c>
      <c r="GZ39" s="97">
        <v>4</v>
      </c>
      <c r="HA39" s="97">
        <v>4</v>
      </c>
      <c r="HB39" s="99">
        <v>46</v>
      </c>
      <c r="HC39" s="100">
        <v>60</v>
      </c>
      <c r="HD39" s="101">
        <v>0</v>
      </c>
      <c r="HE39" s="102">
        <v>0</v>
      </c>
      <c r="HF39" s="103">
        <v>0</v>
      </c>
      <c r="HG39" s="413">
        <v>0</v>
      </c>
      <c r="HH39" s="102">
        <v>2</v>
      </c>
      <c r="HI39" s="102">
        <v>1</v>
      </c>
      <c r="HJ39" s="102">
        <v>0</v>
      </c>
      <c r="HK39" s="102">
        <v>0</v>
      </c>
      <c r="HL39" s="102">
        <v>1</v>
      </c>
      <c r="HM39" s="103">
        <v>4</v>
      </c>
      <c r="HN39" s="104">
        <v>4</v>
      </c>
      <c r="HO39" s="101">
        <v>1</v>
      </c>
      <c r="HP39" s="102">
        <v>0</v>
      </c>
      <c r="HQ39" s="103">
        <v>1</v>
      </c>
      <c r="HR39" s="413">
        <v>0</v>
      </c>
      <c r="HS39" s="102">
        <v>2</v>
      </c>
      <c r="HT39" s="102">
        <v>1</v>
      </c>
      <c r="HU39" s="102">
        <v>0</v>
      </c>
      <c r="HV39" s="102">
        <v>0</v>
      </c>
      <c r="HW39" s="102">
        <v>0</v>
      </c>
      <c r="HX39" s="103">
        <v>3</v>
      </c>
      <c r="HY39" s="104">
        <v>4</v>
      </c>
      <c r="HZ39" s="101">
        <v>2</v>
      </c>
      <c r="IA39" s="102">
        <v>0</v>
      </c>
      <c r="IB39" s="103">
        <v>2</v>
      </c>
      <c r="IC39" s="413">
        <v>0</v>
      </c>
      <c r="ID39" s="102">
        <v>0</v>
      </c>
      <c r="IE39" s="102">
        <v>0</v>
      </c>
      <c r="IF39" s="102">
        <v>2</v>
      </c>
      <c r="IG39" s="102">
        <v>1</v>
      </c>
      <c r="IH39" s="102">
        <v>1</v>
      </c>
      <c r="II39" s="103">
        <v>4</v>
      </c>
      <c r="IJ39" s="104">
        <v>6</v>
      </c>
      <c r="IK39" s="101">
        <v>0</v>
      </c>
      <c r="IL39" s="102">
        <v>1</v>
      </c>
      <c r="IM39" s="103">
        <v>1</v>
      </c>
      <c r="IN39" s="413">
        <v>0</v>
      </c>
      <c r="IO39" s="102">
        <v>3</v>
      </c>
      <c r="IP39" s="102">
        <v>3</v>
      </c>
      <c r="IQ39" s="102">
        <v>1</v>
      </c>
      <c r="IR39" s="102">
        <v>0</v>
      </c>
      <c r="IS39" s="102">
        <v>1</v>
      </c>
      <c r="IT39" s="103">
        <v>8</v>
      </c>
      <c r="IU39" s="104">
        <v>9</v>
      </c>
      <c r="IV39" s="101">
        <v>1</v>
      </c>
      <c r="IW39" s="102">
        <v>2</v>
      </c>
      <c r="IX39" s="103">
        <v>3</v>
      </c>
      <c r="IY39" s="413">
        <v>0</v>
      </c>
      <c r="IZ39" s="102">
        <v>6</v>
      </c>
      <c r="JA39" s="102">
        <v>4</v>
      </c>
      <c r="JB39" s="102">
        <v>1</v>
      </c>
      <c r="JC39" s="102">
        <v>2</v>
      </c>
      <c r="JD39" s="102">
        <v>1</v>
      </c>
      <c r="JE39" s="103">
        <v>14</v>
      </c>
      <c r="JF39" s="104">
        <v>17</v>
      </c>
      <c r="JG39" s="101">
        <v>3</v>
      </c>
      <c r="JH39" s="102">
        <v>4</v>
      </c>
      <c r="JI39" s="103">
        <v>7</v>
      </c>
      <c r="JJ39" s="413">
        <v>0</v>
      </c>
      <c r="JK39" s="102">
        <v>6</v>
      </c>
      <c r="JL39" s="102">
        <v>1</v>
      </c>
      <c r="JM39" s="102">
        <v>5</v>
      </c>
      <c r="JN39" s="102">
        <v>1</v>
      </c>
      <c r="JO39" s="102">
        <v>0</v>
      </c>
      <c r="JP39" s="103">
        <v>13</v>
      </c>
      <c r="JQ39" s="104">
        <v>20</v>
      </c>
      <c r="JR39" s="101">
        <v>0</v>
      </c>
      <c r="JS39" s="102">
        <v>0</v>
      </c>
      <c r="JT39" s="103">
        <v>0</v>
      </c>
      <c r="JU39" s="413">
        <v>0</v>
      </c>
      <c r="JV39" s="102">
        <v>0</v>
      </c>
      <c r="JW39" s="102">
        <v>0</v>
      </c>
      <c r="JX39" s="102">
        <v>0</v>
      </c>
      <c r="JY39" s="102">
        <v>0</v>
      </c>
      <c r="JZ39" s="102">
        <v>0</v>
      </c>
      <c r="KA39" s="103">
        <v>0</v>
      </c>
      <c r="KB39" s="104">
        <v>0</v>
      </c>
      <c r="KC39" s="101">
        <v>7</v>
      </c>
      <c r="KD39" s="102">
        <v>7</v>
      </c>
      <c r="KE39" s="103">
        <v>14</v>
      </c>
      <c r="KF39" s="413">
        <v>0</v>
      </c>
      <c r="KG39" s="102">
        <v>19</v>
      </c>
      <c r="KH39" s="102">
        <v>10</v>
      </c>
      <c r="KI39" s="102">
        <v>9</v>
      </c>
      <c r="KJ39" s="102">
        <v>4</v>
      </c>
      <c r="KK39" s="102">
        <v>4</v>
      </c>
      <c r="KL39" s="103">
        <v>46</v>
      </c>
      <c r="KM39" s="104">
        <v>60</v>
      </c>
    </row>
    <row r="40" spans="2:299" s="70" customFormat="1" ht="21" customHeight="1" thickBot="1" x14ac:dyDescent="0.25">
      <c r="B40" s="108" t="s">
        <v>37</v>
      </c>
      <c r="C40" s="109">
        <v>0</v>
      </c>
      <c r="D40" s="110">
        <v>0</v>
      </c>
      <c r="E40" s="111">
        <v>0</v>
      </c>
      <c r="F40" s="414">
        <v>0</v>
      </c>
      <c r="G40" s="110">
        <v>1</v>
      </c>
      <c r="H40" s="110">
        <v>3</v>
      </c>
      <c r="I40" s="110">
        <v>1</v>
      </c>
      <c r="J40" s="110">
        <v>0</v>
      </c>
      <c r="K40" s="110">
        <v>0</v>
      </c>
      <c r="L40" s="112">
        <v>5</v>
      </c>
      <c r="M40" s="113">
        <v>5</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1</v>
      </c>
      <c r="AF40" s="115">
        <v>0</v>
      </c>
      <c r="AG40" s="115">
        <v>0</v>
      </c>
      <c r="AH40" s="116">
        <v>1</v>
      </c>
      <c r="AI40" s="117">
        <v>1</v>
      </c>
      <c r="AJ40" s="114">
        <v>0</v>
      </c>
      <c r="AK40" s="115">
        <v>0</v>
      </c>
      <c r="AL40" s="116">
        <v>0</v>
      </c>
      <c r="AM40" s="414">
        <v>0</v>
      </c>
      <c r="AN40" s="115">
        <v>1</v>
      </c>
      <c r="AO40" s="115">
        <v>2</v>
      </c>
      <c r="AP40" s="115">
        <v>0</v>
      </c>
      <c r="AQ40" s="115">
        <v>0</v>
      </c>
      <c r="AR40" s="115">
        <v>0</v>
      </c>
      <c r="AS40" s="116">
        <v>3</v>
      </c>
      <c r="AT40" s="117">
        <v>3</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0</v>
      </c>
      <c r="BL40" s="115">
        <v>0</v>
      </c>
      <c r="BM40" s="115">
        <v>0</v>
      </c>
      <c r="BN40" s="115">
        <v>0</v>
      </c>
      <c r="BO40" s="116">
        <v>0</v>
      </c>
      <c r="BP40" s="117">
        <v>0</v>
      </c>
      <c r="BQ40" s="114">
        <v>0</v>
      </c>
      <c r="BR40" s="115">
        <v>0</v>
      </c>
      <c r="BS40" s="116">
        <v>0</v>
      </c>
      <c r="BT40" s="414">
        <v>0</v>
      </c>
      <c r="BU40" s="115">
        <v>0</v>
      </c>
      <c r="BV40" s="115">
        <v>1</v>
      </c>
      <c r="BW40" s="115">
        <v>0</v>
      </c>
      <c r="BX40" s="115">
        <v>0</v>
      </c>
      <c r="BY40" s="115">
        <v>0</v>
      </c>
      <c r="BZ40" s="116">
        <v>1</v>
      </c>
      <c r="CA40" s="117">
        <v>1</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1</v>
      </c>
      <c r="CR40" s="115">
        <v>3</v>
      </c>
      <c r="CS40" s="115">
        <v>1</v>
      </c>
      <c r="CT40" s="115">
        <v>0</v>
      </c>
      <c r="CU40" s="115">
        <v>0</v>
      </c>
      <c r="CV40" s="116">
        <v>5</v>
      </c>
      <c r="CW40" s="117">
        <v>5</v>
      </c>
      <c r="CX40" s="118">
        <v>0</v>
      </c>
      <c r="CY40" s="110">
        <v>0</v>
      </c>
      <c r="CZ40" s="111">
        <v>0</v>
      </c>
      <c r="DA40" s="414">
        <v>0</v>
      </c>
      <c r="DB40" s="110">
        <v>0</v>
      </c>
      <c r="DC40" s="110">
        <v>0</v>
      </c>
      <c r="DD40" s="110">
        <v>0</v>
      </c>
      <c r="DE40" s="110">
        <v>1</v>
      </c>
      <c r="DF40" s="110">
        <v>0</v>
      </c>
      <c r="DG40" s="112">
        <v>1</v>
      </c>
      <c r="DH40" s="113">
        <v>1</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1</v>
      </c>
      <c r="EB40" s="115">
        <v>0</v>
      </c>
      <c r="EC40" s="116">
        <v>1</v>
      </c>
      <c r="ED40" s="117">
        <v>1</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1</v>
      </c>
      <c r="GP40" s="115">
        <v>0</v>
      </c>
      <c r="GQ40" s="116">
        <v>1</v>
      </c>
      <c r="GR40" s="117">
        <v>1</v>
      </c>
      <c r="GS40" s="118">
        <v>0</v>
      </c>
      <c r="GT40" s="110">
        <v>0</v>
      </c>
      <c r="GU40" s="111">
        <v>0</v>
      </c>
      <c r="GV40" s="414">
        <v>0</v>
      </c>
      <c r="GW40" s="110">
        <v>1</v>
      </c>
      <c r="GX40" s="110">
        <v>3</v>
      </c>
      <c r="GY40" s="110">
        <v>1</v>
      </c>
      <c r="GZ40" s="110">
        <v>1</v>
      </c>
      <c r="HA40" s="110">
        <v>0</v>
      </c>
      <c r="HB40" s="112">
        <v>6</v>
      </c>
      <c r="HC40" s="113">
        <v>6</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1</v>
      </c>
      <c r="HV40" s="115">
        <v>1</v>
      </c>
      <c r="HW40" s="115">
        <v>0</v>
      </c>
      <c r="HX40" s="116">
        <v>2</v>
      </c>
      <c r="HY40" s="117">
        <v>2</v>
      </c>
      <c r="HZ40" s="114">
        <v>0</v>
      </c>
      <c r="IA40" s="115">
        <v>0</v>
      </c>
      <c r="IB40" s="116">
        <v>0</v>
      </c>
      <c r="IC40" s="414">
        <v>0</v>
      </c>
      <c r="ID40" s="115">
        <v>1</v>
      </c>
      <c r="IE40" s="115">
        <v>2</v>
      </c>
      <c r="IF40" s="115">
        <v>0</v>
      </c>
      <c r="IG40" s="115">
        <v>0</v>
      </c>
      <c r="IH40" s="115">
        <v>0</v>
      </c>
      <c r="II40" s="116">
        <v>3</v>
      </c>
      <c r="IJ40" s="117">
        <v>3</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0</v>
      </c>
      <c r="JB40" s="115">
        <v>0</v>
      </c>
      <c r="JC40" s="115">
        <v>0</v>
      </c>
      <c r="JD40" s="115">
        <v>0</v>
      </c>
      <c r="JE40" s="116">
        <v>0</v>
      </c>
      <c r="JF40" s="117">
        <v>0</v>
      </c>
      <c r="JG40" s="114">
        <v>0</v>
      </c>
      <c r="JH40" s="115">
        <v>0</v>
      </c>
      <c r="JI40" s="116">
        <v>0</v>
      </c>
      <c r="JJ40" s="414">
        <v>0</v>
      </c>
      <c r="JK40" s="115">
        <v>0</v>
      </c>
      <c r="JL40" s="115">
        <v>1</v>
      </c>
      <c r="JM40" s="115">
        <v>0</v>
      </c>
      <c r="JN40" s="115">
        <v>0</v>
      </c>
      <c r="JO40" s="115">
        <v>0</v>
      </c>
      <c r="JP40" s="116">
        <v>1</v>
      </c>
      <c r="JQ40" s="117">
        <v>1</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1</v>
      </c>
      <c r="KH40" s="115">
        <v>3</v>
      </c>
      <c r="KI40" s="115">
        <v>1</v>
      </c>
      <c r="KJ40" s="115">
        <v>1</v>
      </c>
      <c r="KK40" s="115">
        <v>0</v>
      </c>
      <c r="KL40" s="116">
        <v>6</v>
      </c>
      <c r="KM40" s="117">
        <v>6</v>
      </c>
    </row>
    <row r="41" spans="2:299" ht="32.25" customHeight="1" x14ac:dyDescent="0.2">
      <c r="C41" s="70" t="s">
        <v>124</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71" customWidth="1"/>
    <col min="2" max="2" width="9.77734375" style="71" customWidth="1"/>
    <col min="3" max="11" width="7.88671875" style="70" customWidth="1"/>
    <col min="12" max="13" width="8.77734375" style="70" customWidth="1"/>
    <col min="14" max="33" width="7.88671875" style="70" customWidth="1"/>
    <col min="34" max="34" width="9.109375" style="70" customWidth="1"/>
    <col min="35" max="35" width="8.44140625" style="70" customWidth="1"/>
    <col min="36" max="55" width="7.88671875" style="70" customWidth="1"/>
    <col min="56" max="56" width="9.109375" style="70" customWidth="1"/>
    <col min="57" max="57" width="8.44140625" style="70" customWidth="1"/>
    <col min="58" max="77" width="7.88671875" style="70" customWidth="1"/>
    <col min="78" max="78" width="9.109375" style="70" customWidth="1"/>
    <col min="79" max="79" width="8.44140625" style="70" customWidth="1"/>
    <col min="80" max="86" width="7.88671875" style="70" customWidth="1"/>
    <col min="87" max="93" width="9" style="70"/>
    <col min="94" max="94" width="8.44140625" style="70" customWidth="1"/>
    <col min="95" max="102" width="9" style="70"/>
    <col min="103" max="104" width="9" style="71"/>
    <col min="105" max="105" width="7.77734375" style="71" customWidth="1"/>
    <col min="106" max="115" width="9" style="71"/>
    <col min="116" max="116" width="7.77734375" style="71" customWidth="1"/>
    <col min="117" max="126" width="9" style="71"/>
    <col min="127" max="127" width="7.77734375" style="71" customWidth="1"/>
    <col min="128" max="137" width="9" style="71"/>
    <col min="138" max="138" width="8" style="71" customWidth="1"/>
    <col min="139" max="148" width="9" style="71"/>
    <col min="149" max="149" width="7.77734375" style="71" customWidth="1"/>
    <col min="150" max="159" width="9" style="71"/>
    <col min="160" max="160" width="7.44140625" style="71" customWidth="1"/>
    <col min="161" max="170" width="9" style="71"/>
    <col min="171" max="171" width="7.88671875" style="71" customWidth="1"/>
    <col min="172" max="181" width="9" style="71"/>
    <col min="182" max="182" width="7.21875" style="71" customWidth="1"/>
    <col min="183" max="192" width="9" style="71"/>
    <col min="193" max="193" width="8" style="71" customWidth="1"/>
    <col min="194" max="203" width="9" style="71"/>
    <col min="204" max="204" width="7.88671875" style="71" customWidth="1"/>
    <col min="205" max="214" width="9" style="71"/>
    <col min="215" max="215" width="7.88671875" style="71" customWidth="1"/>
    <col min="216" max="225" width="9" style="71"/>
    <col min="226" max="226" width="7.33203125" style="71" customWidth="1"/>
    <col min="227" max="236" width="9" style="71"/>
    <col min="237" max="237" width="7.6640625" style="71" customWidth="1"/>
    <col min="238" max="247" width="9" style="71"/>
    <col min="248" max="248" width="8" style="71" customWidth="1"/>
    <col min="249" max="258" width="9" style="71"/>
    <col min="259" max="259" width="8" style="71" customWidth="1"/>
    <col min="260" max="269" width="9" style="71"/>
    <col min="270" max="270" width="8" style="71" customWidth="1"/>
    <col min="271" max="280" width="9" style="71"/>
    <col min="281" max="281" width="8" style="71" customWidth="1"/>
    <col min="282" max="291" width="9" style="71"/>
    <col min="292" max="292" width="8.109375" style="71" customWidth="1"/>
    <col min="293" max="16384" width="9" style="71"/>
  </cols>
  <sheetData>
    <row r="1" spans="2:299" ht="24" customHeight="1" x14ac:dyDescent="0.2">
      <c r="B1" s="9" t="s">
        <v>119</v>
      </c>
      <c r="F1" s="442">
        <f>第１表!F2</f>
        <v>6</v>
      </c>
      <c r="G1" s="442"/>
      <c r="H1" s="18">
        <f>第１表!G2</f>
        <v>11</v>
      </c>
      <c r="I1" s="424">
        <f>H1</f>
        <v>11</v>
      </c>
      <c r="J1" s="424"/>
    </row>
    <row r="2" spans="2:299" ht="24" customHeight="1" thickBot="1" x14ac:dyDescent="0.25">
      <c r="B2" s="10" t="s">
        <v>150</v>
      </c>
    </row>
    <row r="3" spans="2:299" ht="21" customHeight="1" thickBot="1" x14ac:dyDescent="0.25">
      <c r="B3" s="425" t="s">
        <v>38</v>
      </c>
      <c r="C3" s="437" t="s">
        <v>96</v>
      </c>
      <c r="D3" s="437"/>
      <c r="E3" s="437"/>
      <c r="F3" s="437"/>
      <c r="G3" s="437"/>
      <c r="H3" s="437"/>
      <c r="I3" s="437"/>
      <c r="J3" s="437"/>
      <c r="K3" s="437"/>
      <c r="L3" s="437"/>
      <c r="M3" s="437"/>
      <c r="N3" s="437"/>
      <c r="O3" s="437"/>
      <c r="P3" s="437"/>
      <c r="Q3" s="437"/>
      <c r="R3" s="437"/>
      <c r="S3" s="437"/>
      <c r="T3" s="437"/>
      <c r="U3" s="437"/>
      <c r="V3" s="437"/>
      <c r="W3" s="437"/>
      <c r="X3" s="437"/>
      <c r="Y3" s="437"/>
      <c r="Z3" s="437"/>
      <c r="AA3" s="437"/>
      <c r="AB3" s="437"/>
      <c r="AC3" s="437"/>
      <c r="AD3" s="437"/>
      <c r="AE3" s="437"/>
      <c r="AF3" s="437"/>
      <c r="AG3" s="437"/>
      <c r="AH3" s="437"/>
      <c r="AI3" s="437"/>
      <c r="AJ3" s="437"/>
      <c r="AK3" s="437"/>
      <c r="AL3" s="437"/>
      <c r="AM3" s="437"/>
      <c r="AN3" s="437"/>
      <c r="AO3" s="437"/>
      <c r="AP3" s="437"/>
      <c r="AQ3" s="437"/>
      <c r="AR3" s="437"/>
      <c r="AS3" s="437"/>
      <c r="AT3" s="437"/>
      <c r="AU3" s="437"/>
      <c r="AV3" s="437"/>
      <c r="AW3" s="437"/>
      <c r="AX3" s="437"/>
      <c r="AY3" s="437"/>
      <c r="AZ3" s="437"/>
      <c r="BA3" s="437"/>
      <c r="BB3" s="437"/>
      <c r="BC3" s="437"/>
      <c r="BD3" s="437"/>
      <c r="BE3" s="437"/>
      <c r="BF3" s="437"/>
      <c r="BG3" s="437"/>
      <c r="BH3" s="437"/>
      <c r="BI3" s="437"/>
      <c r="BJ3" s="437"/>
      <c r="BK3" s="437"/>
      <c r="BL3" s="437"/>
      <c r="BM3" s="437"/>
      <c r="BN3" s="437"/>
      <c r="BO3" s="437"/>
      <c r="BP3" s="437"/>
      <c r="BQ3" s="437"/>
      <c r="BR3" s="437"/>
      <c r="BS3" s="437"/>
      <c r="BT3" s="437"/>
      <c r="BU3" s="437"/>
      <c r="BV3" s="437"/>
      <c r="BW3" s="437"/>
      <c r="BX3" s="437"/>
      <c r="BY3" s="437"/>
      <c r="BZ3" s="437"/>
      <c r="CA3" s="437"/>
      <c r="CB3" s="437"/>
      <c r="CC3" s="437"/>
      <c r="CD3" s="437"/>
      <c r="CE3" s="437"/>
      <c r="CF3" s="437"/>
      <c r="CG3" s="437"/>
      <c r="CH3" s="437"/>
      <c r="CI3" s="437"/>
      <c r="CJ3" s="437"/>
      <c r="CK3" s="437"/>
      <c r="CL3" s="437"/>
      <c r="CM3" s="437"/>
      <c r="CN3" s="437"/>
      <c r="CO3" s="437"/>
      <c r="CP3" s="437"/>
      <c r="CQ3" s="437"/>
      <c r="CR3" s="437"/>
      <c r="CS3" s="437"/>
      <c r="CT3" s="437"/>
      <c r="CU3" s="437"/>
      <c r="CV3" s="437"/>
      <c r="CW3" s="438"/>
      <c r="CX3" s="437" t="s">
        <v>102</v>
      </c>
      <c r="CY3" s="437"/>
      <c r="CZ3" s="437"/>
      <c r="DA3" s="437"/>
      <c r="DB3" s="437"/>
      <c r="DC3" s="437"/>
      <c r="DD3" s="437"/>
      <c r="DE3" s="437"/>
      <c r="DF3" s="437"/>
      <c r="DG3" s="437"/>
      <c r="DH3" s="437"/>
      <c r="DI3" s="437"/>
      <c r="DJ3" s="437"/>
      <c r="DK3" s="437"/>
      <c r="DL3" s="437"/>
      <c r="DM3" s="437"/>
      <c r="DN3" s="437"/>
      <c r="DO3" s="437"/>
      <c r="DP3" s="437"/>
      <c r="DQ3" s="437"/>
      <c r="DR3" s="437"/>
      <c r="DS3" s="437"/>
      <c r="DT3" s="437"/>
      <c r="DU3" s="437"/>
      <c r="DV3" s="437"/>
      <c r="DW3" s="437"/>
      <c r="DX3" s="437"/>
      <c r="DY3" s="437"/>
      <c r="DZ3" s="437"/>
      <c r="EA3" s="437"/>
      <c r="EB3" s="437"/>
      <c r="EC3" s="437"/>
      <c r="ED3" s="437"/>
      <c r="EE3" s="437"/>
      <c r="EF3" s="437"/>
      <c r="EG3" s="437"/>
      <c r="EH3" s="437"/>
      <c r="EI3" s="437"/>
      <c r="EJ3" s="437"/>
      <c r="EK3" s="437"/>
      <c r="EL3" s="437"/>
      <c r="EM3" s="437"/>
      <c r="EN3" s="437"/>
      <c r="EO3" s="437"/>
      <c r="EP3" s="437"/>
      <c r="EQ3" s="437"/>
      <c r="ER3" s="437"/>
      <c r="ES3" s="437"/>
      <c r="ET3" s="437"/>
      <c r="EU3" s="437"/>
      <c r="EV3" s="437"/>
      <c r="EW3" s="437"/>
      <c r="EX3" s="437"/>
      <c r="EY3" s="437"/>
      <c r="EZ3" s="437"/>
      <c r="FA3" s="437"/>
      <c r="FB3" s="437"/>
      <c r="FC3" s="437"/>
      <c r="FD3" s="437"/>
      <c r="FE3" s="437"/>
      <c r="FF3" s="437"/>
      <c r="FG3" s="437"/>
      <c r="FH3" s="437"/>
      <c r="FI3" s="437"/>
      <c r="FJ3" s="437"/>
      <c r="FK3" s="437"/>
      <c r="FL3" s="437"/>
      <c r="FM3" s="437"/>
      <c r="FN3" s="437"/>
      <c r="FO3" s="437"/>
      <c r="FP3" s="437"/>
      <c r="FQ3" s="437"/>
      <c r="FR3" s="437"/>
      <c r="FS3" s="437"/>
      <c r="FT3" s="437"/>
      <c r="FU3" s="437"/>
      <c r="FV3" s="437"/>
      <c r="FW3" s="437"/>
      <c r="FX3" s="437"/>
      <c r="FY3" s="437"/>
      <c r="FZ3" s="437"/>
      <c r="GA3" s="437"/>
      <c r="GB3" s="437"/>
      <c r="GC3" s="437"/>
      <c r="GD3" s="437"/>
      <c r="GE3" s="437"/>
      <c r="GF3" s="437"/>
      <c r="GG3" s="437"/>
      <c r="GH3" s="437"/>
      <c r="GI3" s="437"/>
      <c r="GJ3" s="437"/>
      <c r="GK3" s="437"/>
      <c r="GL3" s="437"/>
      <c r="GM3" s="437"/>
      <c r="GN3" s="437"/>
      <c r="GO3" s="437"/>
      <c r="GP3" s="437"/>
      <c r="GQ3" s="437"/>
      <c r="GR3" s="438"/>
      <c r="GS3" s="437" t="s">
        <v>103</v>
      </c>
      <c r="GT3" s="437"/>
      <c r="GU3" s="437"/>
      <c r="GV3" s="437"/>
      <c r="GW3" s="437"/>
      <c r="GX3" s="437"/>
      <c r="GY3" s="437"/>
      <c r="GZ3" s="437"/>
      <c r="HA3" s="437"/>
      <c r="HB3" s="437"/>
      <c r="HC3" s="437"/>
      <c r="HD3" s="437"/>
      <c r="HE3" s="437"/>
      <c r="HF3" s="437"/>
      <c r="HG3" s="437"/>
      <c r="HH3" s="437"/>
      <c r="HI3" s="437"/>
      <c r="HJ3" s="437"/>
      <c r="HK3" s="437"/>
      <c r="HL3" s="437"/>
      <c r="HM3" s="437"/>
      <c r="HN3" s="437"/>
      <c r="HO3" s="437"/>
      <c r="HP3" s="437"/>
      <c r="HQ3" s="437"/>
      <c r="HR3" s="437"/>
      <c r="HS3" s="437"/>
      <c r="HT3" s="437"/>
      <c r="HU3" s="437"/>
      <c r="HV3" s="437"/>
      <c r="HW3" s="437"/>
      <c r="HX3" s="437"/>
      <c r="HY3" s="437"/>
      <c r="HZ3" s="437"/>
      <c r="IA3" s="437"/>
      <c r="IB3" s="437"/>
      <c r="IC3" s="437"/>
      <c r="ID3" s="437"/>
      <c r="IE3" s="437"/>
      <c r="IF3" s="437"/>
      <c r="IG3" s="437"/>
      <c r="IH3" s="437"/>
      <c r="II3" s="437"/>
      <c r="IJ3" s="437"/>
      <c r="IK3" s="437"/>
      <c r="IL3" s="437"/>
      <c r="IM3" s="437"/>
      <c r="IN3" s="437"/>
      <c r="IO3" s="437"/>
      <c r="IP3" s="437"/>
      <c r="IQ3" s="437"/>
      <c r="IR3" s="437"/>
      <c r="IS3" s="437"/>
      <c r="IT3" s="437"/>
      <c r="IU3" s="437"/>
      <c r="IV3" s="437"/>
      <c r="IW3" s="437"/>
      <c r="IX3" s="437"/>
      <c r="IY3" s="437"/>
      <c r="IZ3" s="437"/>
      <c r="JA3" s="437"/>
      <c r="JB3" s="437"/>
      <c r="JC3" s="437"/>
      <c r="JD3" s="437"/>
      <c r="JE3" s="437"/>
      <c r="JF3" s="437"/>
      <c r="JG3" s="437"/>
      <c r="JH3" s="437"/>
      <c r="JI3" s="437"/>
      <c r="JJ3" s="437"/>
      <c r="JK3" s="437"/>
      <c r="JL3" s="437"/>
      <c r="JM3" s="437"/>
      <c r="JN3" s="437"/>
      <c r="JO3" s="437"/>
      <c r="JP3" s="437"/>
      <c r="JQ3" s="437"/>
      <c r="JR3" s="437"/>
      <c r="JS3" s="437"/>
      <c r="JT3" s="437"/>
      <c r="JU3" s="437"/>
      <c r="JV3" s="437"/>
      <c r="JW3" s="437"/>
      <c r="JX3" s="437"/>
      <c r="JY3" s="437"/>
      <c r="JZ3" s="437"/>
      <c r="KA3" s="437"/>
      <c r="KB3" s="437"/>
      <c r="KC3" s="437"/>
      <c r="KD3" s="437"/>
      <c r="KE3" s="437"/>
      <c r="KF3" s="437"/>
      <c r="KG3" s="437"/>
      <c r="KH3" s="437"/>
      <c r="KI3" s="437"/>
      <c r="KJ3" s="437"/>
      <c r="KK3" s="437"/>
      <c r="KL3" s="437"/>
      <c r="KM3" s="438"/>
    </row>
    <row r="4" spans="2:299" ht="21" customHeight="1" thickBot="1" x14ac:dyDescent="0.25">
      <c r="B4" s="443"/>
      <c r="C4" s="439" t="s">
        <v>39</v>
      </c>
      <c r="D4" s="440"/>
      <c r="E4" s="440"/>
      <c r="F4" s="440"/>
      <c r="G4" s="440"/>
      <c r="H4" s="440"/>
      <c r="I4" s="440"/>
      <c r="J4" s="440"/>
      <c r="K4" s="440"/>
      <c r="L4" s="440"/>
      <c r="M4" s="440"/>
      <c r="N4" s="440"/>
      <c r="O4" s="440"/>
      <c r="P4" s="440"/>
      <c r="Q4" s="440"/>
      <c r="R4" s="440"/>
      <c r="S4" s="440"/>
      <c r="T4" s="440"/>
      <c r="U4" s="440"/>
      <c r="V4" s="440"/>
      <c r="W4" s="440"/>
      <c r="X4" s="440"/>
      <c r="Y4" s="440"/>
      <c r="Z4" s="440"/>
      <c r="AA4" s="440"/>
      <c r="AB4" s="440"/>
      <c r="AC4" s="440"/>
      <c r="AD4" s="440"/>
      <c r="AE4" s="440"/>
      <c r="AF4" s="440"/>
      <c r="AG4" s="440"/>
      <c r="AH4" s="440"/>
      <c r="AI4" s="440"/>
      <c r="AJ4" s="440"/>
      <c r="AK4" s="440"/>
      <c r="AL4" s="440"/>
      <c r="AM4" s="440"/>
      <c r="AN4" s="440"/>
      <c r="AO4" s="440"/>
      <c r="AP4" s="440"/>
      <c r="AQ4" s="440"/>
      <c r="AR4" s="440"/>
      <c r="AS4" s="440"/>
      <c r="AT4" s="440"/>
      <c r="AU4" s="440"/>
      <c r="AV4" s="440"/>
      <c r="AW4" s="440"/>
      <c r="AX4" s="440"/>
      <c r="AY4" s="440"/>
      <c r="AZ4" s="440"/>
      <c r="BA4" s="440"/>
      <c r="BB4" s="440"/>
      <c r="BC4" s="440"/>
      <c r="BD4" s="440"/>
      <c r="BE4" s="440"/>
      <c r="BF4" s="440"/>
      <c r="BG4" s="440"/>
      <c r="BH4" s="440"/>
      <c r="BI4" s="440"/>
      <c r="BJ4" s="440"/>
      <c r="BK4" s="440"/>
      <c r="BL4" s="440"/>
      <c r="BM4" s="440"/>
      <c r="BN4" s="440"/>
      <c r="BO4" s="440"/>
      <c r="BP4" s="440"/>
      <c r="BQ4" s="440"/>
      <c r="BR4" s="440"/>
      <c r="BS4" s="440"/>
      <c r="BT4" s="440"/>
      <c r="BU4" s="440"/>
      <c r="BV4" s="440"/>
      <c r="BW4" s="440"/>
      <c r="BX4" s="440"/>
      <c r="BY4" s="440"/>
      <c r="BZ4" s="440"/>
      <c r="CA4" s="441"/>
      <c r="CB4" s="425" t="s">
        <v>40</v>
      </c>
      <c r="CC4" s="426"/>
      <c r="CD4" s="426"/>
      <c r="CE4" s="426"/>
      <c r="CF4" s="426"/>
      <c r="CG4" s="426"/>
      <c r="CH4" s="426"/>
      <c r="CI4" s="426"/>
      <c r="CJ4" s="426"/>
      <c r="CK4" s="426"/>
      <c r="CL4" s="427"/>
      <c r="CM4" s="425" t="s">
        <v>41</v>
      </c>
      <c r="CN4" s="426"/>
      <c r="CO4" s="426"/>
      <c r="CP4" s="426"/>
      <c r="CQ4" s="426"/>
      <c r="CR4" s="426"/>
      <c r="CS4" s="426"/>
      <c r="CT4" s="426"/>
      <c r="CU4" s="426"/>
      <c r="CV4" s="426"/>
      <c r="CW4" s="427"/>
      <c r="CX4" s="439" t="s">
        <v>39</v>
      </c>
      <c r="CY4" s="440"/>
      <c r="CZ4" s="440"/>
      <c r="DA4" s="440"/>
      <c r="DB4" s="440"/>
      <c r="DC4" s="440"/>
      <c r="DD4" s="440"/>
      <c r="DE4" s="440"/>
      <c r="DF4" s="440"/>
      <c r="DG4" s="440"/>
      <c r="DH4" s="440"/>
      <c r="DI4" s="440"/>
      <c r="DJ4" s="440"/>
      <c r="DK4" s="440"/>
      <c r="DL4" s="440"/>
      <c r="DM4" s="440"/>
      <c r="DN4" s="440"/>
      <c r="DO4" s="440"/>
      <c r="DP4" s="440"/>
      <c r="DQ4" s="440"/>
      <c r="DR4" s="440"/>
      <c r="DS4" s="440"/>
      <c r="DT4" s="440"/>
      <c r="DU4" s="440"/>
      <c r="DV4" s="440"/>
      <c r="DW4" s="440"/>
      <c r="DX4" s="440"/>
      <c r="DY4" s="440"/>
      <c r="DZ4" s="440"/>
      <c r="EA4" s="440"/>
      <c r="EB4" s="440"/>
      <c r="EC4" s="440"/>
      <c r="ED4" s="440"/>
      <c r="EE4" s="440"/>
      <c r="EF4" s="440"/>
      <c r="EG4" s="440"/>
      <c r="EH4" s="440"/>
      <c r="EI4" s="440"/>
      <c r="EJ4" s="440"/>
      <c r="EK4" s="440"/>
      <c r="EL4" s="440"/>
      <c r="EM4" s="440"/>
      <c r="EN4" s="440"/>
      <c r="EO4" s="440"/>
      <c r="EP4" s="440"/>
      <c r="EQ4" s="440"/>
      <c r="ER4" s="440"/>
      <c r="ES4" s="440"/>
      <c r="ET4" s="440"/>
      <c r="EU4" s="440"/>
      <c r="EV4" s="440"/>
      <c r="EW4" s="440"/>
      <c r="EX4" s="440"/>
      <c r="EY4" s="440"/>
      <c r="EZ4" s="440"/>
      <c r="FA4" s="440"/>
      <c r="FB4" s="440"/>
      <c r="FC4" s="440"/>
      <c r="FD4" s="440"/>
      <c r="FE4" s="440"/>
      <c r="FF4" s="440"/>
      <c r="FG4" s="440"/>
      <c r="FH4" s="440"/>
      <c r="FI4" s="440"/>
      <c r="FJ4" s="440"/>
      <c r="FK4" s="440"/>
      <c r="FL4" s="440"/>
      <c r="FM4" s="440"/>
      <c r="FN4" s="440"/>
      <c r="FO4" s="440"/>
      <c r="FP4" s="440"/>
      <c r="FQ4" s="440"/>
      <c r="FR4" s="440"/>
      <c r="FS4" s="440"/>
      <c r="FT4" s="440"/>
      <c r="FU4" s="440"/>
      <c r="FV4" s="441"/>
      <c r="FW4" s="425" t="s">
        <v>40</v>
      </c>
      <c r="FX4" s="426"/>
      <c r="FY4" s="426"/>
      <c r="FZ4" s="426"/>
      <c r="GA4" s="426"/>
      <c r="GB4" s="426"/>
      <c r="GC4" s="426"/>
      <c r="GD4" s="426"/>
      <c r="GE4" s="426"/>
      <c r="GF4" s="426"/>
      <c r="GG4" s="427"/>
      <c r="GH4" s="425" t="s">
        <v>41</v>
      </c>
      <c r="GI4" s="426"/>
      <c r="GJ4" s="426"/>
      <c r="GK4" s="426"/>
      <c r="GL4" s="426"/>
      <c r="GM4" s="426"/>
      <c r="GN4" s="426"/>
      <c r="GO4" s="426"/>
      <c r="GP4" s="426"/>
      <c r="GQ4" s="426"/>
      <c r="GR4" s="427"/>
      <c r="GS4" s="439" t="s">
        <v>39</v>
      </c>
      <c r="GT4" s="440"/>
      <c r="GU4" s="440"/>
      <c r="GV4" s="440"/>
      <c r="GW4" s="440"/>
      <c r="GX4" s="440"/>
      <c r="GY4" s="440"/>
      <c r="GZ4" s="440"/>
      <c r="HA4" s="440"/>
      <c r="HB4" s="440"/>
      <c r="HC4" s="440"/>
      <c r="HD4" s="440"/>
      <c r="HE4" s="440"/>
      <c r="HF4" s="440"/>
      <c r="HG4" s="440"/>
      <c r="HH4" s="440"/>
      <c r="HI4" s="440"/>
      <c r="HJ4" s="440"/>
      <c r="HK4" s="440"/>
      <c r="HL4" s="440"/>
      <c r="HM4" s="440"/>
      <c r="HN4" s="440"/>
      <c r="HO4" s="440"/>
      <c r="HP4" s="440"/>
      <c r="HQ4" s="440"/>
      <c r="HR4" s="440"/>
      <c r="HS4" s="440"/>
      <c r="HT4" s="440"/>
      <c r="HU4" s="440"/>
      <c r="HV4" s="440"/>
      <c r="HW4" s="440"/>
      <c r="HX4" s="440"/>
      <c r="HY4" s="440"/>
      <c r="HZ4" s="440"/>
      <c r="IA4" s="440"/>
      <c r="IB4" s="440"/>
      <c r="IC4" s="440"/>
      <c r="ID4" s="440"/>
      <c r="IE4" s="440"/>
      <c r="IF4" s="440"/>
      <c r="IG4" s="440"/>
      <c r="IH4" s="440"/>
      <c r="II4" s="440"/>
      <c r="IJ4" s="440"/>
      <c r="IK4" s="440"/>
      <c r="IL4" s="440"/>
      <c r="IM4" s="440"/>
      <c r="IN4" s="440"/>
      <c r="IO4" s="440"/>
      <c r="IP4" s="440"/>
      <c r="IQ4" s="440"/>
      <c r="IR4" s="440"/>
      <c r="IS4" s="440"/>
      <c r="IT4" s="440"/>
      <c r="IU4" s="440"/>
      <c r="IV4" s="440"/>
      <c r="IW4" s="440"/>
      <c r="IX4" s="440"/>
      <c r="IY4" s="440"/>
      <c r="IZ4" s="440"/>
      <c r="JA4" s="440"/>
      <c r="JB4" s="440"/>
      <c r="JC4" s="440"/>
      <c r="JD4" s="440"/>
      <c r="JE4" s="440"/>
      <c r="JF4" s="440"/>
      <c r="JG4" s="440"/>
      <c r="JH4" s="440"/>
      <c r="JI4" s="440"/>
      <c r="JJ4" s="440"/>
      <c r="JK4" s="440"/>
      <c r="JL4" s="440"/>
      <c r="JM4" s="440"/>
      <c r="JN4" s="440"/>
      <c r="JO4" s="440"/>
      <c r="JP4" s="440"/>
      <c r="JQ4" s="441"/>
      <c r="JR4" s="425" t="s">
        <v>40</v>
      </c>
      <c r="JS4" s="426"/>
      <c r="JT4" s="426"/>
      <c r="JU4" s="426"/>
      <c r="JV4" s="426"/>
      <c r="JW4" s="426"/>
      <c r="JX4" s="426"/>
      <c r="JY4" s="426"/>
      <c r="JZ4" s="426"/>
      <c r="KA4" s="426"/>
      <c r="KB4" s="427"/>
      <c r="KC4" s="425" t="s">
        <v>41</v>
      </c>
      <c r="KD4" s="426"/>
      <c r="KE4" s="426"/>
      <c r="KF4" s="426"/>
      <c r="KG4" s="426"/>
      <c r="KH4" s="426"/>
      <c r="KI4" s="426"/>
      <c r="KJ4" s="426"/>
      <c r="KK4" s="426"/>
      <c r="KL4" s="426"/>
      <c r="KM4" s="427"/>
    </row>
    <row r="5" spans="2:299" ht="21" customHeight="1" thickBot="1" x14ac:dyDescent="0.25">
      <c r="B5" s="431"/>
      <c r="C5" s="431"/>
      <c r="D5" s="432"/>
      <c r="E5" s="432"/>
      <c r="F5" s="432"/>
      <c r="G5" s="432"/>
      <c r="H5" s="432"/>
      <c r="I5" s="432"/>
      <c r="J5" s="432"/>
      <c r="K5" s="432"/>
      <c r="L5" s="432"/>
      <c r="M5" s="433"/>
      <c r="N5" s="434" t="s">
        <v>97</v>
      </c>
      <c r="O5" s="435"/>
      <c r="P5" s="435"/>
      <c r="Q5" s="435"/>
      <c r="R5" s="435"/>
      <c r="S5" s="435"/>
      <c r="T5" s="435"/>
      <c r="U5" s="435"/>
      <c r="V5" s="435"/>
      <c r="W5" s="435"/>
      <c r="X5" s="436"/>
      <c r="Y5" s="434" t="s">
        <v>98</v>
      </c>
      <c r="Z5" s="435"/>
      <c r="AA5" s="435"/>
      <c r="AB5" s="435"/>
      <c r="AC5" s="435"/>
      <c r="AD5" s="435"/>
      <c r="AE5" s="435"/>
      <c r="AF5" s="435"/>
      <c r="AG5" s="435"/>
      <c r="AH5" s="435"/>
      <c r="AI5" s="436"/>
      <c r="AJ5" s="434" t="s">
        <v>99</v>
      </c>
      <c r="AK5" s="435"/>
      <c r="AL5" s="435"/>
      <c r="AM5" s="435"/>
      <c r="AN5" s="435"/>
      <c r="AO5" s="435"/>
      <c r="AP5" s="435"/>
      <c r="AQ5" s="435"/>
      <c r="AR5" s="435"/>
      <c r="AS5" s="435"/>
      <c r="AT5" s="436"/>
      <c r="AU5" s="434" t="s">
        <v>100</v>
      </c>
      <c r="AV5" s="435"/>
      <c r="AW5" s="435"/>
      <c r="AX5" s="435"/>
      <c r="AY5" s="435"/>
      <c r="AZ5" s="435"/>
      <c r="BA5" s="435"/>
      <c r="BB5" s="435"/>
      <c r="BC5" s="435"/>
      <c r="BD5" s="435"/>
      <c r="BE5" s="436"/>
      <c r="BF5" s="434" t="s">
        <v>162</v>
      </c>
      <c r="BG5" s="435"/>
      <c r="BH5" s="435"/>
      <c r="BI5" s="435"/>
      <c r="BJ5" s="435"/>
      <c r="BK5" s="435"/>
      <c r="BL5" s="435"/>
      <c r="BM5" s="435"/>
      <c r="BN5" s="435"/>
      <c r="BO5" s="435"/>
      <c r="BP5" s="436"/>
      <c r="BQ5" s="434" t="s">
        <v>101</v>
      </c>
      <c r="BR5" s="435"/>
      <c r="BS5" s="435"/>
      <c r="BT5" s="435"/>
      <c r="BU5" s="435"/>
      <c r="BV5" s="435"/>
      <c r="BW5" s="435"/>
      <c r="BX5" s="435"/>
      <c r="BY5" s="435"/>
      <c r="BZ5" s="435"/>
      <c r="CA5" s="436"/>
      <c r="CB5" s="428"/>
      <c r="CC5" s="429"/>
      <c r="CD5" s="429"/>
      <c r="CE5" s="429"/>
      <c r="CF5" s="429"/>
      <c r="CG5" s="429"/>
      <c r="CH5" s="429"/>
      <c r="CI5" s="429"/>
      <c r="CJ5" s="429"/>
      <c r="CK5" s="429"/>
      <c r="CL5" s="430"/>
      <c r="CM5" s="428"/>
      <c r="CN5" s="429"/>
      <c r="CO5" s="429"/>
      <c r="CP5" s="429"/>
      <c r="CQ5" s="429"/>
      <c r="CR5" s="429"/>
      <c r="CS5" s="429"/>
      <c r="CT5" s="429"/>
      <c r="CU5" s="429"/>
      <c r="CV5" s="429"/>
      <c r="CW5" s="430"/>
      <c r="CX5" s="431"/>
      <c r="CY5" s="432"/>
      <c r="CZ5" s="432"/>
      <c r="DA5" s="432"/>
      <c r="DB5" s="432"/>
      <c r="DC5" s="432"/>
      <c r="DD5" s="432"/>
      <c r="DE5" s="432"/>
      <c r="DF5" s="432"/>
      <c r="DG5" s="432"/>
      <c r="DH5" s="433"/>
      <c r="DI5" s="434" t="s">
        <v>97</v>
      </c>
      <c r="DJ5" s="435"/>
      <c r="DK5" s="435"/>
      <c r="DL5" s="435"/>
      <c r="DM5" s="435"/>
      <c r="DN5" s="435"/>
      <c r="DO5" s="435"/>
      <c r="DP5" s="435"/>
      <c r="DQ5" s="435"/>
      <c r="DR5" s="435"/>
      <c r="DS5" s="436"/>
      <c r="DT5" s="434" t="s">
        <v>98</v>
      </c>
      <c r="DU5" s="435"/>
      <c r="DV5" s="435"/>
      <c r="DW5" s="435"/>
      <c r="DX5" s="435"/>
      <c r="DY5" s="435"/>
      <c r="DZ5" s="435"/>
      <c r="EA5" s="435"/>
      <c r="EB5" s="435"/>
      <c r="EC5" s="435"/>
      <c r="ED5" s="436"/>
      <c r="EE5" s="434" t="s">
        <v>99</v>
      </c>
      <c r="EF5" s="435"/>
      <c r="EG5" s="435"/>
      <c r="EH5" s="435"/>
      <c r="EI5" s="435"/>
      <c r="EJ5" s="435"/>
      <c r="EK5" s="435"/>
      <c r="EL5" s="435"/>
      <c r="EM5" s="435"/>
      <c r="EN5" s="435"/>
      <c r="EO5" s="436"/>
      <c r="EP5" s="434" t="s">
        <v>100</v>
      </c>
      <c r="EQ5" s="435"/>
      <c r="ER5" s="435"/>
      <c r="ES5" s="435"/>
      <c r="ET5" s="435"/>
      <c r="EU5" s="435"/>
      <c r="EV5" s="435"/>
      <c r="EW5" s="435"/>
      <c r="EX5" s="435"/>
      <c r="EY5" s="435"/>
      <c r="EZ5" s="436"/>
      <c r="FA5" s="434" t="s">
        <v>162</v>
      </c>
      <c r="FB5" s="435"/>
      <c r="FC5" s="435"/>
      <c r="FD5" s="435"/>
      <c r="FE5" s="435"/>
      <c r="FF5" s="435"/>
      <c r="FG5" s="435"/>
      <c r="FH5" s="435"/>
      <c r="FI5" s="435"/>
      <c r="FJ5" s="435"/>
      <c r="FK5" s="436"/>
      <c r="FL5" s="434" t="s">
        <v>101</v>
      </c>
      <c r="FM5" s="435"/>
      <c r="FN5" s="435"/>
      <c r="FO5" s="435"/>
      <c r="FP5" s="435"/>
      <c r="FQ5" s="435"/>
      <c r="FR5" s="435"/>
      <c r="FS5" s="435"/>
      <c r="FT5" s="435"/>
      <c r="FU5" s="435"/>
      <c r="FV5" s="436"/>
      <c r="FW5" s="428"/>
      <c r="FX5" s="429"/>
      <c r="FY5" s="429"/>
      <c r="FZ5" s="429"/>
      <c r="GA5" s="429"/>
      <c r="GB5" s="429"/>
      <c r="GC5" s="429"/>
      <c r="GD5" s="429"/>
      <c r="GE5" s="429"/>
      <c r="GF5" s="429"/>
      <c r="GG5" s="430"/>
      <c r="GH5" s="428"/>
      <c r="GI5" s="429"/>
      <c r="GJ5" s="429"/>
      <c r="GK5" s="429"/>
      <c r="GL5" s="429"/>
      <c r="GM5" s="429"/>
      <c r="GN5" s="429"/>
      <c r="GO5" s="429"/>
      <c r="GP5" s="429"/>
      <c r="GQ5" s="429"/>
      <c r="GR5" s="430"/>
      <c r="GS5" s="431"/>
      <c r="GT5" s="432"/>
      <c r="GU5" s="432"/>
      <c r="GV5" s="432"/>
      <c r="GW5" s="432"/>
      <c r="GX5" s="432"/>
      <c r="GY5" s="432"/>
      <c r="GZ5" s="432"/>
      <c r="HA5" s="432"/>
      <c r="HB5" s="432"/>
      <c r="HC5" s="433"/>
      <c r="HD5" s="434" t="s">
        <v>97</v>
      </c>
      <c r="HE5" s="435"/>
      <c r="HF5" s="435"/>
      <c r="HG5" s="435"/>
      <c r="HH5" s="435"/>
      <c r="HI5" s="435"/>
      <c r="HJ5" s="435"/>
      <c r="HK5" s="435"/>
      <c r="HL5" s="435"/>
      <c r="HM5" s="435"/>
      <c r="HN5" s="436"/>
      <c r="HO5" s="434" t="s">
        <v>98</v>
      </c>
      <c r="HP5" s="435"/>
      <c r="HQ5" s="435"/>
      <c r="HR5" s="435"/>
      <c r="HS5" s="435"/>
      <c r="HT5" s="435"/>
      <c r="HU5" s="435"/>
      <c r="HV5" s="435"/>
      <c r="HW5" s="435"/>
      <c r="HX5" s="435"/>
      <c r="HY5" s="436"/>
      <c r="HZ5" s="434" t="s">
        <v>99</v>
      </c>
      <c r="IA5" s="435"/>
      <c r="IB5" s="435"/>
      <c r="IC5" s="435"/>
      <c r="ID5" s="435"/>
      <c r="IE5" s="435"/>
      <c r="IF5" s="435"/>
      <c r="IG5" s="435"/>
      <c r="IH5" s="435"/>
      <c r="II5" s="435"/>
      <c r="IJ5" s="436"/>
      <c r="IK5" s="434" t="s">
        <v>100</v>
      </c>
      <c r="IL5" s="435"/>
      <c r="IM5" s="435"/>
      <c r="IN5" s="435"/>
      <c r="IO5" s="435"/>
      <c r="IP5" s="435"/>
      <c r="IQ5" s="435"/>
      <c r="IR5" s="435"/>
      <c r="IS5" s="435"/>
      <c r="IT5" s="435"/>
      <c r="IU5" s="436"/>
      <c r="IV5" s="434" t="s">
        <v>162</v>
      </c>
      <c r="IW5" s="435"/>
      <c r="IX5" s="435"/>
      <c r="IY5" s="435"/>
      <c r="IZ5" s="435"/>
      <c r="JA5" s="435"/>
      <c r="JB5" s="435"/>
      <c r="JC5" s="435"/>
      <c r="JD5" s="435"/>
      <c r="JE5" s="435"/>
      <c r="JF5" s="436"/>
      <c r="JG5" s="434" t="s">
        <v>101</v>
      </c>
      <c r="JH5" s="435"/>
      <c r="JI5" s="435"/>
      <c r="JJ5" s="435"/>
      <c r="JK5" s="435"/>
      <c r="JL5" s="435"/>
      <c r="JM5" s="435"/>
      <c r="JN5" s="435"/>
      <c r="JO5" s="435"/>
      <c r="JP5" s="435"/>
      <c r="JQ5" s="436"/>
      <c r="JR5" s="428"/>
      <c r="JS5" s="429"/>
      <c r="JT5" s="429"/>
      <c r="JU5" s="429"/>
      <c r="JV5" s="429"/>
      <c r="JW5" s="429"/>
      <c r="JX5" s="429"/>
      <c r="JY5" s="429"/>
      <c r="JZ5" s="429"/>
      <c r="KA5" s="429"/>
      <c r="KB5" s="430"/>
      <c r="KC5" s="428"/>
      <c r="KD5" s="429"/>
      <c r="KE5" s="429"/>
      <c r="KF5" s="429"/>
      <c r="KG5" s="429"/>
      <c r="KH5" s="429"/>
      <c r="KI5" s="429"/>
      <c r="KJ5" s="429"/>
      <c r="KK5" s="429"/>
      <c r="KL5" s="429"/>
      <c r="KM5" s="430"/>
    </row>
    <row r="6" spans="2:299" ht="30" customHeight="1" thickBot="1" x14ac:dyDescent="0.25">
      <c r="B6" s="72" t="s">
        <v>42</v>
      </c>
      <c r="C6" s="73" t="s">
        <v>43</v>
      </c>
      <c r="D6" s="74" t="s">
        <v>44</v>
      </c>
      <c r="E6" s="75" t="s">
        <v>45</v>
      </c>
      <c r="F6" s="76" t="s">
        <v>46</v>
      </c>
      <c r="G6" s="74" t="s">
        <v>47</v>
      </c>
      <c r="H6" s="74" t="s">
        <v>48</v>
      </c>
      <c r="I6" s="74" t="s">
        <v>49</v>
      </c>
      <c r="J6" s="74" t="s">
        <v>50</v>
      </c>
      <c r="K6" s="74" t="s">
        <v>51</v>
      </c>
      <c r="L6" s="75" t="s">
        <v>45</v>
      </c>
      <c r="M6" s="77" t="s">
        <v>52</v>
      </c>
      <c r="N6" s="78" t="s">
        <v>43</v>
      </c>
      <c r="O6" s="79" t="s">
        <v>44</v>
      </c>
      <c r="P6" s="80" t="s">
        <v>45</v>
      </c>
      <c r="Q6" s="81" t="s">
        <v>46</v>
      </c>
      <c r="R6" s="79" t="s">
        <v>47</v>
      </c>
      <c r="S6" s="79" t="s">
        <v>48</v>
      </c>
      <c r="T6" s="79" t="s">
        <v>49</v>
      </c>
      <c r="U6" s="79" t="s">
        <v>50</v>
      </c>
      <c r="V6" s="79" t="s">
        <v>51</v>
      </c>
      <c r="W6" s="80" t="s">
        <v>45</v>
      </c>
      <c r="X6" s="82" t="s">
        <v>52</v>
      </c>
      <c r="Y6" s="78" t="s">
        <v>43</v>
      </c>
      <c r="Z6" s="79" t="s">
        <v>44</v>
      </c>
      <c r="AA6" s="80" t="s">
        <v>45</v>
      </c>
      <c r="AB6" s="81" t="s">
        <v>46</v>
      </c>
      <c r="AC6" s="79" t="s">
        <v>47</v>
      </c>
      <c r="AD6" s="79" t="s">
        <v>48</v>
      </c>
      <c r="AE6" s="79" t="s">
        <v>49</v>
      </c>
      <c r="AF6" s="79" t="s">
        <v>50</v>
      </c>
      <c r="AG6" s="79" t="s">
        <v>51</v>
      </c>
      <c r="AH6" s="80" t="s">
        <v>45</v>
      </c>
      <c r="AI6" s="83" t="s">
        <v>52</v>
      </c>
      <c r="AJ6" s="78" t="s">
        <v>43</v>
      </c>
      <c r="AK6" s="79" t="s">
        <v>44</v>
      </c>
      <c r="AL6" s="80" t="s">
        <v>45</v>
      </c>
      <c r="AM6" s="81" t="s">
        <v>46</v>
      </c>
      <c r="AN6" s="79" t="s">
        <v>47</v>
      </c>
      <c r="AO6" s="79" t="s">
        <v>48</v>
      </c>
      <c r="AP6" s="79" t="s">
        <v>49</v>
      </c>
      <c r="AQ6" s="79" t="s">
        <v>50</v>
      </c>
      <c r="AR6" s="79" t="s">
        <v>51</v>
      </c>
      <c r="AS6" s="80" t="s">
        <v>45</v>
      </c>
      <c r="AT6" s="83" t="s">
        <v>52</v>
      </c>
      <c r="AU6" s="78" t="s">
        <v>43</v>
      </c>
      <c r="AV6" s="79" t="s">
        <v>44</v>
      </c>
      <c r="AW6" s="80" t="s">
        <v>45</v>
      </c>
      <c r="AX6" s="81" t="s">
        <v>46</v>
      </c>
      <c r="AY6" s="79" t="s">
        <v>47</v>
      </c>
      <c r="AZ6" s="79" t="s">
        <v>48</v>
      </c>
      <c r="BA6" s="79" t="s">
        <v>49</v>
      </c>
      <c r="BB6" s="79" t="s">
        <v>50</v>
      </c>
      <c r="BC6" s="79" t="s">
        <v>51</v>
      </c>
      <c r="BD6" s="80" t="s">
        <v>45</v>
      </c>
      <c r="BE6" s="83" t="s">
        <v>52</v>
      </c>
      <c r="BF6" s="78" t="s">
        <v>43</v>
      </c>
      <c r="BG6" s="79" t="s">
        <v>44</v>
      </c>
      <c r="BH6" s="80" t="s">
        <v>45</v>
      </c>
      <c r="BI6" s="81" t="s">
        <v>46</v>
      </c>
      <c r="BJ6" s="79" t="s">
        <v>47</v>
      </c>
      <c r="BK6" s="79" t="s">
        <v>48</v>
      </c>
      <c r="BL6" s="79" t="s">
        <v>49</v>
      </c>
      <c r="BM6" s="79" t="s">
        <v>50</v>
      </c>
      <c r="BN6" s="79" t="s">
        <v>51</v>
      </c>
      <c r="BO6" s="80" t="s">
        <v>45</v>
      </c>
      <c r="BP6" s="83" t="s">
        <v>52</v>
      </c>
      <c r="BQ6" s="78" t="s">
        <v>43</v>
      </c>
      <c r="BR6" s="79" t="s">
        <v>44</v>
      </c>
      <c r="BS6" s="80" t="s">
        <v>45</v>
      </c>
      <c r="BT6" s="81" t="s">
        <v>46</v>
      </c>
      <c r="BU6" s="79" t="s">
        <v>47</v>
      </c>
      <c r="BV6" s="79" t="s">
        <v>48</v>
      </c>
      <c r="BW6" s="79" t="s">
        <v>49</v>
      </c>
      <c r="BX6" s="79" t="s">
        <v>50</v>
      </c>
      <c r="BY6" s="79" t="s">
        <v>51</v>
      </c>
      <c r="BZ6" s="80" t="s">
        <v>45</v>
      </c>
      <c r="CA6" s="83" t="s">
        <v>52</v>
      </c>
      <c r="CB6" s="78" t="s">
        <v>43</v>
      </c>
      <c r="CC6" s="79" t="s">
        <v>44</v>
      </c>
      <c r="CD6" s="80" t="s">
        <v>45</v>
      </c>
      <c r="CE6" s="81" t="s">
        <v>46</v>
      </c>
      <c r="CF6" s="79" t="s">
        <v>47</v>
      </c>
      <c r="CG6" s="79" t="s">
        <v>48</v>
      </c>
      <c r="CH6" s="79" t="s">
        <v>49</v>
      </c>
      <c r="CI6" s="79" t="s">
        <v>50</v>
      </c>
      <c r="CJ6" s="79" t="s">
        <v>51</v>
      </c>
      <c r="CK6" s="80" t="s">
        <v>45</v>
      </c>
      <c r="CL6" s="83" t="s">
        <v>52</v>
      </c>
      <c r="CM6" s="78" t="s">
        <v>43</v>
      </c>
      <c r="CN6" s="79" t="s">
        <v>44</v>
      </c>
      <c r="CO6" s="80" t="s">
        <v>45</v>
      </c>
      <c r="CP6" s="81" t="s">
        <v>46</v>
      </c>
      <c r="CQ6" s="79" t="s">
        <v>47</v>
      </c>
      <c r="CR6" s="79" t="s">
        <v>48</v>
      </c>
      <c r="CS6" s="79" t="s">
        <v>49</v>
      </c>
      <c r="CT6" s="79" t="s">
        <v>50</v>
      </c>
      <c r="CU6" s="79" t="s">
        <v>51</v>
      </c>
      <c r="CV6" s="80" t="s">
        <v>45</v>
      </c>
      <c r="CW6" s="83" t="s">
        <v>52</v>
      </c>
      <c r="CX6" s="73" t="s">
        <v>43</v>
      </c>
      <c r="CY6" s="74" t="s">
        <v>44</v>
      </c>
      <c r="CZ6" s="75" t="s">
        <v>45</v>
      </c>
      <c r="DA6" s="76" t="s">
        <v>46</v>
      </c>
      <c r="DB6" s="74" t="s">
        <v>47</v>
      </c>
      <c r="DC6" s="74" t="s">
        <v>48</v>
      </c>
      <c r="DD6" s="74" t="s">
        <v>49</v>
      </c>
      <c r="DE6" s="74" t="s">
        <v>50</v>
      </c>
      <c r="DF6" s="74" t="s">
        <v>51</v>
      </c>
      <c r="DG6" s="75" t="s">
        <v>45</v>
      </c>
      <c r="DH6" s="77" t="s">
        <v>52</v>
      </c>
      <c r="DI6" s="78" t="s">
        <v>43</v>
      </c>
      <c r="DJ6" s="79" t="s">
        <v>44</v>
      </c>
      <c r="DK6" s="80" t="s">
        <v>45</v>
      </c>
      <c r="DL6" s="81" t="s">
        <v>46</v>
      </c>
      <c r="DM6" s="79" t="s">
        <v>47</v>
      </c>
      <c r="DN6" s="79" t="s">
        <v>48</v>
      </c>
      <c r="DO6" s="79" t="s">
        <v>49</v>
      </c>
      <c r="DP6" s="79" t="s">
        <v>50</v>
      </c>
      <c r="DQ6" s="79" t="s">
        <v>51</v>
      </c>
      <c r="DR6" s="80" t="s">
        <v>45</v>
      </c>
      <c r="DS6" s="83" t="s">
        <v>52</v>
      </c>
      <c r="DT6" s="78" t="s">
        <v>43</v>
      </c>
      <c r="DU6" s="79" t="s">
        <v>44</v>
      </c>
      <c r="DV6" s="80" t="s">
        <v>45</v>
      </c>
      <c r="DW6" s="81" t="s">
        <v>46</v>
      </c>
      <c r="DX6" s="79" t="s">
        <v>47</v>
      </c>
      <c r="DY6" s="79" t="s">
        <v>48</v>
      </c>
      <c r="DZ6" s="79" t="s">
        <v>49</v>
      </c>
      <c r="EA6" s="79" t="s">
        <v>50</v>
      </c>
      <c r="EB6" s="79" t="s">
        <v>51</v>
      </c>
      <c r="EC6" s="80" t="s">
        <v>45</v>
      </c>
      <c r="ED6" s="83" t="s">
        <v>52</v>
      </c>
      <c r="EE6" s="78" t="s">
        <v>43</v>
      </c>
      <c r="EF6" s="79" t="s">
        <v>44</v>
      </c>
      <c r="EG6" s="80" t="s">
        <v>45</v>
      </c>
      <c r="EH6" s="81" t="s">
        <v>46</v>
      </c>
      <c r="EI6" s="79" t="s">
        <v>47</v>
      </c>
      <c r="EJ6" s="79" t="s">
        <v>48</v>
      </c>
      <c r="EK6" s="79" t="s">
        <v>49</v>
      </c>
      <c r="EL6" s="79" t="s">
        <v>50</v>
      </c>
      <c r="EM6" s="79" t="s">
        <v>51</v>
      </c>
      <c r="EN6" s="80" t="s">
        <v>45</v>
      </c>
      <c r="EO6" s="83" t="s">
        <v>52</v>
      </c>
      <c r="EP6" s="78" t="s">
        <v>43</v>
      </c>
      <c r="EQ6" s="79" t="s">
        <v>44</v>
      </c>
      <c r="ER6" s="80" t="s">
        <v>45</v>
      </c>
      <c r="ES6" s="81" t="s">
        <v>46</v>
      </c>
      <c r="ET6" s="79" t="s">
        <v>47</v>
      </c>
      <c r="EU6" s="79" t="s">
        <v>48</v>
      </c>
      <c r="EV6" s="79" t="s">
        <v>49</v>
      </c>
      <c r="EW6" s="79" t="s">
        <v>50</v>
      </c>
      <c r="EX6" s="79" t="s">
        <v>51</v>
      </c>
      <c r="EY6" s="80" t="s">
        <v>45</v>
      </c>
      <c r="EZ6" s="83" t="s">
        <v>52</v>
      </c>
      <c r="FA6" s="78" t="s">
        <v>43</v>
      </c>
      <c r="FB6" s="79" t="s">
        <v>44</v>
      </c>
      <c r="FC6" s="80" t="s">
        <v>45</v>
      </c>
      <c r="FD6" s="81" t="s">
        <v>46</v>
      </c>
      <c r="FE6" s="79" t="s">
        <v>47</v>
      </c>
      <c r="FF6" s="79" t="s">
        <v>48</v>
      </c>
      <c r="FG6" s="79" t="s">
        <v>49</v>
      </c>
      <c r="FH6" s="79" t="s">
        <v>50</v>
      </c>
      <c r="FI6" s="79" t="s">
        <v>51</v>
      </c>
      <c r="FJ6" s="80" t="s">
        <v>45</v>
      </c>
      <c r="FK6" s="83" t="s">
        <v>52</v>
      </c>
      <c r="FL6" s="78" t="s">
        <v>43</v>
      </c>
      <c r="FM6" s="79" t="s">
        <v>44</v>
      </c>
      <c r="FN6" s="80" t="s">
        <v>45</v>
      </c>
      <c r="FO6" s="81" t="s">
        <v>46</v>
      </c>
      <c r="FP6" s="79" t="s">
        <v>47</v>
      </c>
      <c r="FQ6" s="79" t="s">
        <v>48</v>
      </c>
      <c r="FR6" s="79" t="s">
        <v>49</v>
      </c>
      <c r="FS6" s="79" t="s">
        <v>50</v>
      </c>
      <c r="FT6" s="79" t="s">
        <v>51</v>
      </c>
      <c r="FU6" s="80" t="s">
        <v>45</v>
      </c>
      <c r="FV6" s="83" t="s">
        <v>52</v>
      </c>
      <c r="FW6" s="78" t="s">
        <v>43</v>
      </c>
      <c r="FX6" s="79" t="s">
        <v>44</v>
      </c>
      <c r="FY6" s="80" t="s">
        <v>45</v>
      </c>
      <c r="FZ6" s="81" t="s">
        <v>46</v>
      </c>
      <c r="GA6" s="79" t="s">
        <v>47</v>
      </c>
      <c r="GB6" s="79" t="s">
        <v>48</v>
      </c>
      <c r="GC6" s="79" t="s">
        <v>49</v>
      </c>
      <c r="GD6" s="79" t="s">
        <v>50</v>
      </c>
      <c r="GE6" s="79" t="s">
        <v>51</v>
      </c>
      <c r="GF6" s="80" t="s">
        <v>45</v>
      </c>
      <c r="GG6" s="83" t="s">
        <v>52</v>
      </c>
      <c r="GH6" s="78" t="s">
        <v>43</v>
      </c>
      <c r="GI6" s="79" t="s">
        <v>44</v>
      </c>
      <c r="GJ6" s="80" t="s">
        <v>45</v>
      </c>
      <c r="GK6" s="81" t="s">
        <v>46</v>
      </c>
      <c r="GL6" s="79" t="s">
        <v>47</v>
      </c>
      <c r="GM6" s="79" t="s">
        <v>48</v>
      </c>
      <c r="GN6" s="79" t="s">
        <v>49</v>
      </c>
      <c r="GO6" s="79" t="s">
        <v>50</v>
      </c>
      <c r="GP6" s="79" t="s">
        <v>51</v>
      </c>
      <c r="GQ6" s="80" t="s">
        <v>45</v>
      </c>
      <c r="GR6" s="83" t="s">
        <v>52</v>
      </c>
      <c r="GS6" s="73" t="s">
        <v>43</v>
      </c>
      <c r="GT6" s="74" t="s">
        <v>44</v>
      </c>
      <c r="GU6" s="75" t="s">
        <v>45</v>
      </c>
      <c r="GV6" s="76" t="s">
        <v>46</v>
      </c>
      <c r="GW6" s="74" t="s">
        <v>47</v>
      </c>
      <c r="GX6" s="74" t="s">
        <v>48</v>
      </c>
      <c r="GY6" s="74" t="s">
        <v>49</v>
      </c>
      <c r="GZ6" s="74" t="s">
        <v>50</v>
      </c>
      <c r="HA6" s="74" t="s">
        <v>51</v>
      </c>
      <c r="HB6" s="75" t="s">
        <v>45</v>
      </c>
      <c r="HC6" s="77" t="s">
        <v>52</v>
      </c>
      <c r="HD6" s="78" t="s">
        <v>43</v>
      </c>
      <c r="HE6" s="79" t="s">
        <v>44</v>
      </c>
      <c r="HF6" s="80" t="s">
        <v>45</v>
      </c>
      <c r="HG6" s="81" t="s">
        <v>46</v>
      </c>
      <c r="HH6" s="79" t="s">
        <v>47</v>
      </c>
      <c r="HI6" s="79" t="s">
        <v>48</v>
      </c>
      <c r="HJ6" s="79" t="s">
        <v>49</v>
      </c>
      <c r="HK6" s="79" t="s">
        <v>50</v>
      </c>
      <c r="HL6" s="79" t="s">
        <v>51</v>
      </c>
      <c r="HM6" s="80" t="s">
        <v>45</v>
      </c>
      <c r="HN6" s="83" t="s">
        <v>52</v>
      </c>
      <c r="HO6" s="78" t="s">
        <v>43</v>
      </c>
      <c r="HP6" s="79" t="s">
        <v>44</v>
      </c>
      <c r="HQ6" s="80" t="s">
        <v>45</v>
      </c>
      <c r="HR6" s="81" t="s">
        <v>46</v>
      </c>
      <c r="HS6" s="79" t="s">
        <v>47</v>
      </c>
      <c r="HT6" s="79" t="s">
        <v>48</v>
      </c>
      <c r="HU6" s="79" t="s">
        <v>49</v>
      </c>
      <c r="HV6" s="79" t="s">
        <v>50</v>
      </c>
      <c r="HW6" s="79" t="s">
        <v>51</v>
      </c>
      <c r="HX6" s="80" t="s">
        <v>45</v>
      </c>
      <c r="HY6" s="83" t="s">
        <v>52</v>
      </c>
      <c r="HZ6" s="78" t="s">
        <v>43</v>
      </c>
      <c r="IA6" s="79" t="s">
        <v>44</v>
      </c>
      <c r="IB6" s="80" t="s">
        <v>45</v>
      </c>
      <c r="IC6" s="81" t="s">
        <v>46</v>
      </c>
      <c r="ID6" s="79" t="s">
        <v>47</v>
      </c>
      <c r="IE6" s="79" t="s">
        <v>48</v>
      </c>
      <c r="IF6" s="79" t="s">
        <v>49</v>
      </c>
      <c r="IG6" s="79" t="s">
        <v>50</v>
      </c>
      <c r="IH6" s="79" t="s">
        <v>51</v>
      </c>
      <c r="II6" s="80" t="s">
        <v>45</v>
      </c>
      <c r="IJ6" s="83" t="s">
        <v>52</v>
      </c>
      <c r="IK6" s="78" t="s">
        <v>43</v>
      </c>
      <c r="IL6" s="79" t="s">
        <v>44</v>
      </c>
      <c r="IM6" s="80" t="s">
        <v>45</v>
      </c>
      <c r="IN6" s="81" t="s">
        <v>46</v>
      </c>
      <c r="IO6" s="79" t="s">
        <v>47</v>
      </c>
      <c r="IP6" s="79" t="s">
        <v>48</v>
      </c>
      <c r="IQ6" s="79" t="s">
        <v>49</v>
      </c>
      <c r="IR6" s="79" t="s">
        <v>50</v>
      </c>
      <c r="IS6" s="79" t="s">
        <v>51</v>
      </c>
      <c r="IT6" s="80" t="s">
        <v>45</v>
      </c>
      <c r="IU6" s="83" t="s">
        <v>52</v>
      </c>
      <c r="IV6" s="78" t="s">
        <v>43</v>
      </c>
      <c r="IW6" s="79" t="s">
        <v>44</v>
      </c>
      <c r="IX6" s="80" t="s">
        <v>45</v>
      </c>
      <c r="IY6" s="81" t="s">
        <v>46</v>
      </c>
      <c r="IZ6" s="79" t="s">
        <v>47</v>
      </c>
      <c r="JA6" s="79" t="s">
        <v>48</v>
      </c>
      <c r="JB6" s="79" t="s">
        <v>49</v>
      </c>
      <c r="JC6" s="79" t="s">
        <v>50</v>
      </c>
      <c r="JD6" s="79" t="s">
        <v>51</v>
      </c>
      <c r="JE6" s="80" t="s">
        <v>45</v>
      </c>
      <c r="JF6" s="83" t="s">
        <v>52</v>
      </c>
      <c r="JG6" s="78" t="s">
        <v>43</v>
      </c>
      <c r="JH6" s="79" t="s">
        <v>44</v>
      </c>
      <c r="JI6" s="80" t="s">
        <v>45</v>
      </c>
      <c r="JJ6" s="81" t="s">
        <v>46</v>
      </c>
      <c r="JK6" s="79" t="s">
        <v>47</v>
      </c>
      <c r="JL6" s="79" t="s">
        <v>48</v>
      </c>
      <c r="JM6" s="79" t="s">
        <v>49</v>
      </c>
      <c r="JN6" s="79" t="s">
        <v>50</v>
      </c>
      <c r="JO6" s="79" t="s">
        <v>51</v>
      </c>
      <c r="JP6" s="80" t="s">
        <v>45</v>
      </c>
      <c r="JQ6" s="83" t="s">
        <v>52</v>
      </c>
      <c r="JR6" s="78" t="s">
        <v>43</v>
      </c>
      <c r="JS6" s="79" t="s">
        <v>44</v>
      </c>
      <c r="JT6" s="80" t="s">
        <v>45</v>
      </c>
      <c r="JU6" s="81" t="s">
        <v>46</v>
      </c>
      <c r="JV6" s="79" t="s">
        <v>47</v>
      </c>
      <c r="JW6" s="79" t="s">
        <v>48</v>
      </c>
      <c r="JX6" s="79" t="s">
        <v>49</v>
      </c>
      <c r="JY6" s="79" t="s">
        <v>50</v>
      </c>
      <c r="JZ6" s="79" t="s">
        <v>51</v>
      </c>
      <c r="KA6" s="80" t="s">
        <v>45</v>
      </c>
      <c r="KB6" s="83" t="s">
        <v>52</v>
      </c>
      <c r="KC6" s="78" t="s">
        <v>43</v>
      </c>
      <c r="KD6" s="79" t="s">
        <v>44</v>
      </c>
      <c r="KE6" s="80" t="s">
        <v>45</v>
      </c>
      <c r="KF6" s="81" t="s">
        <v>46</v>
      </c>
      <c r="KG6" s="79" t="s">
        <v>47</v>
      </c>
      <c r="KH6" s="79" t="s">
        <v>48</v>
      </c>
      <c r="KI6" s="79" t="s">
        <v>49</v>
      </c>
      <c r="KJ6" s="79" t="s">
        <v>50</v>
      </c>
      <c r="KK6" s="79" t="s">
        <v>51</v>
      </c>
      <c r="KL6" s="80" t="s">
        <v>45</v>
      </c>
      <c r="KM6" s="83" t="s">
        <v>52</v>
      </c>
    </row>
    <row r="7" spans="2:299" s="70" customFormat="1" ht="21" customHeight="1" x14ac:dyDescent="0.2">
      <c r="B7" s="84" t="s">
        <v>4</v>
      </c>
      <c r="C7" s="85">
        <v>3587</v>
      </c>
      <c r="D7" s="86">
        <v>3620</v>
      </c>
      <c r="E7" s="87">
        <v>7207</v>
      </c>
      <c r="F7" s="412">
        <v>0</v>
      </c>
      <c r="G7" s="86">
        <v>4594</v>
      </c>
      <c r="H7" s="86">
        <v>4309</v>
      </c>
      <c r="I7" s="86">
        <v>2589</v>
      </c>
      <c r="J7" s="86">
        <v>2169</v>
      </c>
      <c r="K7" s="86">
        <v>1404</v>
      </c>
      <c r="L7" s="88">
        <v>15065</v>
      </c>
      <c r="M7" s="89">
        <v>22272</v>
      </c>
      <c r="N7" s="90">
        <v>112</v>
      </c>
      <c r="O7" s="91">
        <v>157</v>
      </c>
      <c r="P7" s="92">
        <v>269</v>
      </c>
      <c r="Q7" s="412">
        <v>0</v>
      </c>
      <c r="R7" s="91">
        <v>128</v>
      </c>
      <c r="S7" s="91">
        <v>142</v>
      </c>
      <c r="T7" s="91">
        <v>84</v>
      </c>
      <c r="U7" s="91">
        <v>87</v>
      </c>
      <c r="V7" s="91">
        <v>64</v>
      </c>
      <c r="W7" s="92">
        <v>505</v>
      </c>
      <c r="X7" s="93">
        <v>774</v>
      </c>
      <c r="Y7" s="90">
        <v>232</v>
      </c>
      <c r="Z7" s="91">
        <v>263</v>
      </c>
      <c r="AA7" s="92">
        <v>495</v>
      </c>
      <c r="AB7" s="412">
        <v>0</v>
      </c>
      <c r="AC7" s="91">
        <v>259</v>
      </c>
      <c r="AD7" s="91">
        <v>310</v>
      </c>
      <c r="AE7" s="91">
        <v>172</v>
      </c>
      <c r="AF7" s="91">
        <v>172</v>
      </c>
      <c r="AG7" s="91">
        <v>120</v>
      </c>
      <c r="AH7" s="92">
        <v>1033</v>
      </c>
      <c r="AI7" s="93">
        <v>1528</v>
      </c>
      <c r="AJ7" s="90">
        <v>412</v>
      </c>
      <c r="AK7" s="91">
        <v>444</v>
      </c>
      <c r="AL7" s="92">
        <v>856</v>
      </c>
      <c r="AM7" s="412">
        <v>0</v>
      </c>
      <c r="AN7" s="91">
        <v>521</v>
      </c>
      <c r="AO7" s="91">
        <v>465</v>
      </c>
      <c r="AP7" s="91">
        <v>287</v>
      </c>
      <c r="AQ7" s="91">
        <v>259</v>
      </c>
      <c r="AR7" s="91">
        <v>201</v>
      </c>
      <c r="AS7" s="92">
        <v>1733</v>
      </c>
      <c r="AT7" s="93">
        <v>2589</v>
      </c>
      <c r="AU7" s="90">
        <v>813</v>
      </c>
      <c r="AV7" s="91">
        <v>785</v>
      </c>
      <c r="AW7" s="92">
        <v>1598</v>
      </c>
      <c r="AX7" s="412">
        <v>0</v>
      </c>
      <c r="AY7" s="91">
        <v>1021</v>
      </c>
      <c r="AZ7" s="91">
        <v>902</v>
      </c>
      <c r="BA7" s="91">
        <v>480</v>
      </c>
      <c r="BB7" s="91">
        <v>437</v>
      </c>
      <c r="BC7" s="91">
        <v>288</v>
      </c>
      <c r="BD7" s="92">
        <v>3128</v>
      </c>
      <c r="BE7" s="93">
        <v>4726</v>
      </c>
      <c r="BF7" s="90">
        <v>1167</v>
      </c>
      <c r="BG7" s="91">
        <v>1028</v>
      </c>
      <c r="BH7" s="92">
        <v>2195</v>
      </c>
      <c r="BI7" s="412">
        <v>0</v>
      </c>
      <c r="BJ7" s="91">
        <v>1374</v>
      </c>
      <c r="BK7" s="91">
        <v>1190</v>
      </c>
      <c r="BL7" s="91">
        <v>716</v>
      </c>
      <c r="BM7" s="91">
        <v>549</v>
      </c>
      <c r="BN7" s="91">
        <v>354</v>
      </c>
      <c r="BO7" s="92">
        <v>4183</v>
      </c>
      <c r="BP7" s="93">
        <v>6378</v>
      </c>
      <c r="BQ7" s="90">
        <v>851</v>
      </c>
      <c r="BR7" s="91">
        <v>943</v>
      </c>
      <c r="BS7" s="92">
        <v>1794</v>
      </c>
      <c r="BT7" s="412">
        <v>0</v>
      </c>
      <c r="BU7" s="91">
        <v>1291</v>
      </c>
      <c r="BV7" s="91">
        <v>1300</v>
      </c>
      <c r="BW7" s="91">
        <v>850</v>
      </c>
      <c r="BX7" s="91">
        <v>665</v>
      </c>
      <c r="BY7" s="91">
        <v>377</v>
      </c>
      <c r="BZ7" s="92">
        <v>4483</v>
      </c>
      <c r="CA7" s="93">
        <v>6277</v>
      </c>
      <c r="CB7" s="90">
        <v>0</v>
      </c>
      <c r="CC7" s="91">
        <v>0</v>
      </c>
      <c r="CD7" s="92">
        <v>0</v>
      </c>
      <c r="CE7" s="412">
        <v>0</v>
      </c>
      <c r="CF7" s="91">
        <v>0</v>
      </c>
      <c r="CG7" s="91">
        <v>0</v>
      </c>
      <c r="CH7" s="91">
        <v>0</v>
      </c>
      <c r="CI7" s="91">
        <v>0</v>
      </c>
      <c r="CJ7" s="91">
        <v>0</v>
      </c>
      <c r="CK7" s="92">
        <v>0</v>
      </c>
      <c r="CL7" s="93">
        <v>0</v>
      </c>
      <c r="CM7" s="90">
        <v>3587</v>
      </c>
      <c r="CN7" s="91">
        <v>3620</v>
      </c>
      <c r="CO7" s="92">
        <v>7207</v>
      </c>
      <c r="CP7" s="412">
        <v>0</v>
      </c>
      <c r="CQ7" s="91">
        <v>4594</v>
      </c>
      <c r="CR7" s="91">
        <v>4309</v>
      </c>
      <c r="CS7" s="91">
        <v>2589</v>
      </c>
      <c r="CT7" s="91">
        <v>2169</v>
      </c>
      <c r="CU7" s="91">
        <v>1404</v>
      </c>
      <c r="CV7" s="92">
        <v>15065</v>
      </c>
      <c r="CW7" s="93">
        <v>22272</v>
      </c>
      <c r="CX7" s="94">
        <v>1296</v>
      </c>
      <c r="CY7" s="86">
        <v>1572</v>
      </c>
      <c r="CZ7" s="87">
        <v>2868</v>
      </c>
      <c r="DA7" s="412">
        <v>0</v>
      </c>
      <c r="DB7" s="86">
        <v>1836</v>
      </c>
      <c r="DC7" s="86">
        <v>1772</v>
      </c>
      <c r="DD7" s="86">
        <v>1092</v>
      </c>
      <c r="DE7" s="86">
        <v>1133</v>
      </c>
      <c r="DF7" s="86">
        <v>733</v>
      </c>
      <c r="DG7" s="88">
        <v>6566</v>
      </c>
      <c r="DH7" s="89">
        <v>9434</v>
      </c>
      <c r="DI7" s="90">
        <v>33</v>
      </c>
      <c r="DJ7" s="91">
        <v>41</v>
      </c>
      <c r="DK7" s="92">
        <v>74</v>
      </c>
      <c r="DL7" s="412">
        <v>0</v>
      </c>
      <c r="DM7" s="91">
        <v>25</v>
      </c>
      <c r="DN7" s="91">
        <v>40</v>
      </c>
      <c r="DO7" s="91">
        <v>16</v>
      </c>
      <c r="DP7" s="91">
        <v>24</v>
      </c>
      <c r="DQ7" s="91">
        <v>14</v>
      </c>
      <c r="DR7" s="92">
        <v>119</v>
      </c>
      <c r="DS7" s="93">
        <v>193</v>
      </c>
      <c r="DT7" s="90">
        <v>79</v>
      </c>
      <c r="DU7" s="91">
        <v>97</v>
      </c>
      <c r="DV7" s="92">
        <v>176</v>
      </c>
      <c r="DW7" s="412">
        <v>0</v>
      </c>
      <c r="DX7" s="91">
        <v>75</v>
      </c>
      <c r="DY7" s="91">
        <v>80</v>
      </c>
      <c r="DZ7" s="91">
        <v>47</v>
      </c>
      <c r="EA7" s="91">
        <v>39</v>
      </c>
      <c r="EB7" s="91">
        <v>32</v>
      </c>
      <c r="EC7" s="92">
        <v>273</v>
      </c>
      <c r="ED7" s="93">
        <v>449</v>
      </c>
      <c r="EE7" s="90">
        <v>202</v>
      </c>
      <c r="EF7" s="91">
        <v>229</v>
      </c>
      <c r="EG7" s="92">
        <v>431</v>
      </c>
      <c r="EH7" s="412">
        <v>0</v>
      </c>
      <c r="EI7" s="91">
        <v>213</v>
      </c>
      <c r="EJ7" s="91">
        <v>179</v>
      </c>
      <c r="EK7" s="91">
        <v>79</v>
      </c>
      <c r="EL7" s="91">
        <v>67</v>
      </c>
      <c r="EM7" s="91">
        <v>71</v>
      </c>
      <c r="EN7" s="92">
        <v>609</v>
      </c>
      <c r="EO7" s="93">
        <v>1040</v>
      </c>
      <c r="EP7" s="90">
        <v>387</v>
      </c>
      <c r="EQ7" s="91">
        <v>383</v>
      </c>
      <c r="ER7" s="92">
        <v>770</v>
      </c>
      <c r="ES7" s="412">
        <v>0</v>
      </c>
      <c r="ET7" s="91">
        <v>372</v>
      </c>
      <c r="EU7" s="91">
        <v>315</v>
      </c>
      <c r="EV7" s="91">
        <v>163</v>
      </c>
      <c r="EW7" s="91">
        <v>163</v>
      </c>
      <c r="EX7" s="91">
        <v>102</v>
      </c>
      <c r="EY7" s="92">
        <v>1115</v>
      </c>
      <c r="EZ7" s="93">
        <v>1885</v>
      </c>
      <c r="FA7" s="90">
        <v>351</v>
      </c>
      <c r="FB7" s="91">
        <v>465</v>
      </c>
      <c r="FC7" s="92">
        <v>816</v>
      </c>
      <c r="FD7" s="412">
        <v>0</v>
      </c>
      <c r="FE7" s="91">
        <v>566</v>
      </c>
      <c r="FF7" s="91">
        <v>485</v>
      </c>
      <c r="FG7" s="91">
        <v>258</v>
      </c>
      <c r="FH7" s="91">
        <v>272</v>
      </c>
      <c r="FI7" s="91">
        <v>182</v>
      </c>
      <c r="FJ7" s="92">
        <v>1763</v>
      </c>
      <c r="FK7" s="93">
        <v>2579</v>
      </c>
      <c r="FL7" s="90">
        <v>244</v>
      </c>
      <c r="FM7" s="91">
        <v>357</v>
      </c>
      <c r="FN7" s="92">
        <v>601</v>
      </c>
      <c r="FO7" s="412">
        <v>0</v>
      </c>
      <c r="FP7" s="91">
        <v>585</v>
      </c>
      <c r="FQ7" s="91">
        <v>673</v>
      </c>
      <c r="FR7" s="91">
        <v>529</v>
      </c>
      <c r="FS7" s="91">
        <v>568</v>
      </c>
      <c r="FT7" s="91">
        <v>332</v>
      </c>
      <c r="FU7" s="92">
        <v>2687</v>
      </c>
      <c r="FV7" s="93">
        <v>3288</v>
      </c>
      <c r="FW7" s="90">
        <v>0</v>
      </c>
      <c r="FX7" s="91">
        <v>0</v>
      </c>
      <c r="FY7" s="92">
        <v>0</v>
      </c>
      <c r="FZ7" s="412">
        <v>0</v>
      </c>
      <c r="GA7" s="91">
        <v>0</v>
      </c>
      <c r="GB7" s="91">
        <v>0</v>
      </c>
      <c r="GC7" s="91">
        <v>0</v>
      </c>
      <c r="GD7" s="91">
        <v>0</v>
      </c>
      <c r="GE7" s="91">
        <v>0</v>
      </c>
      <c r="GF7" s="92">
        <v>0</v>
      </c>
      <c r="GG7" s="93">
        <v>0</v>
      </c>
      <c r="GH7" s="90">
        <v>1296</v>
      </c>
      <c r="GI7" s="91">
        <v>1572</v>
      </c>
      <c r="GJ7" s="92">
        <v>2868</v>
      </c>
      <c r="GK7" s="412">
        <v>0</v>
      </c>
      <c r="GL7" s="91">
        <v>1836</v>
      </c>
      <c r="GM7" s="91">
        <v>1772</v>
      </c>
      <c r="GN7" s="91">
        <v>1092</v>
      </c>
      <c r="GO7" s="91">
        <v>1133</v>
      </c>
      <c r="GP7" s="91">
        <v>733</v>
      </c>
      <c r="GQ7" s="92">
        <v>6566</v>
      </c>
      <c r="GR7" s="93">
        <v>9434</v>
      </c>
      <c r="GS7" s="94">
        <v>4883</v>
      </c>
      <c r="GT7" s="86">
        <v>5192</v>
      </c>
      <c r="GU7" s="87">
        <v>10075</v>
      </c>
      <c r="GV7" s="412">
        <v>0</v>
      </c>
      <c r="GW7" s="86">
        <v>6430</v>
      </c>
      <c r="GX7" s="86">
        <v>6081</v>
      </c>
      <c r="GY7" s="86">
        <v>3681</v>
      </c>
      <c r="GZ7" s="86">
        <v>3302</v>
      </c>
      <c r="HA7" s="86">
        <v>2137</v>
      </c>
      <c r="HB7" s="88">
        <v>21631</v>
      </c>
      <c r="HC7" s="89">
        <v>31706</v>
      </c>
      <c r="HD7" s="90">
        <v>145</v>
      </c>
      <c r="HE7" s="91">
        <v>198</v>
      </c>
      <c r="HF7" s="92">
        <v>343</v>
      </c>
      <c r="HG7" s="412">
        <v>0</v>
      </c>
      <c r="HH7" s="91">
        <v>153</v>
      </c>
      <c r="HI7" s="91">
        <v>182</v>
      </c>
      <c r="HJ7" s="91">
        <v>100</v>
      </c>
      <c r="HK7" s="91">
        <v>111</v>
      </c>
      <c r="HL7" s="91">
        <v>78</v>
      </c>
      <c r="HM7" s="92">
        <v>624</v>
      </c>
      <c r="HN7" s="93">
        <v>967</v>
      </c>
      <c r="HO7" s="90">
        <v>311</v>
      </c>
      <c r="HP7" s="91">
        <v>360</v>
      </c>
      <c r="HQ7" s="92">
        <v>671</v>
      </c>
      <c r="HR7" s="412">
        <v>0</v>
      </c>
      <c r="HS7" s="91">
        <v>334</v>
      </c>
      <c r="HT7" s="91">
        <v>390</v>
      </c>
      <c r="HU7" s="91">
        <v>219</v>
      </c>
      <c r="HV7" s="91">
        <v>211</v>
      </c>
      <c r="HW7" s="91">
        <v>152</v>
      </c>
      <c r="HX7" s="92">
        <v>1306</v>
      </c>
      <c r="HY7" s="93">
        <v>1977</v>
      </c>
      <c r="HZ7" s="90">
        <v>614</v>
      </c>
      <c r="IA7" s="91">
        <v>673</v>
      </c>
      <c r="IB7" s="92">
        <v>1287</v>
      </c>
      <c r="IC7" s="412">
        <v>0</v>
      </c>
      <c r="ID7" s="91">
        <v>734</v>
      </c>
      <c r="IE7" s="91">
        <v>644</v>
      </c>
      <c r="IF7" s="91">
        <v>366</v>
      </c>
      <c r="IG7" s="91">
        <v>326</v>
      </c>
      <c r="IH7" s="91">
        <v>272</v>
      </c>
      <c r="II7" s="92">
        <v>2342</v>
      </c>
      <c r="IJ7" s="93">
        <v>3629</v>
      </c>
      <c r="IK7" s="90">
        <v>1200</v>
      </c>
      <c r="IL7" s="91">
        <v>1168</v>
      </c>
      <c r="IM7" s="92">
        <v>2368</v>
      </c>
      <c r="IN7" s="412">
        <v>0</v>
      </c>
      <c r="IO7" s="91">
        <v>1393</v>
      </c>
      <c r="IP7" s="91">
        <v>1217</v>
      </c>
      <c r="IQ7" s="91">
        <v>643</v>
      </c>
      <c r="IR7" s="91">
        <v>600</v>
      </c>
      <c r="IS7" s="91">
        <v>390</v>
      </c>
      <c r="IT7" s="92">
        <v>4243</v>
      </c>
      <c r="IU7" s="93">
        <v>6611</v>
      </c>
      <c r="IV7" s="90">
        <v>1518</v>
      </c>
      <c r="IW7" s="91">
        <v>1493</v>
      </c>
      <c r="IX7" s="92">
        <v>3011</v>
      </c>
      <c r="IY7" s="412">
        <v>0</v>
      </c>
      <c r="IZ7" s="91">
        <v>1940</v>
      </c>
      <c r="JA7" s="91">
        <v>1675</v>
      </c>
      <c r="JB7" s="91">
        <v>974</v>
      </c>
      <c r="JC7" s="91">
        <v>821</v>
      </c>
      <c r="JD7" s="91">
        <v>536</v>
      </c>
      <c r="JE7" s="92">
        <v>5946</v>
      </c>
      <c r="JF7" s="93">
        <v>8957</v>
      </c>
      <c r="JG7" s="90">
        <v>1095</v>
      </c>
      <c r="JH7" s="91">
        <v>1300</v>
      </c>
      <c r="JI7" s="92">
        <v>2395</v>
      </c>
      <c r="JJ7" s="412">
        <v>0</v>
      </c>
      <c r="JK7" s="91">
        <v>1876</v>
      </c>
      <c r="JL7" s="91">
        <v>1973</v>
      </c>
      <c r="JM7" s="91">
        <v>1379</v>
      </c>
      <c r="JN7" s="91">
        <v>1233</v>
      </c>
      <c r="JO7" s="91">
        <v>709</v>
      </c>
      <c r="JP7" s="92">
        <v>7170</v>
      </c>
      <c r="JQ7" s="93">
        <v>9565</v>
      </c>
      <c r="JR7" s="90">
        <v>0</v>
      </c>
      <c r="JS7" s="91">
        <v>0</v>
      </c>
      <c r="JT7" s="92">
        <v>0</v>
      </c>
      <c r="JU7" s="412">
        <v>0</v>
      </c>
      <c r="JV7" s="91">
        <v>0</v>
      </c>
      <c r="JW7" s="91">
        <v>0</v>
      </c>
      <c r="JX7" s="91">
        <v>0</v>
      </c>
      <c r="JY7" s="91">
        <v>0</v>
      </c>
      <c r="JZ7" s="91">
        <v>0</v>
      </c>
      <c r="KA7" s="92">
        <v>0</v>
      </c>
      <c r="KB7" s="93">
        <v>0</v>
      </c>
      <c r="KC7" s="90">
        <v>4883</v>
      </c>
      <c r="KD7" s="91">
        <v>5192</v>
      </c>
      <c r="KE7" s="92">
        <v>10075</v>
      </c>
      <c r="KF7" s="412">
        <v>0</v>
      </c>
      <c r="KG7" s="91">
        <v>6430</v>
      </c>
      <c r="KH7" s="91">
        <v>6081</v>
      </c>
      <c r="KI7" s="91">
        <v>3681</v>
      </c>
      <c r="KJ7" s="91">
        <v>3302</v>
      </c>
      <c r="KK7" s="91">
        <v>2137</v>
      </c>
      <c r="KL7" s="92">
        <v>21631</v>
      </c>
      <c r="KM7" s="93">
        <v>31706</v>
      </c>
    </row>
    <row r="8" spans="2:299" s="70" customFormat="1" ht="21" customHeight="1" x14ac:dyDescent="0.2">
      <c r="B8" s="95" t="s">
        <v>5</v>
      </c>
      <c r="C8" s="96">
        <v>1545</v>
      </c>
      <c r="D8" s="97">
        <v>1893</v>
      </c>
      <c r="E8" s="98">
        <v>3438</v>
      </c>
      <c r="F8" s="413">
        <v>0</v>
      </c>
      <c r="G8" s="97">
        <v>1715</v>
      </c>
      <c r="H8" s="97">
        <v>2072</v>
      </c>
      <c r="I8" s="97">
        <v>1179</v>
      </c>
      <c r="J8" s="97">
        <v>986</v>
      </c>
      <c r="K8" s="97">
        <v>633</v>
      </c>
      <c r="L8" s="99">
        <v>6585</v>
      </c>
      <c r="M8" s="100">
        <v>10023</v>
      </c>
      <c r="N8" s="101">
        <v>35</v>
      </c>
      <c r="O8" s="102">
        <v>79</v>
      </c>
      <c r="P8" s="103">
        <v>114</v>
      </c>
      <c r="Q8" s="413">
        <v>0</v>
      </c>
      <c r="R8" s="102">
        <v>39</v>
      </c>
      <c r="S8" s="102">
        <v>69</v>
      </c>
      <c r="T8" s="102">
        <v>37</v>
      </c>
      <c r="U8" s="102">
        <v>44</v>
      </c>
      <c r="V8" s="102">
        <v>34</v>
      </c>
      <c r="W8" s="103">
        <v>223</v>
      </c>
      <c r="X8" s="104">
        <v>337</v>
      </c>
      <c r="Y8" s="101">
        <v>104</v>
      </c>
      <c r="Z8" s="102">
        <v>128</v>
      </c>
      <c r="AA8" s="103">
        <v>232</v>
      </c>
      <c r="AB8" s="413">
        <v>0</v>
      </c>
      <c r="AC8" s="102">
        <v>79</v>
      </c>
      <c r="AD8" s="102">
        <v>139</v>
      </c>
      <c r="AE8" s="102">
        <v>69</v>
      </c>
      <c r="AF8" s="102">
        <v>66</v>
      </c>
      <c r="AG8" s="102">
        <v>44</v>
      </c>
      <c r="AH8" s="103">
        <v>397</v>
      </c>
      <c r="AI8" s="104">
        <v>629</v>
      </c>
      <c r="AJ8" s="101">
        <v>159</v>
      </c>
      <c r="AK8" s="102">
        <v>228</v>
      </c>
      <c r="AL8" s="103">
        <v>387</v>
      </c>
      <c r="AM8" s="413">
        <v>0</v>
      </c>
      <c r="AN8" s="102">
        <v>172</v>
      </c>
      <c r="AO8" s="102">
        <v>219</v>
      </c>
      <c r="AP8" s="102">
        <v>115</v>
      </c>
      <c r="AQ8" s="102">
        <v>128</v>
      </c>
      <c r="AR8" s="102">
        <v>78</v>
      </c>
      <c r="AS8" s="103">
        <v>712</v>
      </c>
      <c r="AT8" s="104">
        <v>1099</v>
      </c>
      <c r="AU8" s="101">
        <v>349</v>
      </c>
      <c r="AV8" s="102">
        <v>417</v>
      </c>
      <c r="AW8" s="103">
        <v>766</v>
      </c>
      <c r="AX8" s="413">
        <v>0</v>
      </c>
      <c r="AY8" s="102">
        <v>350</v>
      </c>
      <c r="AZ8" s="102">
        <v>431</v>
      </c>
      <c r="BA8" s="102">
        <v>206</v>
      </c>
      <c r="BB8" s="102">
        <v>194</v>
      </c>
      <c r="BC8" s="102">
        <v>121</v>
      </c>
      <c r="BD8" s="103">
        <v>1302</v>
      </c>
      <c r="BE8" s="104">
        <v>2068</v>
      </c>
      <c r="BF8" s="101">
        <v>520</v>
      </c>
      <c r="BG8" s="102">
        <v>548</v>
      </c>
      <c r="BH8" s="103">
        <v>1068</v>
      </c>
      <c r="BI8" s="413">
        <v>0</v>
      </c>
      <c r="BJ8" s="102">
        <v>563</v>
      </c>
      <c r="BK8" s="102">
        <v>565</v>
      </c>
      <c r="BL8" s="102">
        <v>336</v>
      </c>
      <c r="BM8" s="102">
        <v>261</v>
      </c>
      <c r="BN8" s="102">
        <v>157</v>
      </c>
      <c r="BO8" s="103">
        <v>1882</v>
      </c>
      <c r="BP8" s="104">
        <v>2950</v>
      </c>
      <c r="BQ8" s="101">
        <v>378</v>
      </c>
      <c r="BR8" s="102">
        <v>493</v>
      </c>
      <c r="BS8" s="103">
        <v>871</v>
      </c>
      <c r="BT8" s="413">
        <v>0</v>
      </c>
      <c r="BU8" s="102">
        <v>512</v>
      </c>
      <c r="BV8" s="102">
        <v>649</v>
      </c>
      <c r="BW8" s="102">
        <v>416</v>
      </c>
      <c r="BX8" s="102">
        <v>293</v>
      </c>
      <c r="BY8" s="102">
        <v>199</v>
      </c>
      <c r="BZ8" s="103">
        <v>2069</v>
      </c>
      <c r="CA8" s="104">
        <v>2940</v>
      </c>
      <c r="CB8" s="101">
        <v>0</v>
      </c>
      <c r="CC8" s="102">
        <v>0</v>
      </c>
      <c r="CD8" s="103">
        <v>0</v>
      </c>
      <c r="CE8" s="413">
        <v>0</v>
      </c>
      <c r="CF8" s="102">
        <v>0</v>
      </c>
      <c r="CG8" s="102">
        <v>0</v>
      </c>
      <c r="CH8" s="102">
        <v>0</v>
      </c>
      <c r="CI8" s="102">
        <v>0</v>
      </c>
      <c r="CJ8" s="102">
        <v>0</v>
      </c>
      <c r="CK8" s="103">
        <v>0</v>
      </c>
      <c r="CL8" s="104">
        <v>0</v>
      </c>
      <c r="CM8" s="101">
        <v>1545</v>
      </c>
      <c r="CN8" s="102">
        <v>1893</v>
      </c>
      <c r="CO8" s="103">
        <v>3438</v>
      </c>
      <c r="CP8" s="413">
        <v>0</v>
      </c>
      <c r="CQ8" s="102">
        <v>1715</v>
      </c>
      <c r="CR8" s="102">
        <v>2072</v>
      </c>
      <c r="CS8" s="102">
        <v>1179</v>
      </c>
      <c r="CT8" s="102">
        <v>986</v>
      </c>
      <c r="CU8" s="102">
        <v>633</v>
      </c>
      <c r="CV8" s="103">
        <v>6585</v>
      </c>
      <c r="CW8" s="104">
        <v>10023</v>
      </c>
      <c r="CX8" s="105">
        <v>515</v>
      </c>
      <c r="CY8" s="97">
        <v>747</v>
      </c>
      <c r="CZ8" s="98">
        <v>1262</v>
      </c>
      <c r="DA8" s="413">
        <v>0</v>
      </c>
      <c r="DB8" s="97">
        <v>681</v>
      </c>
      <c r="DC8" s="97">
        <v>846</v>
      </c>
      <c r="DD8" s="97">
        <v>480</v>
      </c>
      <c r="DE8" s="97">
        <v>485</v>
      </c>
      <c r="DF8" s="97">
        <v>328</v>
      </c>
      <c r="DG8" s="99">
        <v>2820</v>
      </c>
      <c r="DH8" s="100">
        <v>4082</v>
      </c>
      <c r="DI8" s="101">
        <v>12</v>
      </c>
      <c r="DJ8" s="102">
        <v>19</v>
      </c>
      <c r="DK8" s="103">
        <v>31</v>
      </c>
      <c r="DL8" s="413">
        <v>0</v>
      </c>
      <c r="DM8" s="102">
        <v>12</v>
      </c>
      <c r="DN8" s="102">
        <v>20</v>
      </c>
      <c r="DO8" s="102">
        <v>9</v>
      </c>
      <c r="DP8" s="102">
        <v>14</v>
      </c>
      <c r="DQ8" s="102">
        <v>4</v>
      </c>
      <c r="DR8" s="103">
        <v>59</v>
      </c>
      <c r="DS8" s="104">
        <v>90</v>
      </c>
      <c r="DT8" s="101">
        <v>25</v>
      </c>
      <c r="DU8" s="102">
        <v>49</v>
      </c>
      <c r="DV8" s="103">
        <v>74</v>
      </c>
      <c r="DW8" s="413">
        <v>0</v>
      </c>
      <c r="DX8" s="102">
        <v>16</v>
      </c>
      <c r="DY8" s="102">
        <v>36</v>
      </c>
      <c r="DZ8" s="102">
        <v>19</v>
      </c>
      <c r="EA8" s="102">
        <v>15</v>
      </c>
      <c r="EB8" s="102">
        <v>18</v>
      </c>
      <c r="EC8" s="103">
        <v>104</v>
      </c>
      <c r="ED8" s="104">
        <v>178</v>
      </c>
      <c r="EE8" s="101">
        <v>82</v>
      </c>
      <c r="EF8" s="102">
        <v>104</v>
      </c>
      <c r="EG8" s="103">
        <v>186</v>
      </c>
      <c r="EH8" s="413">
        <v>0</v>
      </c>
      <c r="EI8" s="102">
        <v>75</v>
      </c>
      <c r="EJ8" s="102">
        <v>93</v>
      </c>
      <c r="EK8" s="102">
        <v>24</v>
      </c>
      <c r="EL8" s="102">
        <v>26</v>
      </c>
      <c r="EM8" s="102">
        <v>35</v>
      </c>
      <c r="EN8" s="103">
        <v>253</v>
      </c>
      <c r="EO8" s="104">
        <v>439</v>
      </c>
      <c r="EP8" s="101">
        <v>154</v>
      </c>
      <c r="EQ8" s="102">
        <v>185</v>
      </c>
      <c r="ER8" s="103">
        <v>339</v>
      </c>
      <c r="ES8" s="413">
        <v>0</v>
      </c>
      <c r="ET8" s="102">
        <v>143</v>
      </c>
      <c r="EU8" s="102">
        <v>138</v>
      </c>
      <c r="EV8" s="102">
        <v>82</v>
      </c>
      <c r="EW8" s="102">
        <v>65</v>
      </c>
      <c r="EX8" s="102">
        <v>38</v>
      </c>
      <c r="EY8" s="103">
        <v>466</v>
      </c>
      <c r="EZ8" s="104">
        <v>805</v>
      </c>
      <c r="FA8" s="101">
        <v>135</v>
      </c>
      <c r="FB8" s="102">
        <v>234</v>
      </c>
      <c r="FC8" s="103">
        <v>369</v>
      </c>
      <c r="FD8" s="413">
        <v>0</v>
      </c>
      <c r="FE8" s="102">
        <v>220</v>
      </c>
      <c r="FF8" s="102">
        <v>248</v>
      </c>
      <c r="FG8" s="102">
        <v>114</v>
      </c>
      <c r="FH8" s="102">
        <v>126</v>
      </c>
      <c r="FI8" s="102">
        <v>78</v>
      </c>
      <c r="FJ8" s="103">
        <v>786</v>
      </c>
      <c r="FK8" s="104">
        <v>1155</v>
      </c>
      <c r="FL8" s="101">
        <v>107</v>
      </c>
      <c r="FM8" s="102">
        <v>156</v>
      </c>
      <c r="FN8" s="103">
        <v>263</v>
      </c>
      <c r="FO8" s="413">
        <v>0</v>
      </c>
      <c r="FP8" s="102">
        <v>215</v>
      </c>
      <c r="FQ8" s="102">
        <v>311</v>
      </c>
      <c r="FR8" s="102">
        <v>232</v>
      </c>
      <c r="FS8" s="102">
        <v>239</v>
      </c>
      <c r="FT8" s="102">
        <v>155</v>
      </c>
      <c r="FU8" s="103">
        <v>1152</v>
      </c>
      <c r="FV8" s="104">
        <v>1415</v>
      </c>
      <c r="FW8" s="101">
        <v>0</v>
      </c>
      <c r="FX8" s="102">
        <v>0</v>
      </c>
      <c r="FY8" s="103">
        <v>0</v>
      </c>
      <c r="FZ8" s="413">
        <v>0</v>
      </c>
      <c r="GA8" s="102">
        <v>0</v>
      </c>
      <c r="GB8" s="102">
        <v>0</v>
      </c>
      <c r="GC8" s="102">
        <v>0</v>
      </c>
      <c r="GD8" s="102">
        <v>0</v>
      </c>
      <c r="GE8" s="102">
        <v>0</v>
      </c>
      <c r="GF8" s="103">
        <v>0</v>
      </c>
      <c r="GG8" s="104">
        <v>0</v>
      </c>
      <c r="GH8" s="101">
        <v>515</v>
      </c>
      <c r="GI8" s="102">
        <v>747</v>
      </c>
      <c r="GJ8" s="103">
        <v>1262</v>
      </c>
      <c r="GK8" s="413">
        <v>0</v>
      </c>
      <c r="GL8" s="102">
        <v>681</v>
      </c>
      <c r="GM8" s="102">
        <v>846</v>
      </c>
      <c r="GN8" s="102">
        <v>480</v>
      </c>
      <c r="GO8" s="102">
        <v>485</v>
      </c>
      <c r="GP8" s="102">
        <v>328</v>
      </c>
      <c r="GQ8" s="103">
        <v>2820</v>
      </c>
      <c r="GR8" s="104">
        <v>4082</v>
      </c>
      <c r="GS8" s="105">
        <v>2060</v>
      </c>
      <c r="GT8" s="97">
        <v>2640</v>
      </c>
      <c r="GU8" s="98">
        <v>4700</v>
      </c>
      <c r="GV8" s="413">
        <v>0</v>
      </c>
      <c r="GW8" s="97">
        <v>2396</v>
      </c>
      <c r="GX8" s="97">
        <v>2918</v>
      </c>
      <c r="GY8" s="97">
        <v>1659</v>
      </c>
      <c r="GZ8" s="97">
        <v>1471</v>
      </c>
      <c r="HA8" s="97">
        <v>961</v>
      </c>
      <c r="HB8" s="99">
        <v>9405</v>
      </c>
      <c r="HC8" s="100">
        <v>14105</v>
      </c>
      <c r="HD8" s="101">
        <v>47</v>
      </c>
      <c r="HE8" s="102">
        <v>98</v>
      </c>
      <c r="HF8" s="103">
        <v>145</v>
      </c>
      <c r="HG8" s="413">
        <v>0</v>
      </c>
      <c r="HH8" s="102">
        <v>51</v>
      </c>
      <c r="HI8" s="102">
        <v>89</v>
      </c>
      <c r="HJ8" s="102">
        <v>46</v>
      </c>
      <c r="HK8" s="102">
        <v>58</v>
      </c>
      <c r="HL8" s="102">
        <v>38</v>
      </c>
      <c r="HM8" s="103">
        <v>282</v>
      </c>
      <c r="HN8" s="104">
        <v>427</v>
      </c>
      <c r="HO8" s="101">
        <v>129</v>
      </c>
      <c r="HP8" s="102">
        <v>177</v>
      </c>
      <c r="HQ8" s="103">
        <v>306</v>
      </c>
      <c r="HR8" s="413">
        <v>0</v>
      </c>
      <c r="HS8" s="102">
        <v>95</v>
      </c>
      <c r="HT8" s="102">
        <v>175</v>
      </c>
      <c r="HU8" s="102">
        <v>88</v>
      </c>
      <c r="HV8" s="102">
        <v>81</v>
      </c>
      <c r="HW8" s="102">
        <v>62</v>
      </c>
      <c r="HX8" s="103">
        <v>501</v>
      </c>
      <c r="HY8" s="104">
        <v>807</v>
      </c>
      <c r="HZ8" s="101">
        <v>241</v>
      </c>
      <c r="IA8" s="102">
        <v>332</v>
      </c>
      <c r="IB8" s="103">
        <v>573</v>
      </c>
      <c r="IC8" s="413">
        <v>0</v>
      </c>
      <c r="ID8" s="102">
        <v>247</v>
      </c>
      <c r="IE8" s="102">
        <v>312</v>
      </c>
      <c r="IF8" s="102">
        <v>139</v>
      </c>
      <c r="IG8" s="102">
        <v>154</v>
      </c>
      <c r="IH8" s="102">
        <v>113</v>
      </c>
      <c r="II8" s="103">
        <v>965</v>
      </c>
      <c r="IJ8" s="104">
        <v>1538</v>
      </c>
      <c r="IK8" s="101">
        <v>503</v>
      </c>
      <c r="IL8" s="102">
        <v>602</v>
      </c>
      <c r="IM8" s="103">
        <v>1105</v>
      </c>
      <c r="IN8" s="413">
        <v>0</v>
      </c>
      <c r="IO8" s="102">
        <v>493</v>
      </c>
      <c r="IP8" s="102">
        <v>569</v>
      </c>
      <c r="IQ8" s="102">
        <v>288</v>
      </c>
      <c r="IR8" s="102">
        <v>259</v>
      </c>
      <c r="IS8" s="102">
        <v>159</v>
      </c>
      <c r="IT8" s="103">
        <v>1768</v>
      </c>
      <c r="IU8" s="104">
        <v>2873</v>
      </c>
      <c r="IV8" s="101">
        <v>655</v>
      </c>
      <c r="IW8" s="102">
        <v>782</v>
      </c>
      <c r="IX8" s="103">
        <v>1437</v>
      </c>
      <c r="IY8" s="413">
        <v>0</v>
      </c>
      <c r="IZ8" s="102">
        <v>783</v>
      </c>
      <c r="JA8" s="102">
        <v>813</v>
      </c>
      <c r="JB8" s="102">
        <v>450</v>
      </c>
      <c r="JC8" s="102">
        <v>387</v>
      </c>
      <c r="JD8" s="102">
        <v>235</v>
      </c>
      <c r="JE8" s="103">
        <v>2668</v>
      </c>
      <c r="JF8" s="104">
        <v>4105</v>
      </c>
      <c r="JG8" s="101">
        <v>485</v>
      </c>
      <c r="JH8" s="102">
        <v>649</v>
      </c>
      <c r="JI8" s="103">
        <v>1134</v>
      </c>
      <c r="JJ8" s="413">
        <v>0</v>
      </c>
      <c r="JK8" s="102">
        <v>727</v>
      </c>
      <c r="JL8" s="102">
        <v>960</v>
      </c>
      <c r="JM8" s="102">
        <v>648</v>
      </c>
      <c r="JN8" s="102">
        <v>532</v>
      </c>
      <c r="JO8" s="102">
        <v>354</v>
      </c>
      <c r="JP8" s="103">
        <v>3221</v>
      </c>
      <c r="JQ8" s="104">
        <v>4355</v>
      </c>
      <c r="JR8" s="101">
        <v>0</v>
      </c>
      <c r="JS8" s="102">
        <v>0</v>
      </c>
      <c r="JT8" s="103">
        <v>0</v>
      </c>
      <c r="JU8" s="413">
        <v>0</v>
      </c>
      <c r="JV8" s="102">
        <v>0</v>
      </c>
      <c r="JW8" s="102">
        <v>0</v>
      </c>
      <c r="JX8" s="102">
        <v>0</v>
      </c>
      <c r="JY8" s="102">
        <v>0</v>
      </c>
      <c r="JZ8" s="102">
        <v>0</v>
      </c>
      <c r="KA8" s="103">
        <v>0</v>
      </c>
      <c r="KB8" s="104">
        <v>0</v>
      </c>
      <c r="KC8" s="101">
        <v>2060</v>
      </c>
      <c r="KD8" s="102">
        <v>2640</v>
      </c>
      <c r="KE8" s="103">
        <v>4700</v>
      </c>
      <c r="KF8" s="413">
        <v>0</v>
      </c>
      <c r="KG8" s="102">
        <v>2396</v>
      </c>
      <c r="KH8" s="102">
        <v>2918</v>
      </c>
      <c r="KI8" s="102">
        <v>1659</v>
      </c>
      <c r="KJ8" s="102">
        <v>1471</v>
      </c>
      <c r="KK8" s="102">
        <v>961</v>
      </c>
      <c r="KL8" s="103">
        <v>9405</v>
      </c>
      <c r="KM8" s="104">
        <v>14105</v>
      </c>
    </row>
    <row r="9" spans="2:299" s="70" customFormat="1" ht="21" customHeight="1" x14ac:dyDescent="0.2">
      <c r="B9" s="106" t="s">
        <v>6</v>
      </c>
      <c r="C9" s="96">
        <v>473</v>
      </c>
      <c r="D9" s="97">
        <v>430</v>
      </c>
      <c r="E9" s="98">
        <v>903</v>
      </c>
      <c r="F9" s="413">
        <v>0</v>
      </c>
      <c r="G9" s="97">
        <v>784</v>
      </c>
      <c r="H9" s="97">
        <v>632</v>
      </c>
      <c r="I9" s="97">
        <v>349</v>
      </c>
      <c r="J9" s="97">
        <v>363</v>
      </c>
      <c r="K9" s="97">
        <v>224</v>
      </c>
      <c r="L9" s="99">
        <v>2352</v>
      </c>
      <c r="M9" s="100">
        <v>3255</v>
      </c>
      <c r="N9" s="101">
        <v>25</v>
      </c>
      <c r="O9" s="102">
        <v>25</v>
      </c>
      <c r="P9" s="103">
        <v>50</v>
      </c>
      <c r="Q9" s="413">
        <v>0</v>
      </c>
      <c r="R9" s="102">
        <v>26</v>
      </c>
      <c r="S9" s="102">
        <v>24</v>
      </c>
      <c r="T9" s="102">
        <v>13</v>
      </c>
      <c r="U9" s="102">
        <v>18</v>
      </c>
      <c r="V9" s="102">
        <v>10</v>
      </c>
      <c r="W9" s="103">
        <v>91</v>
      </c>
      <c r="X9" s="104">
        <v>141</v>
      </c>
      <c r="Y9" s="101">
        <v>36</v>
      </c>
      <c r="Z9" s="102">
        <v>34</v>
      </c>
      <c r="AA9" s="103">
        <v>70</v>
      </c>
      <c r="AB9" s="413">
        <v>0</v>
      </c>
      <c r="AC9" s="102">
        <v>56</v>
      </c>
      <c r="AD9" s="102">
        <v>40</v>
      </c>
      <c r="AE9" s="102">
        <v>30</v>
      </c>
      <c r="AF9" s="102">
        <v>34</v>
      </c>
      <c r="AG9" s="102">
        <v>22</v>
      </c>
      <c r="AH9" s="103">
        <v>182</v>
      </c>
      <c r="AI9" s="104">
        <v>252</v>
      </c>
      <c r="AJ9" s="101">
        <v>76</v>
      </c>
      <c r="AK9" s="102">
        <v>55</v>
      </c>
      <c r="AL9" s="103">
        <v>131</v>
      </c>
      <c r="AM9" s="413">
        <v>0</v>
      </c>
      <c r="AN9" s="102">
        <v>90</v>
      </c>
      <c r="AO9" s="102">
        <v>66</v>
      </c>
      <c r="AP9" s="102">
        <v>44</v>
      </c>
      <c r="AQ9" s="102">
        <v>41</v>
      </c>
      <c r="AR9" s="102">
        <v>41</v>
      </c>
      <c r="AS9" s="103">
        <v>282</v>
      </c>
      <c r="AT9" s="104">
        <v>413</v>
      </c>
      <c r="AU9" s="101">
        <v>92</v>
      </c>
      <c r="AV9" s="102">
        <v>72</v>
      </c>
      <c r="AW9" s="103">
        <v>164</v>
      </c>
      <c r="AX9" s="413">
        <v>0</v>
      </c>
      <c r="AY9" s="102">
        <v>193</v>
      </c>
      <c r="AZ9" s="102">
        <v>128</v>
      </c>
      <c r="BA9" s="102">
        <v>61</v>
      </c>
      <c r="BB9" s="102">
        <v>75</v>
      </c>
      <c r="BC9" s="102">
        <v>43</v>
      </c>
      <c r="BD9" s="103">
        <v>500</v>
      </c>
      <c r="BE9" s="104">
        <v>664</v>
      </c>
      <c r="BF9" s="101">
        <v>140</v>
      </c>
      <c r="BG9" s="102">
        <v>114</v>
      </c>
      <c r="BH9" s="103">
        <v>254</v>
      </c>
      <c r="BI9" s="413">
        <v>0</v>
      </c>
      <c r="BJ9" s="102">
        <v>214</v>
      </c>
      <c r="BK9" s="102">
        <v>168</v>
      </c>
      <c r="BL9" s="102">
        <v>87</v>
      </c>
      <c r="BM9" s="102">
        <v>80</v>
      </c>
      <c r="BN9" s="102">
        <v>55</v>
      </c>
      <c r="BO9" s="103">
        <v>604</v>
      </c>
      <c r="BP9" s="104">
        <v>858</v>
      </c>
      <c r="BQ9" s="101">
        <v>104</v>
      </c>
      <c r="BR9" s="102">
        <v>130</v>
      </c>
      <c r="BS9" s="103">
        <v>234</v>
      </c>
      <c r="BT9" s="413">
        <v>0</v>
      </c>
      <c r="BU9" s="102">
        <v>205</v>
      </c>
      <c r="BV9" s="102">
        <v>206</v>
      </c>
      <c r="BW9" s="102">
        <v>114</v>
      </c>
      <c r="BX9" s="102">
        <v>115</v>
      </c>
      <c r="BY9" s="102">
        <v>53</v>
      </c>
      <c r="BZ9" s="103">
        <v>693</v>
      </c>
      <c r="CA9" s="104">
        <v>927</v>
      </c>
      <c r="CB9" s="101">
        <v>0</v>
      </c>
      <c r="CC9" s="102">
        <v>0</v>
      </c>
      <c r="CD9" s="103">
        <v>0</v>
      </c>
      <c r="CE9" s="413">
        <v>0</v>
      </c>
      <c r="CF9" s="102">
        <v>0</v>
      </c>
      <c r="CG9" s="102">
        <v>0</v>
      </c>
      <c r="CH9" s="102">
        <v>0</v>
      </c>
      <c r="CI9" s="102">
        <v>0</v>
      </c>
      <c r="CJ9" s="102">
        <v>0</v>
      </c>
      <c r="CK9" s="103">
        <v>0</v>
      </c>
      <c r="CL9" s="104">
        <v>0</v>
      </c>
      <c r="CM9" s="101">
        <v>473</v>
      </c>
      <c r="CN9" s="102">
        <v>430</v>
      </c>
      <c r="CO9" s="103">
        <v>903</v>
      </c>
      <c r="CP9" s="413">
        <v>0</v>
      </c>
      <c r="CQ9" s="102">
        <v>784</v>
      </c>
      <c r="CR9" s="102">
        <v>632</v>
      </c>
      <c r="CS9" s="102">
        <v>349</v>
      </c>
      <c r="CT9" s="102">
        <v>363</v>
      </c>
      <c r="CU9" s="102">
        <v>224</v>
      </c>
      <c r="CV9" s="103">
        <v>2352</v>
      </c>
      <c r="CW9" s="104">
        <v>3255</v>
      </c>
      <c r="CX9" s="105">
        <v>238</v>
      </c>
      <c r="CY9" s="97">
        <v>264</v>
      </c>
      <c r="CZ9" s="98">
        <v>502</v>
      </c>
      <c r="DA9" s="413">
        <v>0</v>
      </c>
      <c r="DB9" s="97">
        <v>391</v>
      </c>
      <c r="DC9" s="97">
        <v>289</v>
      </c>
      <c r="DD9" s="97">
        <v>206</v>
      </c>
      <c r="DE9" s="97">
        <v>211</v>
      </c>
      <c r="DF9" s="97">
        <v>116</v>
      </c>
      <c r="DG9" s="99">
        <v>1213</v>
      </c>
      <c r="DH9" s="100">
        <v>1715</v>
      </c>
      <c r="DI9" s="101">
        <v>6</v>
      </c>
      <c r="DJ9" s="102">
        <v>6</v>
      </c>
      <c r="DK9" s="103">
        <v>12</v>
      </c>
      <c r="DL9" s="413">
        <v>0</v>
      </c>
      <c r="DM9" s="102">
        <v>3</v>
      </c>
      <c r="DN9" s="102">
        <v>5</v>
      </c>
      <c r="DO9" s="102">
        <v>2</v>
      </c>
      <c r="DP9" s="102">
        <v>2</v>
      </c>
      <c r="DQ9" s="102">
        <v>2</v>
      </c>
      <c r="DR9" s="103">
        <v>14</v>
      </c>
      <c r="DS9" s="104">
        <v>26</v>
      </c>
      <c r="DT9" s="101">
        <v>18</v>
      </c>
      <c r="DU9" s="102">
        <v>17</v>
      </c>
      <c r="DV9" s="103">
        <v>35</v>
      </c>
      <c r="DW9" s="413">
        <v>0</v>
      </c>
      <c r="DX9" s="102">
        <v>25</v>
      </c>
      <c r="DY9" s="102">
        <v>14</v>
      </c>
      <c r="DZ9" s="102">
        <v>13</v>
      </c>
      <c r="EA9" s="102">
        <v>7</v>
      </c>
      <c r="EB9" s="102">
        <v>5</v>
      </c>
      <c r="EC9" s="103">
        <v>64</v>
      </c>
      <c r="ED9" s="104">
        <v>99</v>
      </c>
      <c r="EE9" s="101">
        <v>33</v>
      </c>
      <c r="EF9" s="102">
        <v>39</v>
      </c>
      <c r="EG9" s="103">
        <v>72</v>
      </c>
      <c r="EH9" s="413">
        <v>0</v>
      </c>
      <c r="EI9" s="102">
        <v>50</v>
      </c>
      <c r="EJ9" s="102">
        <v>28</v>
      </c>
      <c r="EK9" s="102">
        <v>12</v>
      </c>
      <c r="EL9" s="102">
        <v>7</v>
      </c>
      <c r="EM9" s="102">
        <v>15</v>
      </c>
      <c r="EN9" s="103">
        <v>112</v>
      </c>
      <c r="EO9" s="104">
        <v>184</v>
      </c>
      <c r="EP9" s="101">
        <v>73</v>
      </c>
      <c r="EQ9" s="102">
        <v>56</v>
      </c>
      <c r="ER9" s="103">
        <v>129</v>
      </c>
      <c r="ES9" s="413">
        <v>0</v>
      </c>
      <c r="ET9" s="102">
        <v>77</v>
      </c>
      <c r="EU9" s="102">
        <v>60</v>
      </c>
      <c r="EV9" s="102">
        <v>23</v>
      </c>
      <c r="EW9" s="102">
        <v>35</v>
      </c>
      <c r="EX9" s="102">
        <v>22</v>
      </c>
      <c r="EY9" s="103">
        <v>217</v>
      </c>
      <c r="EZ9" s="104">
        <v>346</v>
      </c>
      <c r="FA9" s="101">
        <v>65</v>
      </c>
      <c r="FB9" s="102">
        <v>79</v>
      </c>
      <c r="FC9" s="103">
        <v>144</v>
      </c>
      <c r="FD9" s="413">
        <v>0</v>
      </c>
      <c r="FE9" s="102">
        <v>108</v>
      </c>
      <c r="FF9" s="102">
        <v>71</v>
      </c>
      <c r="FG9" s="102">
        <v>51</v>
      </c>
      <c r="FH9" s="102">
        <v>53</v>
      </c>
      <c r="FI9" s="102">
        <v>25</v>
      </c>
      <c r="FJ9" s="103">
        <v>308</v>
      </c>
      <c r="FK9" s="104">
        <v>452</v>
      </c>
      <c r="FL9" s="101">
        <v>43</v>
      </c>
      <c r="FM9" s="102">
        <v>67</v>
      </c>
      <c r="FN9" s="103">
        <v>110</v>
      </c>
      <c r="FO9" s="413">
        <v>0</v>
      </c>
      <c r="FP9" s="102">
        <v>128</v>
      </c>
      <c r="FQ9" s="102">
        <v>111</v>
      </c>
      <c r="FR9" s="102">
        <v>105</v>
      </c>
      <c r="FS9" s="102">
        <v>107</v>
      </c>
      <c r="FT9" s="102">
        <v>47</v>
      </c>
      <c r="FU9" s="103">
        <v>498</v>
      </c>
      <c r="FV9" s="104">
        <v>608</v>
      </c>
      <c r="FW9" s="101">
        <v>0</v>
      </c>
      <c r="FX9" s="102">
        <v>0</v>
      </c>
      <c r="FY9" s="103">
        <v>0</v>
      </c>
      <c r="FZ9" s="413">
        <v>0</v>
      </c>
      <c r="GA9" s="102">
        <v>0</v>
      </c>
      <c r="GB9" s="102">
        <v>0</v>
      </c>
      <c r="GC9" s="102">
        <v>0</v>
      </c>
      <c r="GD9" s="102">
        <v>0</v>
      </c>
      <c r="GE9" s="102">
        <v>0</v>
      </c>
      <c r="GF9" s="103">
        <v>0</v>
      </c>
      <c r="GG9" s="104">
        <v>0</v>
      </c>
      <c r="GH9" s="101">
        <v>238</v>
      </c>
      <c r="GI9" s="102">
        <v>264</v>
      </c>
      <c r="GJ9" s="103">
        <v>502</v>
      </c>
      <c r="GK9" s="413">
        <v>0</v>
      </c>
      <c r="GL9" s="102">
        <v>391</v>
      </c>
      <c r="GM9" s="102">
        <v>289</v>
      </c>
      <c r="GN9" s="102">
        <v>206</v>
      </c>
      <c r="GO9" s="102">
        <v>211</v>
      </c>
      <c r="GP9" s="102">
        <v>116</v>
      </c>
      <c r="GQ9" s="103">
        <v>1213</v>
      </c>
      <c r="GR9" s="104">
        <v>1715</v>
      </c>
      <c r="GS9" s="105">
        <v>711</v>
      </c>
      <c r="GT9" s="97">
        <v>694</v>
      </c>
      <c r="GU9" s="98">
        <v>1405</v>
      </c>
      <c r="GV9" s="413">
        <v>0</v>
      </c>
      <c r="GW9" s="97">
        <v>1175</v>
      </c>
      <c r="GX9" s="97">
        <v>921</v>
      </c>
      <c r="GY9" s="97">
        <v>555</v>
      </c>
      <c r="GZ9" s="97">
        <v>574</v>
      </c>
      <c r="HA9" s="97">
        <v>340</v>
      </c>
      <c r="HB9" s="99">
        <v>3565</v>
      </c>
      <c r="HC9" s="100">
        <v>4970</v>
      </c>
      <c r="HD9" s="101">
        <v>31</v>
      </c>
      <c r="HE9" s="102">
        <v>31</v>
      </c>
      <c r="HF9" s="103">
        <v>62</v>
      </c>
      <c r="HG9" s="413">
        <v>0</v>
      </c>
      <c r="HH9" s="102">
        <v>29</v>
      </c>
      <c r="HI9" s="102">
        <v>29</v>
      </c>
      <c r="HJ9" s="102">
        <v>15</v>
      </c>
      <c r="HK9" s="102">
        <v>20</v>
      </c>
      <c r="HL9" s="102">
        <v>12</v>
      </c>
      <c r="HM9" s="103">
        <v>105</v>
      </c>
      <c r="HN9" s="104">
        <v>167</v>
      </c>
      <c r="HO9" s="101">
        <v>54</v>
      </c>
      <c r="HP9" s="102">
        <v>51</v>
      </c>
      <c r="HQ9" s="103">
        <v>105</v>
      </c>
      <c r="HR9" s="413">
        <v>0</v>
      </c>
      <c r="HS9" s="102">
        <v>81</v>
      </c>
      <c r="HT9" s="102">
        <v>54</v>
      </c>
      <c r="HU9" s="102">
        <v>43</v>
      </c>
      <c r="HV9" s="102">
        <v>41</v>
      </c>
      <c r="HW9" s="102">
        <v>27</v>
      </c>
      <c r="HX9" s="103">
        <v>246</v>
      </c>
      <c r="HY9" s="104">
        <v>351</v>
      </c>
      <c r="HZ9" s="101">
        <v>109</v>
      </c>
      <c r="IA9" s="102">
        <v>94</v>
      </c>
      <c r="IB9" s="103">
        <v>203</v>
      </c>
      <c r="IC9" s="413">
        <v>0</v>
      </c>
      <c r="ID9" s="102">
        <v>140</v>
      </c>
      <c r="IE9" s="102">
        <v>94</v>
      </c>
      <c r="IF9" s="102">
        <v>56</v>
      </c>
      <c r="IG9" s="102">
        <v>48</v>
      </c>
      <c r="IH9" s="102">
        <v>56</v>
      </c>
      <c r="II9" s="103">
        <v>394</v>
      </c>
      <c r="IJ9" s="104">
        <v>597</v>
      </c>
      <c r="IK9" s="101">
        <v>165</v>
      </c>
      <c r="IL9" s="102">
        <v>128</v>
      </c>
      <c r="IM9" s="103">
        <v>293</v>
      </c>
      <c r="IN9" s="413">
        <v>0</v>
      </c>
      <c r="IO9" s="102">
        <v>270</v>
      </c>
      <c r="IP9" s="102">
        <v>188</v>
      </c>
      <c r="IQ9" s="102">
        <v>84</v>
      </c>
      <c r="IR9" s="102">
        <v>110</v>
      </c>
      <c r="IS9" s="102">
        <v>65</v>
      </c>
      <c r="IT9" s="103">
        <v>717</v>
      </c>
      <c r="IU9" s="104">
        <v>1010</v>
      </c>
      <c r="IV9" s="101">
        <v>205</v>
      </c>
      <c r="IW9" s="102">
        <v>193</v>
      </c>
      <c r="IX9" s="103">
        <v>398</v>
      </c>
      <c r="IY9" s="413">
        <v>0</v>
      </c>
      <c r="IZ9" s="102">
        <v>322</v>
      </c>
      <c r="JA9" s="102">
        <v>239</v>
      </c>
      <c r="JB9" s="102">
        <v>138</v>
      </c>
      <c r="JC9" s="102">
        <v>133</v>
      </c>
      <c r="JD9" s="102">
        <v>80</v>
      </c>
      <c r="JE9" s="103">
        <v>912</v>
      </c>
      <c r="JF9" s="104">
        <v>1310</v>
      </c>
      <c r="JG9" s="101">
        <v>147</v>
      </c>
      <c r="JH9" s="102">
        <v>197</v>
      </c>
      <c r="JI9" s="103">
        <v>344</v>
      </c>
      <c r="JJ9" s="413">
        <v>0</v>
      </c>
      <c r="JK9" s="102">
        <v>333</v>
      </c>
      <c r="JL9" s="102">
        <v>317</v>
      </c>
      <c r="JM9" s="102">
        <v>219</v>
      </c>
      <c r="JN9" s="102">
        <v>222</v>
      </c>
      <c r="JO9" s="102">
        <v>100</v>
      </c>
      <c r="JP9" s="103">
        <v>1191</v>
      </c>
      <c r="JQ9" s="104">
        <v>1535</v>
      </c>
      <c r="JR9" s="101">
        <v>0</v>
      </c>
      <c r="JS9" s="102">
        <v>0</v>
      </c>
      <c r="JT9" s="103">
        <v>0</v>
      </c>
      <c r="JU9" s="413">
        <v>0</v>
      </c>
      <c r="JV9" s="102">
        <v>0</v>
      </c>
      <c r="JW9" s="102">
        <v>0</v>
      </c>
      <c r="JX9" s="102">
        <v>0</v>
      </c>
      <c r="JY9" s="102">
        <v>0</v>
      </c>
      <c r="JZ9" s="102">
        <v>0</v>
      </c>
      <c r="KA9" s="103">
        <v>0</v>
      </c>
      <c r="KB9" s="104">
        <v>0</v>
      </c>
      <c r="KC9" s="101">
        <v>711</v>
      </c>
      <c r="KD9" s="102">
        <v>694</v>
      </c>
      <c r="KE9" s="103">
        <v>1405</v>
      </c>
      <c r="KF9" s="413">
        <v>0</v>
      </c>
      <c r="KG9" s="102">
        <v>1175</v>
      </c>
      <c r="KH9" s="102">
        <v>921</v>
      </c>
      <c r="KI9" s="102">
        <v>555</v>
      </c>
      <c r="KJ9" s="102">
        <v>574</v>
      </c>
      <c r="KK9" s="102">
        <v>340</v>
      </c>
      <c r="KL9" s="103">
        <v>3565</v>
      </c>
      <c r="KM9" s="104">
        <v>4970</v>
      </c>
    </row>
    <row r="10" spans="2:299" s="70" customFormat="1" ht="21" customHeight="1" x14ac:dyDescent="0.2">
      <c r="B10" s="106" t="s">
        <v>14</v>
      </c>
      <c r="C10" s="96">
        <v>208</v>
      </c>
      <c r="D10" s="97">
        <v>229</v>
      </c>
      <c r="E10" s="98">
        <v>437</v>
      </c>
      <c r="F10" s="413">
        <v>0</v>
      </c>
      <c r="G10" s="97">
        <v>246</v>
      </c>
      <c r="H10" s="97">
        <v>287</v>
      </c>
      <c r="I10" s="97">
        <v>175</v>
      </c>
      <c r="J10" s="97">
        <v>145</v>
      </c>
      <c r="K10" s="97">
        <v>85</v>
      </c>
      <c r="L10" s="99">
        <v>938</v>
      </c>
      <c r="M10" s="100">
        <v>1375</v>
      </c>
      <c r="N10" s="101">
        <v>7</v>
      </c>
      <c r="O10" s="102">
        <v>10</v>
      </c>
      <c r="P10" s="103">
        <v>17</v>
      </c>
      <c r="Q10" s="413">
        <v>0</v>
      </c>
      <c r="R10" s="102">
        <v>13</v>
      </c>
      <c r="S10" s="102">
        <v>8</v>
      </c>
      <c r="T10" s="102">
        <v>3</v>
      </c>
      <c r="U10" s="102">
        <v>10</v>
      </c>
      <c r="V10" s="102">
        <v>2</v>
      </c>
      <c r="W10" s="103">
        <v>36</v>
      </c>
      <c r="X10" s="104">
        <v>53</v>
      </c>
      <c r="Y10" s="101">
        <v>15</v>
      </c>
      <c r="Z10" s="102">
        <v>22</v>
      </c>
      <c r="AA10" s="103">
        <v>37</v>
      </c>
      <c r="AB10" s="413">
        <v>0</v>
      </c>
      <c r="AC10" s="102">
        <v>13</v>
      </c>
      <c r="AD10" s="102">
        <v>19</v>
      </c>
      <c r="AE10" s="102">
        <v>17</v>
      </c>
      <c r="AF10" s="102">
        <v>11</v>
      </c>
      <c r="AG10" s="102">
        <v>10</v>
      </c>
      <c r="AH10" s="103">
        <v>70</v>
      </c>
      <c r="AI10" s="104">
        <v>107</v>
      </c>
      <c r="AJ10" s="101">
        <v>28</v>
      </c>
      <c r="AK10" s="102">
        <v>33</v>
      </c>
      <c r="AL10" s="103">
        <v>61</v>
      </c>
      <c r="AM10" s="413">
        <v>0</v>
      </c>
      <c r="AN10" s="102">
        <v>22</v>
      </c>
      <c r="AO10" s="102">
        <v>37</v>
      </c>
      <c r="AP10" s="102">
        <v>22</v>
      </c>
      <c r="AQ10" s="102">
        <v>16</v>
      </c>
      <c r="AR10" s="102">
        <v>14</v>
      </c>
      <c r="AS10" s="103">
        <v>111</v>
      </c>
      <c r="AT10" s="104">
        <v>172</v>
      </c>
      <c r="AU10" s="101">
        <v>51</v>
      </c>
      <c r="AV10" s="102">
        <v>55</v>
      </c>
      <c r="AW10" s="103">
        <v>106</v>
      </c>
      <c r="AX10" s="413">
        <v>0</v>
      </c>
      <c r="AY10" s="102">
        <v>51</v>
      </c>
      <c r="AZ10" s="102">
        <v>68</v>
      </c>
      <c r="BA10" s="102">
        <v>34</v>
      </c>
      <c r="BB10" s="102">
        <v>30</v>
      </c>
      <c r="BC10" s="102">
        <v>15</v>
      </c>
      <c r="BD10" s="103">
        <v>198</v>
      </c>
      <c r="BE10" s="104">
        <v>304</v>
      </c>
      <c r="BF10" s="101">
        <v>76</v>
      </c>
      <c r="BG10" s="102">
        <v>63</v>
      </c>
      <c r="BH10" s="103">
        <v>139</v>
      </c>
      <c r="BI10" s="413">
        <v>0</v>
      </c>
      <c r="BJ10" s="102">
        <v>73</v>
      </c>
      <c r="BK10" s="102">
        <v>83</v>
      </c>
      <c r="BL10" s="102">
        <v>53</v>
      </c>
      <c r="BM10" s="102">
        <v>37</v>
      </c>
      <c r="BN10" s="102">
        <v>24</v>
      </c>
      <c r="BO10" s="103">
        <v>270</v>
      </c>
      <c r="BP10" s="104">
        <v>409</v>
      </c>
      <c r="BQ10" s="101">
        <v>31</v>
      </c>
      <c r="BR10" s="102">
        <v>46</v>
      </c>
      <c r="BS10" s="103">
        <v>77</v>
      </c>
      <c r="BT10" s="413">
        <v>0</v>
      </c>
      <c r="BU10" s="102">
        <v>74</v>
      </c>
      <c r="BV10" s="102">
        <v>72</v>
      </c>
      <c r="BW10" s="102">
        <v>46</v>
      </c>
      <c r="BX10" s="102">
        <v>41</v>
      </c>
      <c r="BY10" s="102">
        <v>20</v>
      </c>
      <c r="BZ10" s="103">
        <v>253</v>
      </c>
      <c r="CA10" s="104">
        <v>330</v>
      </c>
      <c r="CB10" s="101">
        <v>0</v>
      </c>
      <c r="CC10" s="102">
        <v>0</v>
      </c>
      <c r="CD10" s="103">
        <v>0</v>
      </c>
      <c r="CE10" s="413">
        <v>0</v>
      </c>
      <c r="CF10" s="102">
        <v>0</v>
      </c>
      <c r="CG10" s="102">
        <v>0</v>
      </c>
      <c r="CH10" s="102">
        <v>0</v>
      </c>
      <c r="CI10" s="102">
        <v>0</v>
      </c>
      <c r="CJ10" s="102">
        <v>0</v>
      </c>
      <c r="CK10" s="103">
        <v>0</v>
      </c>
      <c r="CL10" s="104">
        <v>0</v>
      </c>
      <c r="CM10" s="101">
        <v>208</v>
      </c>
      <c r="CN10" s="102">
        <v>229</v>
      </c>
      <c r="CO10" s="103">
        <v>437</v>
      </c>
      <c r="CP10" s="413">
        <v>0</v>
      </c>
      <c r="CQ10" s="102">
        <v>246</v>
      </c>
      <c r="CR10" s="102">
        <v>287</v>
      </c>
      <c r="CS10" s="102">
        <v>175</v>
      </c>
      <c r="CT10" s="102">
        <v>145</v>
      </c>
      <c r="CU10" s="102">
        <v>85</v>
      </c>
      <c r="CV10" s="103">
        <v>938</v>
      </c>
      <c r="CW10" s="104">
        <v>1375</v>
      </c>
      <c r="CX10" s="105">
        <v>60</v>
      </c>
      <c r="CY10" s="97">
        <v>86</v>
      </c>
      <c r="CZ10" s="98">
        <v>146</v>
      </c>
      <c r="DA10" s="413">
        <v>0</v>
      </c>
      <c r="DB10" s="97">
        <v>100</v>
      </c>
      <c r="DC10" s="97">
        <v>127</v>
      </c>
      <c r="DD10" s="97">
        <v>69</v>
      </c>
      <c r="DE10" s="97">
        <v>86</v>
      </c>
      <c r="DF10" s="97">
        <v>51</v>
      </c>
      <c r="DG10" s="99">
        <v>433</v>
      </c>
      <c r="DH10" s="100">
        <v>579</v>
      </c>
      <c r="DI10" s="101">
        <v>1</v>
      </c>
      <c r="DJ10" s="102">
        <v>5</v>
      </c>
      <c r="DK10" s="103">
        <v>6</v>
      </c>
      <c r="DL10" s="413">
        <v>0</v>
      </c>
      <c r="DM10" s="102">
        <v>2</v>
      </c>
      <c r="DN10" s="102">
        <v>5</v>
      </c>
      <c r="DO10" s="102">
        <v>0</v>
      </c>
      <c r="DP10" s="102">
        <v>3</v>
      </c>
      <c r="DQ10" s="102">
        <v>3</v>
      </c>
      <c r="DR10" s="103">
        <v>13</v>
      </c>
      <c r="DS10" s="104">
        <v>19</v>
      </c>
      <c r="DT10" s="101">
        <v>6</v>
      </c>
      <c r="DU10" s="102">
        <v>3</v>
      </c>
      <c r="DV10" s="103">
        <v>9</v>
      </c>
      <c r="DW10" s="413">
        <v>0</v>
      </c>
      <c r="DX10" s="102">
        <v>6</v>
      </c>
      <c r="DY10" s="102">
        <v>8</v>
      </c>
      <c r="DZ10" s="102">
        <v>5</v>
      </c>
      <c r="EA10" s="102">
        <v>0</v>
      </c>
      <c r="EB10" s="102">
        <v>1</v>
      </c>
      <c r="EC10" s="103">
        <v>20</v>
      </c>
      <c r="ED10" s="104">
        <v>29</v>
      </c>
      <c r="EE10" s="101">
        <v>14</v>
      </c>
      <c r="EF10" s="102">
        <v>14</v>
      </c>
      <c r="EG10" s="103">
        <v>28</v>
      </c>
      <c r="EH10" s="413">
        <v>0</v>
      </c>
      <c r="EI10" s="102">
        <v>8</v>
      </c>
      <c r="EJ10" s="102">
        <v>10</v>
      </c>
      <c r="EK10" s="102">
        <v>7</v>
      </c>
      <c r="EL10" s="102">
        <v>5</v>
      </c>
      <c r="EM10" s="102">
        <v>5</v>
      </c>
      <c r="EN10" s="103">
        <v>35</v>
      </c>
      <c r="EO10" s="104">
        <v>63</v>
      </c>
      <c r="EP10" s="101">
        <v>15</v>
      </c>
      <c r="EQ10" s="102">
        <v>17</v>
      </c>
      <c r="ER10" s="103">
        <v>32</v>
      </c>
      <c r="ES10" s="413">
        <v>0</v>
      </c>
      <c r="ET10" s="102">
        <v>18</v>
      </c>
      <c r="EU10" s="102">
        <v>26</v>
      </c>
      <c r="EV10" s="102">
        <v>12</v>
      </c>
      <c r="EW10" s="102">
        <v>11</v>
      </c>
      <c r="EX10" s="102">
        <v>9</v>
      </c>
      <c r="EY10" s="103">
        <v>76</v>
      </c>
      <c r="EZ10" s="104">
        <v>108</v>
      </c>
      <c r="FA10" s="101">
        <v>17</v>
      </c>
      <c r="FB10" s="102">
        <v>23</v>
      </c>
      <c r="FC10" s="103">
        <v>40</v>
      </c>
      <c r="FD10" s="413">
        <v>0</v>
      </c>
      <c r="FE10" s="102">
        <v>31</v>
      </c>
      <c r="FF10" s="102">
        <v>36</v>
      </c>
      <c r="FG10" s="102">
        <v>12</v>
      </c>
      <c r="FH10" s="102">
        <v>24</v>
      </c>
      <c r="FI10" s="102">
        <v>14</v>
      </c>
      <c r="FJ10" s="103">
        <v>117</v>
      </c>
      <c r="FK10" s="104">
        <v>157</v>
      </c>
      <c r="FL10" s="101">
        <v>7</v>
      </c>
      <c r="FM10" s="102">
        <v>24</v>
      </c>
      <c r="FN10" s="103">
        <v>31</v>
      </c>
      <c r="FO10" s="413">
        <v>0</v>
      </c>
      <c r="FP10" s="102">
        <v>35</v>
      </c>
      <c r="FQ10" s="102">
        <v>42</v>
      </c>
      <c r="FR10" s="102">
        <v>33</v>
      </c>
      <c r="FS10" s="102">
        <v>43</v>
      </c>
      <c r="FT10" s="102">
        <v>19</v>
      </c>
      <c r="FU10" s="103">
        <v>172</v>
      </c>
      <c r="FV10" s="104">
        <v>203</v>
      </c>
      <c r="FW10" s="101">
        <v>0</v>
      </c>
      <c r="FX10" s="102">
        <v>0</v>
      </c>
      <c r="FY10" s="103">
        <v>0</v>
      </c>
      <c r="FZ10" s="413">
        <v>0</v>
      </c>
      <c r="GA10" s="102">
        <v>0</v>
      </c>
      <c r="GB10" s="102">
        <v>0</v>
      </c>
      <c r="GC10" s="102">
        <v>0</v>
      </c>
      <c r="GD10" s="102">
        <v>0</v>
      </c>
      <c r="GE10" s="102">
        <v>0</v>
      </c>
      <c r="GF10" s="103">
        <v>0</v>
      </c>
      <c r="GG10" s="104">
        <v>0</v>
      </c>
      <c r="GH10" s="101">
        <v>60</v>
      </c>
      <c r="GI10" s="102">
        <v>86</v>
      </c>
      <c r="GJ10" s="103">
        <v>146</v>
      </c>
      <c r="GK10" s="413">
        <v>0</v>
      </c>
      <c r="GL10" s="102">
        <v>100</v>
      </c>
      <c r="GM10" s="102">
        <v>127</v>
      </c>
      <c r="GN10" s="102">
        <v>69</v>
      </c>
      <c r="GO10" s="102">
        <v>86</v>
      </c>
      <c r="GP10" s="102">
        <v>51</v>
      </c>
      <c r="GQ10" s="103">
        <v>433</v>
      </c>
      <c r="GR10" s="104">
        <v>579</v>
      </c>
      <c r="GS10" s="105">
        <v>268</v>
      </c>
      <c r="GT10" s="97">
        <v>315</v>
      </c>
      <c r="GU10" s="98">
        <v>583</v>
      </c>
      <c r="GV10" s="413">
        <v>0</v>
      </c>
      <c r="GW10" s="97">
        <v>346</v>
      </c>
      <c r="GX10" s="97">
        <v>414</v>
      </c>
      <c r="GY10" s="97">
        <v>244</v>
      </c>
      <c r="GZ10" s="97">
        <v>231</v>
      </c>
      <c r="HA10" s="97">
        <v>136</v>
      </c>
      <c r="HB10" s="99">
        <v>1371</v>
      </c>
      <c r="HC10" s="100">
        <v>1954</v>
      </c>
      <c r="HD10" s="101">
        <v>8</v>
      </c>
      <c r="HE10" s="102">
        <v>15</v>
      </c>
      <c r="HF10" s="103">
        <v>23</v>
      </c>
      <c r="HG10" s="413">
        <v>0</v>
      </c>
      <c r="HH10" s="102">
        <v>15</v>
      </c>
      <c r="HI10" s="102">
        <v>13</v>
      </c>
      <c r="HJ10" s="102">
        <v>3</v>
      </c>
      <c r="HK10" s="102">
        <v>13</v>
      </c>
      <c r="HL10" s="102">
        <v>5</v>
      </c>
      <c r="HM10" s="103">
        <v>49</v>
      </c>
      <c r="HN10" s="104">
        <v>72</v>
      </c>
      <c r="HO10" s="101">
        <v>21</v>
      </c>
      <c r="HP10" s="102">
        <v>25</v>
      </c>
      <c r="HQ10" s="103">
        <v>46</v>
      </c>
      <c r="HR10" s="413">
        <v>0</v>
      </c>
      <c r="HS10" s="102">
        <v>19</v>
      </c>
      <c r="HT10" s="102">
        <v>27</v>
      </c>
      <c r="HU10" s="102">
        <v>22</v>
      </c>
      <c r="HV10" s="102">
        <v>11</v>
      </c>
      <c r="HW10" s="102">
        <v>11</v>
      </c>
      <c r="HX10" s="103">
        <v>90</v>
      </c>
      <c r="HY10" s="104">
        <v>136</v>
      </c>
      <c r="HZ10" s="101">
        <v>42</v>
      </c>
      <c r="IA10" s="102">
        <v>47</v>
      </c>
      <c r="IB10" s="103">
        <v>89</v>
      </c>
      <c r="IC10" s="413">
        <v>0</v>
      </c>
      <c r="ID10" s="102">
        <v>30</v>
      </c>
      <c r="IE10" s="102">
        <v>47</v>
      </c>
      <c r="IF10" s="102">
        <v>29</v>
      </c>
      <c r="IG10" s="102">
        <v>21</v>
      </c>
      <c r="IH10" s="102">
        <v>19</v>
      </c>
      <c r="II10" s="103">
        <v>146</v>
      </c>
      <c r="IJ10" s="104">
        <v>235</v>
      </c>
      <c r="IK10" s="101">
        <v>66</v>
      </c>
      <c r="IL10" s="102">
        <v>72</v>
      </c>
      <c r="IM10" s="103">
        <v>138</v>
      </c>
      <c r="IN10" s="413">
        <v>0</v>
      </c>
      <c r="IO10" s="102">
        <v>69</v>
      </c>
      <c r="IP10" s="102">
        <v>94</v>
      </c>
      <c r="IQ10" s="102">
        <v>46</v>
      </c>
      <c r="IR10" s="102">
        <v>41</v>
      </c>
      <c r="IS10" s="102">
        <v>24</v>
      </c>
      <c r="IT10" s="103">
        <v>274</v>
      </c>
      <c r="IU10" s="104">
        <v>412</v>
      </c>
      <c r="IV10" s="101">
        <v>93</v>
      </c>
      <c r="IW10" s="102">
        <v>86</v>
      </c>
      <c r="IX10" s="103">
        <v>179</v>
      </c>
      <c r="IY10" s="413">
        <v>0</v>
      </c>
      <c r="IZ10" s="102">
        <v>104</v>
      </c>
      <c r="JA10" s="102">
        <v>119</v>
      </c>
      <c r="JB10" s="102">
        <v>65</v>
      </c>
      <c r="JC10" s="102">
        <v>61</v>
      </c>
      <c r="JD10" s="102">
        <v>38</v>
      </c>
      <c r="JE10" s="103">
        <v>387</v>
      </c>
      <c r="JF10" s="104">
        <v>566</v>
      </c>
      <c r="JG10" s="101">
        <v>38</v>
      </c>
      <c r="JH10" s="102">
        <v>70</v>
      </c>
      <c r="JI10" s="103">
        <v>108</v>
      </c>
      <c r="JJ10" s="413">
        <v>0</v>
      </c>
      <c r="JK10" s="102">
        <v>109</v>
      </c>
      <c r="JL10" s="102">
        <v>114</v>
      </c>
      <c r="JM10" s="102">
        <v>79</v>
      </c>
      <c r="JN10" s="102">
        <v>84</v>
      </c>
      <c r="JO10" s="102">
        <v>39</v>
      </c>
      <c r="JP10" s="103">
        <v>425</v>
      </c>
      <c r="JQ10" s="104">
        <v>533</v>
      </c>
      <c r="JR10" s="101">
        <v>0</v>
      </c>
      <c r="JS10" s="102">
        <v>0</v>
      </c>
      <c r="JT10" s="103">
        <v>0</v>
      </c>
      <c r="JU10" s="413">
        <v>0</v>
      </c>
      <c r="JV10" s="102">
        <v>0</v>
      </c>
      <c r="JW10" s="102">
        <v>0</v>
      </c>
      <c r="JX10" s="102">
        <v>0</v>
      </c>
      <c r="JY10" s="102">
        <v>0</v>
      </c>
      <c r="JZ10" s="102">
        <v>0</v>
      </c>
      <c r="KA10" s="103">
        <v>0</v>
      </c>
      <c r="KB10" s="104">
        <v>0</v>
      </c>
      <c r="KC10" s="101">
        <v>268</v>
      </c>
      <c r="KD10" s="102">
        <v>315</v>
      </c>
      <c r="KE10" s="103">
        <v>583</v>
      </c>
      <c r="KF10" s="413">
        <v>0</v>
      </c>
      <c r="KG10" s="102">
        <v>346</v>
      </c>
      <c r="KH10" s="102">
        <v>414</v>
      </c>
      <c r="KI10" s="102">
        <v>244</v>
      </c>
      <c r="KJ10" s="102">
        <v>231</v>
      </c>
      <c r="KK10" s="102">
        <v>136</v>
      </c>
      <c r="KL10" s="103">
        <v>1371</v>
      </c>
      <c r="KM10" s="104">
        <v>1954</v>
      </c>
    </row>
    <row r="11" spans="2:299" s="70" customFormat="1" ht="21" customHeight="1" x14ac:dyDescent="0.2">
      <c r="B11" s="106" t="s">
        <v>7</v>
      </c>
      <c r="C11" s="96">
        <v>143</v>
      </c>
      <c r="D11" s="97">
        <v>97</v>
      </c>
      <c r="E11" s="98">
        <v>240</v>
      </c>
      <c r="F11" s="413">
        <v>0</v>
      </c>
      <c r="G11" s="97">
        <v>263</v>
      </c>
      <c r="H11" s="97">
        <v>132</v>
      </c>
      <c r="I11" s="97">
        <v>90</v>
      </c>
      <c r="J11" s="97">
        <v>78</v>
      </c>
      <c r="K11" s="97">
        <v>31</v>
      </c>
      <c r="L11" s="99">
        <v>594</v>
      </c>
      <c r="M11" s="100">
        <v>834</v>
      </c>
      <c r="N11" s="101">
        <v>6</v>
      </c>
      <c r="O11" s="102">
        <v>3</v>
      </c>
      <c r="P11" s="103">
        <v>9</v>
      </c>
      <c r="Q11" s="413">
        <v>0</v>
      </c>
      <c r="R11" s="102">
        <v>5</v>
      </c>
      <c r="S11" s="102">
        <v>5</v>
      </c>
      <c r="T11" s="102">
        <v>5</v>
      </c>
      <c r="U11" s="102">
        <v>1</v>
      </c>
      <c r="V11" s="102">
        <v>0</v>
      </c>
      <c r="W11" s="103">
        <v>16</v>
      </c>
      <c r="X11" s="104">
        <v>25</v>
      </c>
      <c r="Y11" s="101">
        <v>5</v>
      </c>
      <c r="Z11" s="102">
        <v>8</v>
      </c>
      <c r="AA11" s="103">
        <v>13</v>
      </c>
      <c r="AB11" s="413">
        <v>0</v>
      </c>
      <c r="AC11" s="102">
        <v>11</v>
      </c>
      <c r="AD11" s="102">
        <v>8</v>
      </c>
      <c r="AE11" s="102">
        <v>3</v>
      </c>
      <c r="AF11" s="102">
        <v>9</v>
      </c>
      <c r="AG11" s="102">
        <v>3</v>
      </c>
      <c r="AH11" s="103">
        <v>34</v>
      </c>
      <c r="AI11" s="104">
        <v>47</v>
      </c>
      <c r="AJ11" s="101">
        <v>16</v>
      </c>
      <c r="AK11" s="102">
        <v>13</v>
      </c>
      <c r="AL11" s="103">
        <v>29</v>
      </c>
      <c r="AM11" s="413">
        <v>0</v>
      </c>
      <c r="AN11" s="102">
        <v>36</v>
      </c>
      <c r="AO11" s="102">
        <v>14</v>
      </c>
      <c r="AP11" s="102">
        <v>9</v>
      </c>
      <c r="AQ11" s="102">
        <v>13</v>
      </c>
      <c r="AR11" s="102">
        <v>3</v>
      </c>
      <c r="AS11" s="103">
        <v>75</v>
      </c>
      <c r="AT11" s="104">
        <v>104</v>
      </c>
      <c r="AU11" s="101">
        <v>37</v>
      </c>
      <c r="AV11" s="102">
        <v>20</v>
      </c>
      <c r="AW11" s="103">
        <v>57</v>
      </c>
      <c r="AX11" s="413">
        <v>0</v>
      </c>
      <c r="AY11" s="102">
        <v>59</v>
      </c>
      <c r="AZ11" s="102">
        <v>23</v>
      </c>
      <c r="BA11" s="102">
        <v>20</v>
      </c>
      <c r="BB11" s="102">
        <v>12</v>
      </c>
      <c r="BC11" s="102">
        <v>11</v>
      </c>
      <c r="BD11" s="103">
        <v>125</v>
      </c>
      <c r="BE11" s="104">
        <v>182</v>
      </c>
      <c r="BF11" s="101">
        <v>46</v>
      </c>
      <c r="BG11" s="102">
        <v>28</v>
      </c>
      <c r="BH11" s="103">
        <v>74</v>
      </c>
      <c r="BI11" s="413">
        <v>0</v>
      </c>
      <c r="BJ11" s="102">
        <v>75</v>
      </c>
      <c r="BK11" s="102">
        <v>41</v>
      </c>
      <c r="BL11" s="102">
        <v>24</v>
      </c>
      <c r="BM11" s="102">
        <v>21</v>
      </c>
      <c r="BN11" s="102">
        <v>8</v>
      </c>
      <c r="BO11" s="103">
        <v>169</v>
      </c>
      <c r="BP11" s="104">
        <v>243</v>
      </c>
      <c r="BQ11" s="101">
        <v>33</v>
      </c>
      <c r="BR11" s="102">
        <v>25</v>
      </c>
      <c r="BS11" s="103">
        <v>58</v>
      </c>
      <c r="BT11" s="413">
        <v>0</v>
      </c>
      <c r="BU11" s="102">
        <v>77</v>
      </c>
      <c r="BV11" s="102">
        <v>41</v>
      </c>
      <c r="BW11" s="102">
        <v>29</v>
      </c>
      <c r="BX11" s="102">
        <v>22</v>
      </c>
      <c r="BY11" s="102">
        <v>6</v>
      </c>
      <c r="BZ11" s="103">
        <v>175</v>
      </c>
      <c r="CA11" s="104">
        <v>233</v>
      </c>
      <c r="CB11" s="101">
        <v>0</v>
      </c>
      <c r="CC11" s="102">
        <v>0</v>
      </c>
      <c r="CD11" s="103">
        <v>0</v>
      </c>
      <c r="CE11" s="413">
        <v>0</v>
      </c>
      <c r="CF11" s="102">
        <v>0</v>
      </c>
      <c r="CG11" s="102">
        <v>0</v>
      </c>
      <c r="CH11" s="102">
        <v>0</v>
      </c>
      <c r="CI11" s="102">
        <v>0</v>
      </c>
      <c r="CJ11" s="102">
        <v>0</v>
      </c>
      <c r="CK11" s="103">
        <v>0</v>
      </c>
      <c r="CL11" s="104">
        <v>0</v>
      </c>
      <c r="CM11" s="101">
        <v>143</v>
      </c>
      <c r="CN11" s="102">
        <v>97</v>
      </c>
      <c r="CO11" s="103">
        <v>240</v>
      </c>
      <c r="CP11" s="413">
        <v>0</v>
      </c>
      <c r="CQ11" s="102">
        <v>263</v>
      </c>
      <c r="CR11" s="102">
        <v>132</v>
      </c>
      <c r="CS11" s="102">
        <v>90</v>
      </c>
      <c r="CT11" s="102">
        <v>78</v>
      </c>
      <c r="CU11" s="102">
        <v>31</v>
      </c>
      <c r="CV11" s="103">
        <v>594</v>
      </c>
      <c r="CW11" s="104">
        <v>834</v>
      </c>
      <c r="CX11" s="105">
        <v>50</v>
      </c>
      <c r="CY11" s="97">
        <v>47</v>
      </c>
      <c r="CZ11" s="98">
        <v>97</v>
      </c>
      <c r="DA11" s="413">
        <v>0</v>
      </c>
      <c r="DB11" s="97">
        <v>73</v>
      </c>
      <c r="DC11" s="97">
        <v>29</v>
      </c>
      <c r="DD11" s="97">
        <v>24</v>
      </c>
      <c r="DE11" s="97">
        <v>24</v>
      </c>
      <c r="DF11" s="97">
        <v>20</v>
      </c>
      <c r="DG11" s="99">
        <v>170</v>
      </c>
      <c r="DH11" s="100">
        <v>267</v>
      </c>
      <c r="DI11" s="101">
        <v>1</v>
      </c>
      <c r="DJ11" s="102">
        <v>0</v>
      </c>
      <c r="DK11" s="103">
        <v>1</v>
      </c>
      <c r="DL11" s="413">
        <v>0</v>
      </c>
      <c r="DM11" s="102">
        <v>1</v>
      </c>
      <c r="DN11" s="102">
        <v>1</v>
      </c>
      <c r="DO11" s="102">
        <v>1</v>
      </c>
      <c r="DP11" s="102">
        <v>0</v>
      </c>
      <c r="DQ11" s="102">
        <v>0</v>
      </c>
      <c r="DR11" s="103">
        <v>3</v>
      </c>
      <c r="DS11" s="104">
        <v>4</v>
      </c>
      <c r="DT11" s="101">
        <v>3</v>
      </c>
      <c r="DU11" s="102">
        <v>3</v>
      </c>
      <c r="DV11" s="103">
        <v>6</v>
      </c>
      <c r="DW11" s="413">
        <v>0</v>
      </c>
      <c r="DX11" s="102">
        <v>2</v>
      </c>
      <c r="DY11" s="102">
        <v>2</v>
      </c>
      <c r="DZ11" s="102">
        <v>1</v>
      </c>
      <c r="EA11" s="102">
        <v>1</v>
      </c>
      <c r="EB11" s="102">
        <v>2</v>
      </c>
      <c r="EC11" s="103">
        <v>8</v>
      </c>
      <c r="ED11" s="104">
        <v>14</v>
      </c>
      <c r="EE11" s="101">
        <v>10</v>
      </c>
      <c r="EF11" s="102">
        <v>7</v>
      </c>
      <c r="EG11" s="103">
        <v>17</v>
      </c>
      <c r="EH11" s="413">
        <v>0</v>
      </c>
      <c r="EI11" s="102">
        <v>12</v>
      </c>
      <c r="EJ11" s="102">
        <v>2</v>
      </c>
      <c r="EK11" s="102">
        <v>1</v>
      </c>
      <c r="EL11" s="102">
        <v>4</v>
      </c>
      <c r="EM11" s="102">
        <v>3</v>
      </c>
      <c r="EN11" s="103">
        <v>22</v>
      </c>
      <c r="EO11" s="104">
        <v>39</v>
      </c>
      <c r="EP11" s="101">
        <v>12</v>
      </c>
      <c r="EQ11" s="102">
        <v>14</v>
      </c>
      <c r="ER11" s="103">
        <v>26</v>
      </c>
      <c r="ES11" s="413">
        <v>0</v>
      </c>
      <c r="ET11" s="102">
        <v>22</v>
      </c>
      <c r="EU11" s="102">
        <v>5</v>
      </c>
      <c r="EV11" s="102">
        <v>2</v>
      </c>
      <c r="EW11" s="102">
        <v>5</v>
      </c>
      <c r="EX11" s="102">
        <v>2</v>
      </c>
      <c r="EY11" s="103">
        <v>36</v>
      </c>
      <c r="EZ11" s="104">
        <v>62</v>
      </c>
      <c r="FA11" s="101">
        <v>13</v>
      </c>
      <c r="FB11" s="102">
        <v>16</v>
      </c>
      <c r="FC11" s="103">
        <v>29</v>
      </c>
      <c r="FD11" s="413">
        <v>0</v>
      </c>
      <c r="FE11" s="102">
        <v>17</v>
      </c>
      <c r="FF11" s="102">
        <v>6</v>
      </c>
      <c r="FG11" s="102">
        <v>7</v>
      </c>
      <c r="FH11" s="102">
        <v>7</v>
      </c>
      <c r="FI11" s="102">
        <v>7</v>
      </c>
      <c r="FJ11" s="103">
        <v>44</v>
      </c>
      <c r="FK11" s="104">
        <v>73</v>
      </c>
      <c r="FL11" s="101">
        <v>11</v>
      </c>
      <c r="FM11" s="102">
        <v>7</v>
      </c>
      <c r="FN11" s="103">
        <v>18</v>
      </c>
      <c r="FO11" s="413">
        <v>0</v>
      </c>
      <c r="FP11" s="102">
        <v>19</v>
      </c>
      <c r="FQ11" s="102">
        <v>13</v>
      </c>
      <c r="FR11" s="102">
        <v>12</v>
      </c>
      <c r="FS11" s="102">
        <v>7</v>
      </c>
      <c r="FT11" s="102">
        <v>6</v>
      </c>
      <c r="FU11" s="103">
        <v>57</v>
      </c>
      <c r="FV11" s="104">
        <v>75</v>
      </c>
      <c r="FW11" s="101">
        <v>0</v>
      </c>
      <c r="FX11" s="102">
        <v>0</v>
      </c>
      <c r="FY11" s="103">
        <v>0</v>
      </c>
      <c r="FZ11" s="413">
        <v>0</v>
      </c>
      <c r="GA11" s="102">
        <v>0</v>
      </c>
      <c r="GB11" s="102">
        <v>0</v>
      </c>
      <c r="GC11" s="102">
        <v>0</v>
      </c>
      <c r="GD11" s="102">
        <v>0</v>
      </c>
      <c r="GE11" s="102">
        <v>0</v>
      </c>
      <c r="GF11" s="103">
        <v>0</v>
      </c>
      <c r="GG11" s="104">
        <v>0</v>
      </c>
      <c r="GH11" s="101">
        <v>50</v>
      </c>
      <c r="GI11" s="102">
        <v>47</v>
      </c>
      <c r="GJ11" s="103">
        <v>97</v>
      </c>
      <c r="GK11" s="413">
        <v>0</v>
      </c>
      <c r="GL11" s="102">
        <v>73</v>
      </c>
      <c r="GM11" s="102">
        <v>29</v>
      </c>
      <c r="GN11" s="102">
        <v>24</v>
      </c>
      <c r="GO11" s="102">
        <v>24</v>
      </c>
      <c r="GP11" s="102">
        <v>20</v>
      </c>
      <c r="GQ11" s="103">
        <v>170</v>
      </c>
      <c r="GR11" s="104">
        <v>267</v>
      </c>
      <c r="GS11" s="105">
        <v>193</v>
      </c>
      <c r="GT11" s="97">
        <v>144</v>
      </c>
      <c r="GU11" s="98">
        <v>337</v>
      </c>
      <c r="GV11" s="413">
        <v>0</v>
      </c>
      <c r="GW11" s="97">
        <v>336</v>
      </c>
      <c r="GX11" s="97">
        <v>161</v>
      </c>
      <c r="GY11" s="97">
        <v>114</v>
      </c>
      <c r="GZ11" s="97">
        <v>102</v>
      </c>
      <c r="HA11" s="97">
        <v>51</v>
      </c>
      <c r="HB11" s="99">
        <v>764</v>
      </c>
      <c r="HC11" s="100">
        <v>1101</v>
      </c>
      <c r="HD11" s="101">
        <v>7</v>
      </c>
      <c r="HE11" s="102">
        <v>3</v>
      </c>
      <c r="HF11" s="103">
        <v>10</v>
      </c>
      <c r="HG11" s="413">
        <v>0</v>
      </c>
      <c r="HH11" s="102">
        <v>6</v>
      </c>
      <c r="HI11" s="102">
        <v>6</v>
      </c>
      <c r="HJ11" s="102">
        <v>6</v>
      </c>
      <c r="HK11" s="102">
        <v>1</v>
      </c>
      <c r="HL11" s="102">
        <v>0</v>
      </c>
      <c r="HM11" s="103">
        <v>19</v>
      </c>
      <c r="HN11" s="104">
        <v>29</v>
      </c>
      <c r="HO11" s="101">
        <v>8</v>
      </c>
      <c r="HP11" s="102">
        <v>11</v>
      </c>
      <c r="HQ11" s="103">
        <v>19</v>
      </c>
      <c r="HR11" s="413">
        <v>0</v>
      </c>
      <c r="HS11" s="102">
        <v>13</v>
      </c>
      <c r="HT11" s="102">
        <v>10</v>
      </c>
      <c r="HU11" s="102">
        <v>4</v>
      </c>
      <c r="HV11" s="102">
        <v>10</v>
      </c>
      <c r="HW11" s="102">
        <v>5</v>
      </c>
      <c r="HX11" s="103">
        <v>42</v>
      </c>
      <c r="HY11" s="104">
        <v>61</v>
      </c>
      <c r="HZ11" s="101">
        <v>26</v>
      </c>
      <c r="IA11" s="102">
        <v>20</v>
      </c>
      <c r="IB11" s="103">
        <v>46</v>
      </c>
      <c r="IC11" s="413">
        <v>0</v>
      </c>
      <c r="ID11" s="102">
        <v>48</v>
      </c>
      <c r="IE11" s="102">
        <v>16</v>
      </c>
      <c r="IF11" s="102">
        <v>10</v>
      </c>
      <c r="IG11" s="102">
        <v>17</v>
      </c>
      <c r="IH11" s="102">
        <v>6</v>
      </c>
      <c r="II11" s="103">
        <v>97</v>
      </c>
      <c r="IJ11" s="104">
        <v>143</v>
      </c>
      <c r="IK11" s="101">
        <v>49</v>
      </c>
      <c r="IL11" s="102">
        <v>34</v>
      </c>
      <c r="IM11" s="103">
        <v>83</v>
      </c>
      <c r="IN11" s="413">
        <v>0</v>
      </c>
      <c r="IO11" s="102">
        <v>81</v>
      </c>
      <c r="IP11" s="102">
        <v>28</v>
      </c>
      <c r="IQ11" s="102">
        <v>22</v>
      </c>
      <c r="IR11" s="102">
        <v>17</v>
      </c>
      <c r="IS11" s="102">
        <v>13</v>
      </c>
      <c r="IT11" s="103">
        <v>161</v>
      </c>
      <c r="IU11" s="104">
        <v>244</v>
      </c>
      <c r="IV11" s="101">
        <v>59</v>
      </c>
      <c r="IW11" s="102">
        <v>44</v>
      </c>
      <c r="IX11" s="103">
        <v>103</v>
      </c>
      <c r="IY11" s="413">
        <v>0</v>
      </c>
      <c r="IZ11" s="102">
        <v>92</v>
      </c>
      <c r="JA11" s="102">
        <v>47</v>
      </c>
      <c r="JB11" s="102">
        <v>31</v>
      </c>
      <c r="JC11" s="102">
        <v>28</v>
      </c>
      <c r="JD11" s="102">
        <v>15</v>
      </c>
      <c r="JE11" s="103">
        <v>213</v>
      </c>
      <c r="JF11" s="104">
        <v>316</v>
      </c>
      <c r="JG11" s="101">
        <v>44</v>
      </c>
      <c r="JH11" s="102">
        <v>32</v>
      </c>
      <c r="JI11" s="103">
        <v>76</v>
      </c>
      <c r="JJ11" s="413">
        <v>0</v>
      </c>
      <c r="JK11" s="102">
        <v>96</v>
      </c>
      <c r="JL11" s="102">
        <v>54</v>
      </c>
      <c r="JM11" s="102">
        <v>41</v>
      </c>
      <c r="JN11" s="102">
        <v>29</v>
      </c>
      <c r="JO11" s="102">
        <v>12</v>
      </c>
      <c r="JP11" s="103">
        <v>232</v>
      </c>
      <c r="JQ11" s="104">
        <v>308</v>
      </c>
      <c r="JR11" s="101">
        <v>0</v>
      </c>
      <c r="JS11" s="102">
        <v>0</v>
      </c>
      <c r="JT11" s="103">
        <v>0</v>
      </c>
      <c r="JU11" s="413">
        <v>0</v>
      </c>
      <c r="JV11" s="102">
        <v>0</v>
      </c>
      <c r="JW11" s="102">
        <v>0</v>
      </c>
      <c r="JX11" s="102">
        <v>0</v>
      </c>
      <c r="JY11" s="102">
        <v>0</v>
      </c>
      <c r="JZ11" s="102">
        <v>0</v>
      </c>
      <c r="KA11" s="103">
        <v>0</v>
      </c>
      <c r="KB11" s="104">
        <v>0</v>
      </c>
      <c r="KC11" s="101">
        <v>193</v>
      </c>
      <c r="KD11" s="102">
        <v>144</v>
      </c>
      <c r="KE11" s="103">
        <v>337</v>
      </c>
      <c r="KF11" s="413">
        <v>0</v>
      </c>
      <c r="KG11" s="102">
        <v>336</v>
      </c>
      <c r="KH11" s="102">
        <v>161</v>
      </c>
      <c r="KI11" s="102">
        <v>114</v>
      </c>
      <c r="KJ11" s="102">
        <v>102</v>
      </c>
      <c r="KK11" s="102">
        <v>51</v>
      </c>
      <c r="KL11" s="103">
        <v>764</v>
      </c>
      <c r="KM11" s="104">
        <v>1101</v>
      </c>
    </row>
    <row r="12" spans="2:299" s="70" customFormat="1" ht="21" customHeight="1" x14ac:dyDescent="0.2">
      <c r="B12" s="106" t="s">
        <v>8</v>
      </c>
      <c r="C12" s="96">
        <v>62</v>
      </c>
      <c r="D12" s="97">
        <v>37</v>
      </c>
      <c r="E12" s="98">
        <v>99</v>
      </c>
      <c r="F12" s="413">
        <v>0</v>
      </c>
      <c r="G12" s="97">
        <v>108</v>
      </c>
      <c r="H12" s="97">
        <v>86</v>
      </c>
      <c r="I12" s="97">
        <v>60</v>
      </c>
      <c r="J12" s="97">
        <v>44</v>
      </c>
      <c r="K12" s="97">
        <v>24</v>
      </c>
      <c r="L12" s="99">
        <v>322</v>
      </c>
      <c r="M12" s="100">
        <v>421</v>
      </c>
      <c r="N12" s="101">
        <v>1</v>
      </c>
      <c r="O12" s="102">
        <v>2</v>
      </c>
      <c r="P12" s="103">
        <v>3</v>
      </c>
      <c r="Q12" s="413">
        <v>0</v>
      </c>
      <c r="R12" s="102">
        <v>5</v>
      </c>
      <c r="S12" s="102">
        <v>3</v>
      </c>
      <c r="T12" s="102">
        <v>3</v>
      </c>
      <c r="U12" s="102">
        <v>0</v>
      </c>
      <c r="V12" s="102">
        <v>1</v>
      </c>
      <c r="W12" s="103">
        <v>12</v>
      </c>
      <c r="X12" s="104">
        <v>15</v>
      </c>
      <c r="Y12" s="101">
        <v>6</v>
      </c>
      <c r="Z12" s="102">
        <v>5</v>
      </c>
      <c r="AA12" s="103">
        <v>11</v>
      </c>
      <c r="AB12" s="413">
        <v>0</v>
      </c>
      <c r="AC12" s="102">
        <v>6</v>
      </c>
      <c r="AD12" s="102">
        <v>6</v>
      </c>
      <c r="AE12" s="102">
        <v>1</v>
      </c>
      <c r="AF12" s="102">
        <v>5</v>
      </c>
      <c r="AG12" s="102">
        <v>3</v>
      </c>
      <c r="AH12" s="103">
        <v>21</v>
      </c>
      <c r="AI12" s="104">
        <v>32</v>
      </c>
      <c r="AJ12" s="101">
        <v>10</v>
      </c>
      <c r="AK12" s="102">
        <v>5</v>
      </c>
      <c r="AL12" s="103">
        <v>15</v>
      </c>
      <c r="AM12" s="413">
        <v>0</v>
      </c>
      <c r="AN12" s="102">
        <v>16</v>
      </c>
      <c r="AO12" s="102">
        <v>12</v>
      </c>
      <c r="AP12" s="102">
        <v>9</v>
      </c>
      <c r="AQ12" s="102">
        <v>6</v>
      </c>
      <c r="AR12" s="102">
        <v>4</v>
      </c>
      <c r="AS12" s="103">
        <v>47</v>
      </c>
      <c r="AT12" s="104">
        <v>62</v>
      </c>
      <c r="AU12" s="101">
        <v>14</v>
      </c>
      <c r="AV12" s="102">
        <v>9</v>
      </c>
      <c r="AW12" s="103">
        <v>23</v>
      </c>
      <c r="AX12" s="413">
        <v>0</v>
      </c>
      <c r="AY12" s="102">
        <v>29</v>
      </c>
      <c r="AZ12" s="102">
        <v>14</v>
      </c>
      <c r="BA12" s="102">
        <v>6</v>
      </c>
      <c r="BB12" s="102">
        <v>10</v>
      </c>
      <c r="BC12" s="102">
        <v>3</v>
      </c>
      <c r="BD12" s="103">
        <v>62</v>
      </c>
      <c r="BE12" s="104">
        <v>85</v>
      </c>
      <c r="BF12" s="101">
        <v>17</v>
      </c>
      <c r="BG12" s="102">
        <v>11</v>
      </c>
      <c r="BH12" s="103">
        <v>28</v>
      </c>
      <c r="BI12" s="413">
        <v>0</v>
      </c>
      <c r="BJ12" s="102">
        <v>28</v>
      </c>
      <c r="BK12" s="102">
        <v>28</v>
      </c>
      <c r="BL12" s="102">
        <v>17</v>
      </c>
      <c r="BM12" s="102">
        <v>7</v>
      </c>
      <c r="BN12" s="102">
        <v>7</v>
      </c>
      <c r="BO12" s="103">
        <v>87</v>
      </c>
      <c r="BP12" s="104">
        <v>115</v>
      </c>
      <c r="BQ12" s="101">
        <v>14</v>
      </c>
      <c r="BR12" s="102">
        <v>5</v>
      </c>
      <c r="BS12" s="103">
        <v>19</v>
      </c>
      <c r="BT12" s="413">
        <v>0</v>
      </c>
      <c r="BU12" s="102">
        <v>24</v>
      </c>
      <c r="BV12" s="102">
        <v>23</v>
      </c>
      <c r="BW12" s="102">
        <v>24</v>
      </c>
      <c r="BX12" s="102">
        <v>16</v>
      </c>
      <c r="BY12" s="102">
        <v>6</v>
      </c>
      <c r="BZ12" s="103">
        <v>93</v>
      </c>
      <c r="CA12" s="104">
        <v>112</v>
      </c>
      <c r="CB12" s="101">
        <v>0</v>
      </c>
      <c r="CC12" s="102">
        <v>0</v>
      </c>
      <c r="CD12" s="103">
        <v>0</v>
      </c>
      <c r="CE12" s="413">
        <v>0</v>
      </c>
      <c r="CF12" s="102">
        <v>0</v>
      </c>
      <c r="CG12" s="102">
        <v>0</v>
      </c>
      <c r="CH12" s="102">
        <v>0</v>
      </c>
      <c r="CI12" s="102">
        <v>0</v>
      </c>
      <c r="CJ12" s="102">
        <v>0</v>
      </c>
      <c r="CK12" s="103">
        <v>0</v>
      </c>
      <c r="CL12" s="104">
        <v>0</v>
      </c>
      <c r="CM12" s="101">
        <v>62</v>
      </c>
      <c r="CN12" s="102">
        <v>37</v>
      </c>
      <c r="CO12" s="103">
        <v>99</v>
      </c>
      <c r="CP12" s="413">
        <v>0</v>
      </c>
      <c r="CQ12" s="102">
        <v>108</v>
      </c>
      <c r="CR12" s="102">
        <v>86</v>
      </c>
      <c r="CS12" s="102">
        <v>60</v>
      </c>
      <c r="CT12" s="102">
        <v>44</v>
      </c>
      <c r="CU12" s="102">
        <v>24</v>
      </c>
      <c r="CV12" s="103">
        <v>322</v>
      </c>
      <c r="CW12" s="104">
        <v>421</v>
      </c>
      <c r="CX12" s="105">
        <v>27</v>
      </c>
      <c r="CY12" s="97">
        <v>26</v>
      </c>
      <c r="CZ12" s="98">
        <v>53</v>
      </c>
      <c r="DA12" s="413">
        <v>0</v>
      </c>
      <c r="DB12" s="97">
        <v>41</v>
      </c>
      <c r="DC12" s="97">
        <v>49</v>
      </c>
      <c r="DD12" s="97">
        <v>28</v>
      </c>
      <c r="DE12" s="97">
        <v>18</v>
      </c>
      <c r="DF12" s="97">
        <v>18</v>
      </c>
      <c r="DG12" s="99">
        <v>154</v>
      </c>
      <c r="DH12" s="100">
        <v>207</v>
      </c>
      <c r="DI12" s="101">
        <v>1</v>
      </c>
      <c r="DJ12" s="102">
        <v>0</v>
      </c>
      <c r="DK12" s="103">
        <v>1</v>
      </c>
      <c r="DL12" s="413">
        <v>0</v>
      </c>
      <c r="DM12" s="102">
        <v>2</v>
      </c>
      <c r="DN12" s="102">
        <v>1</v>
      </c>
      <c r="DO12" s="102">
        <v>0</v>
      </c>
      <c r="DP12" s="102">
        <v>1</v>
      </c>
      <c r="DQ12" s="102">
        <v>0</v>
      </c>
      <c r="DR12" s="103">
        <v>4</v>
      </c>
      <c r="DS12" s="104">
        <v>5</v>
      </c>
      <c r="DT12" s="101">
        <v>1</v>
      </c>
      <c r="DU12" s="102">
        <v>1</v>
      </c>
      <c r="DV12" s="103">
        <v>2</v>
      </c>
      <c r="DW12" s="413">
        <v>0</v>
      </c>
      <c r="DX12" s="102">
        <v>0</v>
      </c>
      <c r="DY12" s="102">
        <v>2</v>
      </c>
      <c r="DZ12" s="102">
        <v>0</v>
      </c>
      <c r="EA12" s="102">
        <v>2</v>
      </c>
      <c r="EB12" s="102">
        <v>0</v>
      </c>
      <c r="EC12" s="103">
        <v>4</v>
      </c>
      <c r="ED12" s="104">
        <v>6</v>
      </c>
      <c r="EE12" s="101">
        <v>3</v>
      </c>
      <c r="EF12" s="102">
        <v>7</v>
      </c>
      <c r="EG12" s="103">
        <v>10</v>
      </c>
      <c r="EH12" s="413">
        <v>0</v>
      </c>
      <c r="EI12" s="102">
        <v>7</v>
      </c>
      <c r="EJ12" s="102">
        <v>4</v>
      </c>
      <c r="EK12" s="102">
        <v>4</v>
      </c>
      <c r="EL12" s="102">
        <v>2</v>
      </c>
      <c r="EM12" s="102">
        <v>0</v>
      </c>
      <c r="EN12" s="103">
        <v>17</v>
      </c>
      <c r="EO12" s="104">
        <v>27</v>
      </c>
      <c r="EP12" s="101">
        <v>7</v>
      </c>
      <c r="EQ12" s="102">
        <v>5</v>
      </c>
      <c r="ER12" s="103">
        <v>12</v>
      </c>
      <c r="ES12" s="413">
        <v>0</v>
      </c>
      <c r="ET12" s="102">
        <v>7</v>
      </c>
      <c r="EU12" s="102">
        <v>10</v>
      </c>
      <c r="EV12" s="102">
        <v>3</v>
      </c>
      <c r="EW12" s="102">
        <v>2</v>
      </c>
      <c r="EX12" s="102">
        <v>4</v>
      </c>
      <c r="EY12" s="103">
        <v>26</v>
      </c>
      <c r="EZ12" s="104">
        <v>38</v>
      </c>
      <c r="FA12" s="101">
        <v>11</v>
      </c>
      <c r="FB12" s="102">
        <v>4</v>
      </c>
      <c r="FC12" s="103">
        <v>15</v>
      </c>
      <c r="FD12" s="413">
        <v>0</v>
      </c>
      <c r="FE12" s="102">
        <v>12</v>
      </c>
      <c r="FF12" s="102">
        <v>13</v>
      </c>
      <c r="FG12" s="102">
        <v>6</v>
      </c>
      <c r="FH12" s="102">
        <v>5</v>
      </c>
      <c r="FI12" s="102">
        <v>6</v>
      </c>
      <c r="FJ12" s="103">
        <v>42</v>
      </c>
      <c r="FK12" s="104">
        <v>57</v>
      </c>
      <c r="FL12" s="101">
        <v>4</v>
      </c>
      <c r="FM12" s="102">
        <v>9</v>
      </c>
      <c r="FN12" s="103">
        <v>13</v>
      </c>
      <c r="FO12" s="413">
        <v>0</v>
      </c>
      <c r="FP12" s="102">
        <v>13</v>
      </c>
      <c r="FQ12" s="102">
        <v>19</v>
      </c>
      <c r="FR12" s="102">
        <v>15</v>
      </c>
      <c r="FS12" s="102">
        <v>6</v>
      </c>
      <c r="FT12" s="102">
        <v>8</v>
      </c>
      <c r="FU12" s="103">
        <v>61</v>
      </c>
      <c r="FV12" s="104">
        <v>74</v>
      </c>
      <c r="FW12" s="101">
        <v>0</v>
      </c>
      <c r="FX12" s="102">
        <v>0</v>
      </c>
      <c r="FY12" s="103">
        <v>0</v>
      </c>
      <c r="FZ12" s="413">
        <v>0</v>
      </c>
      <c r="GA12" s="102">
        <v>0</v>
      </c>
      <c r="GB12" s="102">
        <v>0</v>
      </c>
      <c r="GC12" s="102">
        <v>0</v>
      </c>
      <c r="GD12" s="102">
        <v>0</v>
      </c>
      <c r="GE12" s="102">
        <v>0</v>
      </c>
      <c r="GF12" s="103">
        <v>0</v>
      </c>
      <c r="GG12" s="104">
        <v>0</v>
      </c>
      <c r="GH12" s="101">
        <v>27</v>
      </c>
      <c r="GI12" s="102">
        <v>26</v>
      </c>
      <c r="GJ12" s="103">
        <v>53</v>
      </c>
      <c r="GK12" s="413">
        <v>0</v>
      </c>
      <c r="GL12" s="102">
        <v>41</v>
      </c>
      <c r="GM12" s="102">
        <v>49</v>
      </c>
      <c r="GN12" s="102">
        <v>28</v>
      </c>
      <c r="GO12" s="102">
        <v>18</v>
      </c>
      <c r="GP12" s="102">
        <v>18</v>
      </c>
      <c r="GQ12" s="103">
        <v>154</v>
      </c>
      <c r="GR12" s="104">
        <v>207</v>
      </c>
      <c r="GS12" s="105">
        <v>89</v>
      </c>
      <c r="GT12" s="97">
        <v>63</v>
      </c>
      <c r="GU12" s="98">
        <v>152</v>
      </c>
      <c r="GV12" s="413">
        <v>0</v>
      </c>
      <c r="GW12" s="97">
        <v>149</v>
      </c>
      <c r="GX12" s="97">
        <v>135</v>
      </c>
      <c r="GY12" s="97">
        <v>88</v>
      </c>
      <c r="GZ12" s="97">
        <v>62</v>
      </c>
      <c r="HA12" s="97">
        <v>42</v>
      </c>
      <c r="HB12" s="99">
        <v>476</v>
      </c>
      <c r="HC12" s="100">
        <v>628</v>
      </c>
      <c r="HD12" s="101">
        <v>2</v>
      </c>
      <c r="HE12" s="102">
        <v>2</v>
      </c>
      <c r="HF12" s="103">
        <v>4</v>
      </c>
      <c r="HG12" s="413">
        <v>0</v>
      </c>
      <c r="HH12" s="102">
        <v>7</v>
      </c>
      <c r="HI12" s="102">
        <v>4</v>
      </c>
      <c r="HJ12" s="102">
        <v>3</v>
      </c>
      <c r="HK12" s="102">
        <v>1</v>
      </c>
      <c r="HL12" s="102">
        <v>1</v>
      </c>
      <c r="HM12" s="103">
        <v>16</v>
      </c>
      <c r="HN12" s="104">
        <v>20</v>
      </c>
      <c r="HO12" s="101">
        <v>7</v>
      </c>
      <c r="HP12" s="102">
        <v>6</v>
      </c>
      <c r="HQ12" s="103">
        <v>13</v>
      </c>
      <c r="HR12" s="413">
        <v>0</v>
      </c>
      <c r="HS12" s="102">
        <v>6</v>
      </c>
      <c r="HT12" s="102">
        <v>8</v>
      </c>
      <c r="HU12" s="102">
        <v>1</v>
      </c>
      <c r="HV12" s="102">
        <v>7</v>
      </c>
      <c r="HW12" s="102">
        <v>3</v>
      </c>
      <c r="HX12" s="103">
        <v>25</v>
      </c>
      <c r="HY12" s="104">
        <v>38</v>
      </c>
      <c r="HZ12" s="101">
        <v>13</v>
      </c>
      <c r="IA12" s="102">
        <v>12</v>
      </c>
      <c r="IB12" s="103">
        <v>25</v>
      </c>
      <c r="IC12" s="413">
        <v>0</v>
      </c>
      <c r="ID12" s="102">
        <v>23</v>
      </c>
      <c r="IE12" s="102">
        <v>16</v>
      </c>
      <c r="IF12" s="102">
        <v>13</v>
      </c>
      <c r="IG12" s="102">
        <v>8</v>
      </c>
      <c r="IH12" s="102">
        <v>4</v>
      </c>
      <c r="II12" s="103">
        <v>64</v>
      </c>
      <c r="IJ12" s="104">
        <v>89</v>
      </c>
      <c r="IK12" s="101">
        <v>21</v>
      </c>
      <c r="IL12" s="102">
        <v>14</v>
      </c>
      <c r="IM12" s="103">
        <v>35</v>
      </c>
      <c r="IN12" s="413">
        <v>0</v>
      </c>
      <c r="IO12" s="102">
        <v>36</v>
      </c>
      <c r="IP12" s="102">
        <v>24</v>
      </c>
      <c r="IQ12" s="102">
        <v>9</v>
      </c>
      <c r="IR12" s="102">
        <v>12</v>
      </c>
      <c r="IS12" s="102">
        <v>7</v>
      </c>
      <c r="IT12" s="103">
        <v>88</v>
      </c>
      <c r="IU12" s="104">
        <v>123</v>
      </c>
      <c r="IV12" s="101">
        <v>28</v>
      </c>
      <c r="IW12" s="102">
        <v>15</v>
      </c>
      <c r="IX12" s="103">
        <v>43</v>
      </c>
      <c r="IY12" s="413">
        <v>0</v>
      </c>
      <c r="IZ12" s="102">
        <v>40</v>
      </c>
      <c r="JA12" s="102">
        <v>41</v>
      </c>
      <c r="JB12" s="102">
        <v>23</v>
      </c>
      <c r="JC12" s="102">
        <v>12</v>
      </c>
      <c r="JD12" s="102">
        <v>13</v>
      </c>
      <c r="JE12" s="103">
        <v>129</v>
      </c>
      <c r="JF12" s="104">
        <v>172</v>
      </c>
      <c r="JG12" s="101">
        <v>18</v>
      </c>
      <c r="JH12" s="102">
        <v>14</v>
      </c>
      <c r="JI12" s="103">
        <v>32</v>
      </c>
      <c r="JJ12" s="413">
        <v>0</v>
      </c>
      <c r="JK12" s="102">
        <v>37</v>
      </c>
      <c r="JL12" s="102">
        <v>42</v>
      </c>
      <c r="JM12" s="102">
        <v>39</v>
      </c>
      <c r="JN12" s="102">
        <v>22</v>
      </c>
      <c r="JO12" s="102">
        <v>14</v>
      </c>
      <c r="JP12" s="103">
        <v>154</v>
      </c>
      <c r="JQ12" s="104">
        <v>186</v>
      </c>
      <c r="JR12" s="101">
        <v>0</v>
      </c>
      <c r="JS12" s="102">
        <v>0</v>
      </c>
      <c r="JT12" s="103">
        <v>0</v>
      </c>
      <c r="JU12" s="413">
        <v>0</v>
      </c>
      <c r="JV12" s="102">
        <v>0</v>
      </c>
      <c r="JW12" s="102">
        <v>0</v>
      </c>
      <c r="JX12" s="102">
        <v>0</v>
      </c>
      <c r="JY12" s="102">
        <v>0</v>
      </c>
      <c r="JZ12" s="102">
        <v>0</v>
      </c>
      <c r="KA12" s="103">
        <v>0</v>
      </c>
      <c r="KB12" s="104">
        <v>0</v>
      </c>
      <c r="KC12" s="101">
        <v>89</v>
      </c>
      <c r="KD12" s="102">
        <v>63</v>
      </c>
      <c r="KE12" s="103">
        <v>152</v>
      </c>
      <c r="KF12" s="413">
        <v>0</v>
      </c>
      <c r="KG12" s="102">
        <v>149</v>
      </c>
      <c r="KH12" s="102">
        <v>135</v>
      </c>
      <c r="KI12" s="102">
        <v>88</v>
      </c>
      <c r="KJ12" s="102">
        <v>62</v>
      </c>
      <c r="KK12" s="102">
        <v>42</v>
      </c>
      <c r="KL12" s="103">
        <v>476</v>
      </c>
      <c r="KM12" s="104">
        <v>628</v>
      </c>
    </row>
    <row r="13" spans="2:299" s="70" customFormat="1" ht="21" customHeight="1" x14ac:dyDescent="0.2">
      <c r="B13" s="106" t="s">
        <v>9</v>
      </c>
      <c r="C13" s="96">
        <v>208</v>
      </c>
      <c r="D13" s="97">
        <v>122</v>
      </c>
      <c r="E13" s="98">
        <v>330</v>
      </c>
      <c r="F13" s="413">
        <v>0</v>
      </c>
      <c r="G13" s="97">
        <v>234</v>
      </c>
      <c r="H13" s="97">
        <v>151</v>
      </c>
      <c r="I13" s="97">
        <v>120</v>
      </c>
      <c r="J13" s="97">
        <v>87</v>
      </c>
      <c r="K13" s="97">
        <v>52</v>
      </c>
      <c r="L13" s="99">
        <v>644</v>
      </c>
      <c r="M13" s="100">
        <v>974</v>
      </c>
      <c r="N13" s="101">
        <v>3</v>
      </c>
      <c r="O13" s="102">
        <v>5</v>
      </c>
      <c r="P13" s="103">
        <v>8</v>
      </c>
      <c r="Q13" s="413">
        <v>0</v>
      </c>
      <c r="R13" s="102">
        <v>3</v>
      </c>
      <c r="S13" s="102">
        <v>5</v>
      </c>
      <c r="T13" s="102">
        <v>3</v>
      </c>
      <c r="U13" s="102">
        <v>1</v>
      </c>
      <c r="V13" s="102">
        <v>2</v>
      </c>
      <c r="W13" s="103">
        <v>14</v>
      </c>
      <c r="X13" s="104">
        <v>22</v>
      </c>
      <c r="Y13" s="101">
        <v>5</v>
      </c>
      <c r="Z13" s="102">
        <v>6</v>
      </c>
      <c r="AA13" s="103">
        <v>11</v>
      </c>
      <c r="AB13" s="413">
        <v>0</v>
      </c>
      <c r="AC13" s="102">
        <v>9</v>
      </c>
      <c r="AD13" s="102">
        <v>7</v>
      </c>
      <c r="AE13" s="102">
        <v>0</v>
      </c>
      <c r="AF13" s="102">
        <v>5</v>
      </c>
      <c r="AG13" s="102">
        <v>5</v>
      </c>
      <c r="AH13" s="103">
        <v>26</v>
      </c>
      <c r="AI13" s="104">
        <v>37</v>
      </c>
      <c r="AJ13" s="101">
        <v>22</v>
      </c>
      <c r="AK13" s="102">
        <v>12</v>
      </c>
      <c r="AL13" s="103">
        <v>34</v>
      </c>
      <c r="AM13" s="413">
        <v>0</v>
      </c>
      <c r="AN13" s="102">
        <v>13</v>
      </c>
      <c r="AO13" s="102">
        <v>8</v>
      </c>
      <c r="AP13" s="102">
        <v>13</v>
      </c>
      <c r="AQ13" s="102">
        <v>5</v>
      </c>
      <c r="AR13" s="102">
        <v>2</v>
      </c>
      <c r="AS13" s="103">
        <v>41</v>
      </c>
      <c r="AT13" s="104">
        <v>75</v>
      </c>
      <c r="AU13" s="101">
        <v>52</v>
      </c>
      <c r="AV13" s="102">
        <v>23</v>
      </c>
      <c r="AW13" s="103">
        <v>75</v>
      </c>
      <c r="AX13" s="413">
        <v>0</v>
      </c>
      <c r="AY13" s="102">
        <v>45</v>
      </c>
      <c r="AZ13" s="102">
        <v>26</v>
      </c>
      <c r="BA13" s="102">
        <v>27</v>
      </c>
      <c r="BB13" s="102">
        <v>10</v>
      </c>
      <c r="BC13" s="102">
        <v>6</v>
      </c>
      <c r="BD13" s="103">
        <v>114</v>
      </c>
      <c r="BE13" s="104">
        <v>189</v>
      </c>
      <c r="BF13" s="101">
        <v>69</v>
      </c>
      <c r="BG13" s="102">
        <v>45</v>
      </c>
      <c r="BH13" s="103">
        <v>114</v>
      </c>
      <c r="BI13" s="413">
        <v>0</v>
      </c>
      <c r="BJ13" s="102">
        <v>86</v>
      </c>
      <c r="BK13" s="102">
        <v>38</v>
      </c>
      <c r="BL13" s="102">
        <v>32</v>
      </c>
      <c r="BM13" s="102">
        <v>22</v>
      </c>
      <c r="BN13" s="102">
        <v>18</v>
      </c>
      <c r="BO13" s="103">
        <v>196</v>
      </c>
      <c r="BP13" s="104">
        <v>310</v>
      </c>
      <c r="BQ13" s="101">
        <v>57</v>
      </c>
      <c r="BR13" s="102">
        <v>31</v>
      </c>
      <c r="BS13" s="103">
        <v>88</v>
      </c>
      <c r="BT13" s="413">
        <v>0</v>
      </c>
      <c r="BU13" s="102">
        <v>78</v>
      </c>
      <c r="BV13" s="102">
        <v>67</v>
      </c>
      <c r="BW13" s="102">
        <v>45</v>
      </c>
      <c r="BX13" s="102">
        <v>44</v>
      </c>
      <c r="BY13" s="102">
        <v>19</v>
      </c>
      <c r="BZ13" s="103">
        <v>253</v>
      </c>
      <c r="CA13" s="104">
        <v>341</v>
      </c>
      <c r="CB13" s="101">
        <v>0</v>
      </c>
      <c r="CC13" s="102">
        <v>0</v>
      </c>
      <c r="CD13" s="103">
        <v>0</v>
      </c>
      <c r="CE13" s="413">
        <v>0</v>
      </c>
      <c r="CF13" s="102">
        <v>0</v>
      </c>
      <c r="CG13" s="102">
        <v>0</v>
      </c>
      <c r="CH13" s="102">
        <v>0</v>
      </c>
      <c r="CI13" s="102">
        <v>0</v>
      </c>
      <c r="CJ13" s="102">
        <v>0</v>
      </c>
      <c r="CK13" s="103">
        <v>0</v>
      </c>
      <c r="CL13" s="104">
        <v>0</v>
      </c>
      <c r="CM13" s="101">
        <v>208</v>
      </c>
      <c r="CN13" s="102">
        <v>122</v>
      </c>
      <c r="CO13" s="103">
        <v>330</v>
      </c>
      <c r="CP13" s="413">
        <v>0</v>
      </c>
      <c r="CQ13" s="102">
        <v>234</v>
      </c>
      <c r="CR13" s="102">
        <v>151</v>
      </c>
      <c r="CS13" s="102">
        <v>120</v>
      </c>
      <c r="CT13" s="102">
        <v>87</v>
      </c>
      <c r="CU13" s="102">
        <v>52</v>
      </c>
      <c r="CV13" s="103">
        <v>644</v>
      </c>
      <c r="CW13" s="104">
        <v>974</v>
      </c>
      <c r="CX13" s="105">
        <v>73</v>
      </c>
      <c r="CY13" s="97">
        <v>54</v>
      </c>
      <c r="CZ13" s="98">
        <v>127</v>
      </c>
      <c r="DA13" s="413">
        <v>0</v>
      </c>
      <c r="DB13" s="97">
        <v>78</v>
      </c>
      <c r="DC13" s="97">
        <v>65</v>
      </c>
      <c r="DD13" s="97">
        <v>37</v>
      </c>
      <c r="DE13" s="97">
        <v>51</v>
      </c>
      <c r="DF13" s="97">
        <v>19</v>
      </c>
      <c r="DG13" s="99">
        <v>250</v>
      </c>
      <c r="DH13" s="100">
        <v>377</v>
      </c>
      <c r="DI13" s="101">
        <v>2</v>
      </c>
      <c r="DJ13" s="102">
        <v>1</v>
      </c>
      <c r="DK13" s="103">
        <v>3</v>
      </c>
      <c r="DL13" s="413">
        <v>0</v>
      </c>
      <c r="DM13" s="102">
        <v>0</v>
      </c>
      <c r="DN13" s="102">
        <v>0</v>
      </c>
      <c r="DO13" s="102">
        <v>0</v>
      </c>
      <c r="DP13" s="102">
        <v>1</v>
      </c>
      <c r="DQ13" s="102">
        <v>2</v>
      </c>
      <c r="DR13" s="103">
        <v>3</v>
      </c>
      <c r="DS13" s="104">
        <v>6</v>
      </c>
      <c r="DT13" s="101">
        <v>3</v>
      </c>
      <c r="DU13" s="102">
        <v>6</v>
      </c>
      <c r="DV13" s="103">
        <v>9</v>
      </c>
      <c r="DW13" s="413">
        <v>0</v>
      </c>
      <c r="DX13" s="102">
        <v>4</v>
      </c>
      <c r="DY13" s="102">
        <v>0</v>
      </c>
      <c r="DZ13" s="102">
        <v>0</v>
      </c>
      <c r="EA13" s="102">
        <v>1</v>
      </c>
      <c r="EB13" s="102">
        <v>1</v>
      </c>
      <c r="EC13" s="103">
        <v>6</v>
      </c>
      <c r="ED13" s="104">
        <v>15</v>
      </c>
      <c r="EE13" s="101">
        <v>9</v>
      </c>
      <c r="EF13" s="102">
        <v>7</v>
      </c>
      <c r="EG13" s="103">
        <v>16</v>
      </c>
      <c r="EH13" s="413">
        <v>0</v>
      </c>
      <c r="EI13" s="102">
        <v>9</v>
      </c>
      <c r="EJ13" s="102">
        <v>8</v>
      </c>
      <c r="EK13" s="102">
        <v>3</v>
      </c>
      <c r="EL13" s="102">
        <v>4</v>
      </c>
      <c r="EM13" s="102">
        <v>0</v>
      </c>
      <c r="EN13" s="103">
        <v>24</v>
      </c>
      <c r="EO13" s="104">
        <v>40</v>
      </c>
      <c r="EP13" s="101">
        <v>25</v>
      </c>
      <c r="EQ13" s="102">
        <v>17</v>
      </c>
      <c r="ER13" s="103">
        <v>42</v>
      </c>
      <c r="ES13" s="413">
        <v>0</v>
      </c>
      <c r="ET13" s="102">
        <v>20</v>
      </c>
      <c r="EU13" s="102">
        <v>9</v>
      </c>
      <c r="EV13" s="102">
        <v>8</v>
      </c>
      <c r="EW13" s="102">
        <v>6</v>
      </c>
      <c r="EX13" s="102">
        <v>2</v>
      </c>
      <c r="EY13" s="103">
        <v>45</v>
      </c>
      <c r="EZ13" s="104">
        <v>87</v>
      </c>
      <c r="FA13" s="101">
        <v>19</v>
      </c>
      <c r="FB13" s="102">
        <v>10</v>
      </c>
      <c r="FC13" s="103">
        <v>29</v>
      </c>
      <c r="FD13" s="413">
        <v>0</v>
      </c>
      <c r="FE13" s="102">
        <v>28</v>
      </c>
      <c r="FF13" s="102">
        <v>16</v>
      </c>
      <c r="FG13" s="102">
        <v>7</v>
      </c>
      <c r="FH13" s="102">
        <v>7</v>
      </c>
      <c r="FI13" s="102">
        <v>4</v>
      </c>
      <c r="FJ13" s="103">
        <v>62</v>
      </c>
      <c r="FK13" s="104">
        <v>91</v>
      </c>
      <c r="FL13" s="101">
        <v>15</v>
      </c>
      <c r="FM13" s="102">
        <v>13</v>
      </c>
      <c r="FN13" s="103">
        <v>28</v>
      </c>
      <c r="FO13" s="413">
        <v>0</v>
      </c>
      <c r="FP13" s="102">
        <v>17</v>
      </c>
      <c r="FQ13" s="102">
        <v>32</v>
      </c>
      <c r="FR13" s="102">
        <v>19</v>
      </c>
      <c r="FS13" s="102">
        <v>32</v>
      </c>
      <c r="FT13" s="102">
        <v>10</v>
      </c>
      <c r="FU13" s="103">
        <v>110</v>
      </c>
      <c r="FV13" s="104">
        <v>138</v>
      </c>
      <c r="FW13" s="101">
        <v>0</v>
      </c>
      <c r="FX13" s="102">
        <v>0</v>
      </c>
      <c r="FY13" s="103">
        <v>0</v>
      </c>
      <c r="FZ13" s="413">
        <v>0</v>
      </c>
      <c r="GA13" s="102">
        <v>0</v>
      </c>
      <c r="GB13" s="102">
        <v>0</v>
      </c>
      <c r="GC13" s="102">
        <v>0</v>
      </c>
      <c r="GD13" s="102">
        <v>0</v>
      </c>
      <c r="GE13" s="102">
        <v>0</v>
      </c>
      <c r="GF13" s="103">
        <v>0</v>
      </c>
      <c r="GG13" s="104">
        <v>0</v>
      </c>
      <c r="GH13" s="101">
        <v>73</v>
      </c>
      <c r="GI13" s="102">
        <v>54</v>
      </c>
      <c r="GJ13" s="103">
        <v>127</v>
      </c>
      <c r="GK13" s="413">
        <v>0</v>
      </c>
      <c r="GL13" s="102">
        <v>78</v>
      </c>
      <c r="GM13" s="102">
        <v>65</v>
      </c>
      <c r="GN13" s="102">
        <v>37</v>
      </c>
      <c r="GO13" s="102">
        <v>51</v>
      </c>
      <c r="GP13" s="102">
        <v>19</v>
      </c>
      <c r="GQ13" s="103">
        <v>250</v>
      </c>
      <c r="GR13" s="104">
        <v>377</v>
      </c>
      <c r="GS13" s="105">
        <v>281</v>
      </c>
      <c r="GT13" s="97">
        <v>176</v>
      </c>
      <c r="GU13" s="98">
        <v>457</v>
      </c>
      <c r="GV13" s="413">
        <v>0</v>
      </c>
      <c r="GW13" s="97">
        <v>312</v>
      </c>
      <c r="GX13" s="97">
        <v>216</v>
      </c>
      <c r="GY13" s="97">
        <v>157</v>
      </c>
      <c r="GZ13" s="97">
        <v>138</v>
      </c>
      <c r="HA13" s="97">
        <v>71</v>
      </c>
      <c r="HB13" s="99">
        <v>894</v>
      </c>
      <c r="HC13" s="100">
        <v>1351</v>
      </c>
      <c r="HD13" s="101">
        <v>5</v>
      </c>
      <c r="HE13" s="102">
        <v>6</v>
      </c>
      <c r="HF13" s="103">
        <v>11</v>
      </c>
      <c r="HG13" s="413">
        <v>0</v>
      </c>
      <c r="HH13" s="102">
        <v>3</v>
      </c>
      <c r="HI13" s="102">
        <v>5</v>
      </c>
      <c r="HJ13" s="102">
        <v>3</v>
      </c>
      <c r="HK13" s="102">
        <v>2</v>
      </c>
      <c r="HL13" s="102">
        <v>4</v>
      </c>
      <c r="HM13" s="103">
        <v>17</v>
      </c>
      <c r="HN13" s="104">
        <v>28</v>
      </c>
      <c r="HO13" s="101">
        <v>8</v>
      </c>
      <c r="HP13" s="102">
        <v>12</v>
      </c>
      <c r="HQ13" s="103">
        <v>20</v>
      </c>
      <c r="HR13" s="413">
        <v>0</v>
      </c>
      <c r="HS13" s="102">
        <v>13</v>
      </c>
      <c r="HT13" s="102">
        <v>7</v>
      </c>
      <c r="HU13" s="102">
        <v>0</v>
      </c>
      <c r="HV13" s="102">
        <v>6</v>
      </c>
      <c r="HW13" s="102">
        <v>6</v>
      </c>
      <c r="HX13" s="103">
        <v>32</v>
      </c>
      <c r="HY13" s="104">
        <v>52</v>
      </c>
      <c r="HZ13" s="101">
        <v>31</v>
      </c>
      <c r="IA13" s="102">
        <v>19</v>
      </c>
      <c r="IB13" s="103">
        <v>50</v>
      </c>
      <c r="IC13" s="413">
        <v>0</v>
      </c>
      <c r="ID13" s="102">
        <v>22</v>
      </c>
      <c r="IE13" s="102">
        <v>16</v>
      </c>
      <c r="IF13" s="102">
        <v>16</v>
      </c>
      <c r="IG13" s="102">
        <v>9</v>
      </c>
      <c r="IH13" s="102">
        <v>2</v>
      </c>
      <c r="II13" s="103">
        <v>65</v>
      </c>
      <c r="IJ13" s="104">
        <v>115</v>
      </c>
      <c r="IK13" s="101">
        <v>77</v>
      </c>
      <c r="IL13" s="102">
        <v>40</v>
      </c>
      <c r="IM13" s="103">
        <v>117</v>
      </c>
      <c r="IN13" s="413">
        <v>0</v>
      </c>
      <c r="IO13" s="102">
        <v>65</v>
      </c>
      <c r="IP13" s="102">
        <v>35</v>
      </c>
      <c r="IQ13" s="102">
        <v>35</v>
      </c>
      <c r="IR13" s="102">
        <v>16</v>
      </c>
      <c r="IS13" s="102">
        <v>8</v>
      </c>
      <c r="IT13" s="103">
        <v>159</v>
      </c>
      <c r="IU13" s="104">
        <v>276</v>
      </c>
      <c r="IV13" s="101">
        <v>88</v>
      </c>
      <c r="IW13" s="102">
        <v>55</v>
      </c>
      <c r="IX13" s="103">
        <v>143</v>
      </c>
      <c r="IY13" s="413">
        <v>0</v>
      </c>
      <c r="IZ13" s="102">
        <v>114</v>
      </c>
      <c r="JA13" s="102">
        <v>54</v>
      </c>
      <c r="JB13" s="102">
        <v>39</v>
      </c>
      <c r="JC13" s="102">
        <v>29</v>
      </c>
      <c r="JD13" s="102">
        <v>22</v>
      </c>
      <c r="JE13" s="103">
        <v>258</v>
      </c>
      <c r="JF13" s="104">
        <v>401</v>
      </c>
      <c r="JG13" s="101">
        <v>72</v>
      </c>
      <c r="JH13" s="102">
        <v>44</v>
      </c>
      <c r="JI13" s="103">
        <v>116</v>
      </c>
      <c r="JJ13" s="413">
        <v>0</v>
      </c>
      <c r="JK13" s="102">
        <v>95</v>
      </c>
      <c r="JL13" s="102">
        <v>99</v>
      </c>
      <c r="JM13" s="102">
        <v>64</v>
      </c>
      <c r="JN13" s="102">
        <v>76</v>
      </c>
      <c r="JO13" s="102">
        <v>29</v>
      </c>
      <c r="JP13" s="103">
        <v>363</v>
      </c>
      <c r="JQ13" s="104">
        <v>479</v>
      </c>
      <c r="JR13" s="101">
        <v>0</v>
      </c>
      <c r="JS13" s="102">
        <v>0</v>
      </c>
      <c r="JT13" s="103">
        <v>0</v>
      </c>
      <c r="JU13" s="413">
        <v>0</v>
      </c>
      <c r="JV13" s="102">
        <v>0</v>
      </c>
      <c r="JW13" s="102">
        <v>0</v>
      </c>
      <c r="JX13" s="102">
        <v>0</v>
      </c>
      <c r="JY13" s="102">
        <v>0</v>
      </c>
      <c r="JZ13" s="102">
        <v>0</v>
      </c>
      <c r="KA13" s="103">
        <v>0</v>
      </c>
      <c r="KB13" s="104">
        <v>0</v>
      </c>
      <c r="KC13" s="101">
        <v>281</v>
      </c>
      <c r="KD13" s="102">
        <v>176</v>
      </c>
      <c r="KE13" s="103">
        <v>457</v>
      </c>
      <c r="KF13" s="413">
        <v>0</v>
      </c>
      <c r="KG13" s="102">
        <v>312</v>
      </c>
      <c r="KH13" s="102">
        <v>216</v>
      </c>
      <c r="KI13" s="102">
        <v>157</v>
      </c>
      <c r="KJ13" s="102">
        <v>138</v>
      </c>
      <c r="KK13" s="102">
        <v>71</v>
      </c>
      <c r="KL13" s="103">
        <v>894</v>
      </c>
      <c r="KM13" s="104">
        <v>1351</v>
      </c>
    </row>
    <row r="14" spans="2:299" s="70" customFormat="1" ht="21" customHeight="1" x14ac:dyDescent="0.2">
      <c r="B14" s="106" t="s">
        <v>10</v>
      </c>
      <c r="C14" s="96">
        <v>298</v>
      </c>
      <c r="D14" s="97">
        <v>205</v>
      </c>
      <c r="E14" s="98">
        <v>503</v>
      </c>
      <c r="F14" s="413">
        <v>0</v>
      </c>
      <c r="G14" s="97">
        <v>277</v>
      </c>
      <c r="H14" s="97">
        <v>149</v>
      </c>
      <c r="I14" s="97">
        <v>117</v>
      </c>
      <c r="J14" s="97">
        <v>89</v>
      </c>
      <c r="K14" s="97">
        <v>76</v>
      </c>
      <c r="L14" s="99">
        <v>708</v>
      </c>
      <c r="M14" s="100">
        <v>1211</v>
      </c>
      <c r="N14" s="101">
        <v>16</v>
      </c>
      <c r="O14" s="102">
        <v>12</v>
      </c>
      <c r="P14" s="103">
        <v>28</v>
      </c>
      <c r="Q14" s="413">
        <v>0</v>
      </c>
      <c r="R14" s="102">
        <v>5</v>
      </c>
      <c r="S14" s="102">
        <v>7</v>
      </c>
      <c r="T14" s="102">
        <v>3</v>
      </c>
      <c r="U14" s="102">
        <v>2</v>
      </c>
      <c r="V14" s="102">
        <v>3</v>
      </c>
      <c r="W14" s="103">
        <v>20</v>
      </c>
      <c r="X14" s="104">
        <v>48</v>
      </c>
      <c r="Y14" s="101">
        <v>15</v>
      </c>
      <c r="Z14" s="102">
        <v>11</v>
      </c>
      <c r="AA14" s="103">
        <v>26</v>
      </c>
      <c r="AB14" s="413">
        <v>0</v>
      </c>
      <c r="AC14" s="102">
        <v>15</v>
      </c>
      <c r="AD14" s="102">
        <v>17</v>
      </c>
      <c r="AE14" s="102">
        <v>10</v>
      </c>
      <c r="AF14" s="102">
        <v>8</v>
      </c>
      <c r="AG14" s="102">
        <v>8</v>
      </c>
      <c r="AH14" s="103">
        <v>58</v>
      </c>
      <c r="AI14" s="104">
        <v>84</v>
      </c>
      <c r="AJ14" s="101">
        <v>21</v>
      </c>
      <c r="AK14" s="102">
        <v>26</v>
      </c>
      <c r="AL14" s="103">
        <v>47</v>
      </c>
      <c r="AM14" s="413">
        <v>0</v>
      </c>
      <c r="AN14" s="102">
        <v>37</v>
      </c>
      <c r="AO14" s="102">
        <v>19</v>
      </c>
      <c r="AP14" s="102">
        <v>12</v>
      </c>
      <c r="AQ14" s="102">
        <v>5</v>
      </c>
      <c r="AR14" s="102">
        <v>16</v>
      </c>
      <c r="AS14" s="103">
        <v>89</v>
      </c>
      <c r="AT14" s="104">
        <v>136</v>
      </c>
      <c r="AU14" s="101">
        <v>66</v>
      </c>
      <c r="AV14" s="102">
        <v>41</v>
      </c>
      <c r="AW14" s="103">
        <v>107</v>
      </c>
      <c r="AX14" s="413">
        <v>0</v>
      </c>
      <c r="AY14" s="102">
        <v>71</v>
      </c>
      <c r="AZ14" s="102">
        <v>23</v>
      </c>
      <c r="BA14" s="102">
        <v>21</v>
      </c>
      <c r="BB14" s="102">
        <v>20</v>
      </c>
      <c r="BC14" s="102">
        <v>19</v>
      </c>
      <c r="BD14" s="103">
        <v>154</v>
      </c>
      <c r="BE14" s="104">
        <v>261</v>
      </c>
      <c r="BF14" s="101">
        <v>94</v>
      </c>
      <c r="BG14" s="102">
        <v>54</v>
      </c>
      <c r="BH14" s="103">
        <v>148</v>
      </c>
      <c r="BI14" s="413">
        <v>0</v>
      </c>
      <c r="BJ14" s="102">
        <v>68</v>
      </c>
      <c r="BK14" s="102">
        <v>40</v>
      </c>
      <c r="BL14" s="102">
        <v>33</v>
      </c>
      <c r="BM14" s="102">
        <v>19</v>
      </c>
      <c r="BN14" s="102">
        <v>14</v>
      </c>
      <c r="BO14" s="103">
        <v>174</v>
      </c>
      <c r="BP14" s="104">
        <v>322</v>
      </c>
      <c r="BQ14" s="101">
        <v>86</v>
      </c>
      <c r="BR14" s="102">
        <v>61</v>
      </c>
      <c r="BS14" s="103">
        <v>147</v>
      </c>
      <c r="BT14" s="413">
        <v>0</v>
      </c>
      <c r="BU14" s="102">
        <v>81</v>
      </c>
      <c r="BV14" s="102">
        <v>43</v>
      </c>
      <c r="BW14" s="102">
        <v>38</v>
      </c>
      <c r="BX14" s="102">
        <v>35</v>
      </c>
      <c r="BY14" s="102">
        <v>16</v>
      </c>
      <c r="BZ14" s="103">
        <v>213</v>
      </c>
      <c r="CA14" s="104">
        <v>360</v>
      </c>
      <c r="CB14" s="101">
        <v>0</v>
      </c>
      <c r="CC14" s="102">
        <v>0</v>
      </c>
      <c r="CD14" s="103">
        <v>0</v>
      </c>
      <c r="CE14" s="413">
        <v>0</v>
      </c>
      <c r="CF14" s="102">
        <v>0</v>
      </c>
      <c r="CG14" s="102">
        <v>0</v>
      </c>
      <c r="CH14" s="102">
        <v>0</v>
      </c>
      <c r="CI14" s="102">
        <v>0</v>
      </c>
      <c r="CJ14" s="102">
        <v>0</v>
      </c>
      <c r="CK14" s="103">
        <v>0</v>
      </c>
      <c r="CL14" s="104">
        <v>0</v>
      </c>
      <c r="CM14" s="101">
        <v>298</v>
      </c>
      <c r="CN14" s="102">
        <v>205</v>
      </c>
      <c r="CO14" s="103">
        <v>503</v>
      </c>
      <c r="CP14" s="413">
        <v>0</v>
      </c>
      <c r="CQ14" s="102">
        <v>277</v>
      </c>
      <c r="CR14" s="102">
        <v>149</v>
      </c>
      <c r="CS14" s="102">
        <v>117</v>
      </c>
      <c r="CT14" s="102">
        <v>89</v>
      </c>
      <c r="CU14" s="102">
        <v>76</v>
      </c>
      <c r="CV14" s="103">
        <v>708</v>
      </c>
      <c r="CW14" s="104">
        <v>1211</v>
      </c>
      <c r="CX14" s="105">
        <v>108</v>
      </c>
      <c r="CY14" s="97">
        <v>77</v>
      </c>
      <c r="CZ14" s="98">
        <v>185</v>
      </c>
      <c r="DA14" s="413">
        <v>0</v>
      </c>
      <c r="DB14" s="97">
        <v>125</v>
      </c>
      <c r="DC14" s="97">
        <v>57</v>
      </c>
      <c r="DD14" s="97">
        <v>40</v>
      </c>
      <c r="DE14" s="97">
        <v>57</v>
      </c>
      <c r="DF14" s="97">
        <v>37</v>
      </c>
      <c r="DG14" s="99">
        <v>316</v>
      </c>
      <c r="DH14" s="100">
        <v>501</v>
      </c>
      <c r="DI14" s="101">
        <v>4</v>
      </c>
      <c r="DJ14" s="102">
        <v>4</v>
      </c>
      <c r="DK14" s="103">
        <v>8</v>
      </c>
      <c r="DL14" s="413">
        <v>0</v>
      </c>
      <c r="DM14" s="102">
        <v>2</v>
      </c>
      <c r="DN14" s="102">
        <v>0</v>
      </c>
      <c r="DO14" s="102">
        <v>0</v>
      </c>
      <c r="DP14" s="102">
        <v>1</v>
      </c>
      <c r="DQ14" s="102">
        <v>0</v>
      </c>
      <c r="DR14" s="103">
        <v>3</v>
      </c>
      <c r="DS14" s="104">
        <v>11</v>
      </c>
      <c r="DT14" s="101">
        <v>8</v>
      </c>
      <c r="DU14" s="102">
        <v>3</v>
      </c>
      <c r="DV14" s="103">
        <v>11</v>
      </c>
      <c r="DW14" s="413">
        <v>0</v>
      </c>
      <c r="DX14" s="102">
        <v>7</v>
      </c>
      <c r="DY14" s="102">
        <v>4</v>
      </c>
      <c r="DZ14" s="102">
        <v>1</v>
      </c>
      <c r="EA14" s="102">
        <v>1</v>
      </c>
      <c r="EB14" s="102">
        <v>0</v>
      </c>
      <c r="EC14" s="103">
        <v>13</v>
      </c>
      <c r="ED14" s="104">
        <v>24</v>
      </c>
      <c r="EE14" s="101">
        <v>12</v>
      </c>
      <c r="EF14" s="102">
        <v>16</v>
      </c>
      <c r="EG14" s="103">
        <v>28</v>
      </c>
      <c r="EH14" s="413">
        <v>0</v>
      </c>
      <c r="EI14" s="102">
        <v>14</v>
      </c>
      <c r="EJ14" s="102">
        <v>5</v>
      </c>
      <c r="EK14" s="102">
        <v>2</v>
      </c>
      <c r="EL14" s="102">
        <v>2</v>
      </c>
      <c r="EM14" s="102">
        <v>1</v>
      </c>
      <c r="EN14" s="103">
        <v>24</v>
      </c>
      <c r="EO14" s="104">
        <v>52</v>
      </c>
      <c r="EP14" s="101">
        <v>30</v>
      </c>
      <c r="EQ14" s="102">
        <v>15</v>
      </c>
      <c r="ER14" s="103">
        <v>45</v>
      </c>
      <c r="ES14" s="413">
        <v>0</v>
      </c>
      <c r="ET14" s="102">
        <v>25</v>
      </c>
      <c r="EU14" s="102">
        <v>12</v>
      </c>
      <c r="EV14" s="102">
        <v>5</v>
      </c>
      <c r="EW14" s="102">
        <v>8</v>
      </c>
      <c r="EX14" s="102">
        <v>6</v>
      </c>
      <c r="EY14" s="103">
        <v>56</v>
      </c>
      <c r="EZ14" s="104">
        <v>101</v>
      </c>
      <c r="FA14" s="101">
        <v>30</v>
      </c>
      <c r="FB14" s="102">
        <v>24</v>
      </c>
      <c r="FC14" s="103">
        <v>54</v>
      </c>
      <c r="FD14" s="413">
        <v>0</v>
      </c>
      <c r="FE14" s="102">
        <v>33</v>
      </c>
      <c r="FF14" s="102">
        <v>13</v>
      </c>
      <c r="FG14" s="102">
        <v>13</v>
      </c>
      <c r="FH14" s="102">
        <v>13</v>
      </c>
      <c r="FI14" s="102">
        <v>10</v>
      </c>
      <c r="FJ14" s="103">
        <v>82</v>
      </c>
      <c r="FK14" s="104">
        <v>136</v>
      </c>
      <c r="FL14" s="101">
        <v>24</v>
      </c>
      <c r="FM14" s="102">
        <v>15</v>
      </c>
      <c r="FN14" s="103">
        <v>39</v>
      </c>
      <c r="FO14" s="413">
        <v>0</v>
      </c>
      <c r="FP14" s="102">
        <v>44</v>
      </c>
      <c r="FQ14" s="102">
        <v>23</v>
      </c>
      <c r="FR14" s="102">
        <v>19</v>
      </c>
      <c r="FS14" s="102">
        <v>32</v>
      </c>
      <c r="FT14" s="102">
        <v>20</v>
      </c>
      <c r="FU14" s="103">
        <v>138</v>
      </c>
      <c r="FV14" s="104">
        <v>177</v>
      </c>
      <c r="FW14" s="101">
        <v>0</v>
      </c>
      <c r="FX14" s="102">
        <v>0</v>
      </c>
      <c r="FY14" s="103">
        <v>0</v>
      </c>
      <c r="FZ14" s="413">
        <v>0</v>
      </c>
      <c r="GA14" s="102">
        <v>0</v>
      </c>
      <c r="GB14" s="102">
        <v>0</v>
      </c>
      <c r="GC14" s="102">
        <v>0</v>
      </c>
      <c r="GD14" s="102">
        <v>0</v>
      </c>
      <c r="GE14" s="102">
        <v>0</v>
      </c>
      <c r="GF14" s="103">
        <v>0</v>
      </c>
      <c r="GG14" s="104">
        <v>0</v>
      </c>
      <c r="GH14" s="101">
        <v>108</v>
      </c>
      <c r="GI14" s="102">
        <v>77</v>
      </c>
      <c r="GJ14" s="103">
        <v>185</v>
      </c>
      <c r="GK14" s="413">
        <v>0</v>
      </c>
      <c r="GL14" s="102">
        <v>125</v>
      </c>
      <c r="GM14" s="102">
        <v>57</v>
      </c>
      <c r="GN14" s="102">
        <v>40</v>
      </c>
      <c r="GO14" s="102">
        <v>57</v>
      </c>
      <c r="GP14" s="102">
        <v>37</v>
      </c>
      <c r="GQ14" s="103">
        <v>316</v>
      </c>
      <c r="GR14" s="104">
        <v>501</v>
      </c>
      <c r="GS14" s="105">
        <v>406</v>
      </c>
      <c r="GT14" s="97">
        <v>282</v>
      </c>
      <c r="GU14" s="98">
        <v>688</v>
      </c>
      <c r="GV14" s="413">
        <v>0</v>
      </c>
      <c r="GW14" s="97">
        <v>402</v>
      </c>
      <c r="GX14" s="97">
        <v>206</v>
      </c>
      <c r="GY14" s="97">
        <v>157</v>
      </c>
      <c r="GZ14" s="97">
        <v>146</v>
      </c>
      <c r="HA14" s="97">
        <v>113</v>
      </c>
      <c r="HB14" s="99">
        <v>1024</v>
      </c>
      <c r="HC14" s="100">
        <v>1712</v>
      </c>
      <c r="HD14" s="101">
        <v>20</v>
      </c>
      <c r="HE14" s="102">
        <v>16</v>
      </c>
      <c r="HF14" s="103">
        <v>36</v>
      </c>
      <c r="HG14" s="413">
        <v>0</v>
      </c>
      <c r="HH14" s="102">
        <v>7</v>
      </c>
      <c r="HI14" s="102">
        <v>7</v>
      </c>
      <c r="HJ14" s="102">
        <v>3</v>
      </c>
      <c r="HK14" s="102">
        <v>3</v>
      </c>
      <c r="HL14" s="102">
        <v>3</v>
      </c>
      <c r="HM14" s="103">
        <v>23</v>
      </c>
      <c r="HN14" s="104">
        <v>59</v>
      </c>
      <c r="HO14" s="101">
        <v>23</v>
      </c>
      <c r="HP14" s="102">
        <v>14</v>
      </c>
      <c r="HQ14" s="103">
        <v>37</v>
      </c>
      <c r="HR14" s="413">
        <v>0</v>
      </c>
      <c r="HS14" s="102">
        <v>22</v>
      </c>
      <c r="HT14" s="102">
        <v>21</v>
      </c>
      <c r="HU14" s="102">
        <v>11</v>
      </c>
      <c r="HV14" s="102">
        <v>9</v>
      </c>
      <c r="HW14" s="102">
        <v>8</v>
      </c>
      <c r="HX14" s="103">
        <v>71</v>
      </c>
      <c r="HY14" s="104">
        <v>108</v>
      </c>
      <c r="HZ14" s="101">
        <v>33</v>
      </c>
      <c r="IA14" s="102">
        <v>42</v>
      </c>
      <c r="IB14" s="103">
        <v>75</v>
      </c>
      <c r="IC14" s="413">
        <v>0</v>
      </c>
      <c r="ID14" s="102">
        <v>51</v>
      </c>
      <c r="IE14" s="102">
        <v>24</v>
      </c>
      <c r="IF14" s="102">
        <v>14</v>
      </c>
      <c r="IG14" s="102">
        <v>7</v>
      </c>
      <c r="IH14" s="102">
        <v>17</v>
      </c>
      <c r="II14" s="103">
        <v>113</v>
      </c>
      <c r="IJ14" s="104">
        <v>188</v>
      </c>
      <c r="IK14" s="101">
        <v>96</v>
      </c>
      <c r="IL14" s="102">
        <v>56</v>
      </c>
      <c r="IM14" s="103">
        <v>152</v>
      </c>
      <c r="IN14" s="413">
        <v>0</v>
      </c>
      <c r="IO14" s="102">
        <v>96</v>
      </c>
      <c r="IP14" s="102">
        <v>35</v>
      </c>
      <c r="IQ14" s="102">
        <v>26</v>
      </c>
      <c r="IR14" s="102">
        <v>28</v>
      </c>
      <c r="IS14" s="102">
        <v>25</v>
      </c>
      <c r="IT14" s="103">
        <v>210</v>
      </c>
      <c r="IU14" s="104">
        <v>362</v>
      </c>
      <c r="IV14" s="101">
        <v>124</v>
      </c>
      <c r="IW14" s="102">
        <v>78</v>
      </c>
      <c r="IX14" s="103">
        <v>202</v>
      </c>
      <c r="IY14" s="413">
        <v>0</v>
      </c>
      <c r="IZ14" s="102">
        <v>101</v>
      </c>
      <c r="JA14" s="102">
        <v>53</v>
      </c>
      <c r="JB14" s="102">
        <v>46</v>
      </c>
      <c r="JC14" s="102">
        <v>32</v>
      </c>
      <c r="JD14" s="102">
        <v>24</v>
      </c>
      <c r="JE14" s="103">
        <v>256</v>
      </c>
      <c r="JF14" s="104">
        <v>458</v>
      </c>
      <c r="JG14" s="101">
        <v>110</v>
      </c>
      <c r="JH14" s="102">
        <v>76</v>
      </c>
      <c r="JI14" s="103">
        <v>186</v>
      </c>
      <c r="JJ14" s="413">
        <v>0</v>
      </c>
      <c r="JK14" s="102">
        <v>125</v>
      </c>
      <c r="JL14" s="102">
        <v>66</v>
      </c>
      <c r="JM14" s="102">
        <v>57</v>
      </c>
      <c r="JN14" s="102">
        <v>67</v>
      </c>
      <c r="JO14" s="102">
        <v>36</v>
      </c>
      <c r="JP14" s="103">
        <v>351</v>
      </c>
      <c r="JQ14" s="104">
        <v>537</v>
      </c>
      <c r="JR14" s="101">
        <v>0</v>
      </c>
      <c r="JS14" s="102">
        <v>0</v>
      </c>
      <c r="JT14" s="103">
        <v>0</v>
      </c>
      <c r="JU14" s="413">
        <v>0</v>
      </c>
      <c r="JV14" s="102">
        <v>0</v>
      </c>
      <c r="JW14" s="102">
        <v>0</v>
      </c>
      <c r="JX14" s="102">
        <v>0</v>
      </c>
      <c r="JY14" s="102">
        <v>0</v>
      </c>
      <c r="JZ14" s="102">
        <v>0</v>
      </c>
      <c r="KA14" s="103">
        <v>0</v>
      </c>
      <c r="KB14" s="104">
        <v>0</v>
      </c>
      <c r="KC14" s="101">
        <v>406</v>
      </c>
      <c r="KD14" s="102">
        <v>282</v>
      </c>
      <c r="KE14" s="103">
        <v>688</v>
      </c>
      <c r="KF14" s="413">
        <v>0</v>
      </c>
      <c r="KG14" s="102">
        <v>402</v>
      </c>
      <c r="KH14" s="102">
        <v>206</v>
      </c>
      <c r="KI14" s="102">
        <v>157</v>
      </c>
      <c r="KJ14" s="102">
        <v>146</v>
      </c>
      <c r="KK14" s="102">
        <v>113</v>
      </c>
      <c r="KL14" s="103">
        <v>1024</v>
      </c>
      <c r="KM14" s="104">
        <v>1712</v>
      </c>
    </row>
    <row r="15" spans="2:299" s="70" customFormat="1" ht="21" customHeight="1" x14ac:dyDescent="0.2">
      <c r="B15" s="106" t="s">
        <v>11</v>
      </c>
      <c r="C15" s="96">
        <v>54</v>
      </c>
      <c r="D15" s="97">
        <v>46</v>
      </c>
      <c r="E15" s="98">
        <v>100</v>
      </c>
      <c r="F15" s="413">
        <v>0</v>
      </c>
      <c r="G15" s="97">
        <v>96</v>
      </c>
      <c r="H15" s="97">
        <v>77</v>
      </c>
      <c r="I15" s="97">
        <v>40</v>
      </c>
      <c r="J15" s="97">
        <v>28</v>
      </c>
      <c r="K15" s="97">
        <v>28</v>
      </c>
      <c r="L15" s="99">
        <v>269</v>
      </c>
      <c r="M15" s="100">
        <v>369</v>
      </c>
      <c r="N15" s="101">
        <v>0</v>
      </c>
      <c r="O15" s="102">
        <v>0</v>
      </c>
      <c r="P15" s="103">
        <v>0</v>
      </c>
      <c r="Q15" s="413">
        <v>0</v>
      </c>
      <c r="R15" s="102">
        <v>2</v>
      </c>
      <c r="S15" s="102">
        <v>5</v>
      </c>
      <c r="T15" s="102">
        <v>1</v>
      </c>
      <c r="U15" s="102">
        <v>1</v>
      </c>
      <c r="V15" s="102">
        <v>0</v>
      </c>
      <c r="W15" s="103">
        <v>9</v>
      </c>
      <c r="X15" s="104">
        <v>9</v>
      </c>
      <c r="Y15" s="101">
        <v>3</v>
      </c>
      <c r="Z15" s="102">
        <v>4</v>
      </c>
      <c r="AA15" s="103">
        <v>7</v>
      </c>
      <c r="AB15" s="413">
        <v>0</v>
      </c>
      <c r="AC15" s="102">
        <v>9</v>
      </c>
      <c r="AD15" s="102">
        <v>3</v>
      </c>
      <c r="AE15" s="102">
        <v>1</v>
      </c>
      <c r="AF15" s="102">
        <v>3</v>
      </c>
      <c r="AG15" s="102">
        <v>2</v>
      </c>
      <c r="AH15" s="103">
        <v>18</v>
      </c>
      <c r="AI15" s="104">
        <v>25</v>
      </c>
      <c r="AJ15" s="101">
        <v>8</v>
      </c>
      <c r="AK15" s="102">
        <v>5</v>
      </c>
      <c r="AL15" s="103">
        <v>13</v>
      </c>
      <c r="AM15" s="413">
        <v>0</v>
      </c>
      <c r="AN15" s="102">
        <v>18</v>
      </c>
      <c r="AO15" s="102">
        <v>7</v>
      </c>
      <c r="AP15" s="102">
        <v>6</v>
      </c>
      <c r="AQ15" s="102">
        <v>1</v>
      </c>
      <c r="AR15" s="102">
        <v>3</v>
      </c>
      <c r="AS15" s="103">
        <v>35</v>
      </c>
      <c r="AT15" s="104">
        <v>48</v>
      </c>
      <c r="AU15" s="101">
        <v>11</v>
      </c>
      <c r="AV15" s="102">
        <v>14</v>
      </c>
      <c r="AW15" s="103">
        <v>25</v>
      </c>
      <c r="AX15" s="413">
        <v>0</v>
      </c>
      <c r="AY15" s="102">
        <v>22</v>
      </c>
      <c r="AZ15" s="102">
        <v>14</v>
      </c>
      <c r="BA15" s="102">
        <v>9</v>
      </c>
      <c r="BB15" s="102">
        <v>12</v>
      </c>
      <c r="BC15" s="102">
        <v>10</v>
      </c>
      <c r="BD15" s="103">
        <v>67</v>
      </c>
      <c r="BE15" s="104">
        <v>92</v>
      </c>
      <c r="BF15" s="101">
        <v>20</v>
      </c>
      <c r="BG15" s="102">
        <v>13</v>
      </c>
      <c r="BH15" s="103">
        <v>33</v>
      </c>
      <c r="BI15" s="413">
        <v>0</v>
      </c>
      <c r="BJ15" s="102">
        <v>21</v>
      </c>
      <c r="BK15" s="102">
        <v>25</v>
      </c>
      <c r="BL15" s="102">
        <v>11</v>
      </c>
      <c r="BM15" s="102">
        <v>6</v>
      </c>
      <c r="BN15" s="102">
        <v>5</v>
      </c>
      <c r="BO15" s="103">
        <v>68</v>
      </c>
      <c r="BP15" s="104">
        <v>101</v>
      </c>
      <c r="BQ15" s="101">
        <v>12</v>
      </c>
      <c r="BR15" s="102">
        <v>10</v>
      </c>
      <c r="BS15" s="103">
        <v>22</v>
      </c>
      <c r="BT15" s="413">
        <v>0</v>
      </c>
      <c r="BU15" s="102">
        <v>24</v>
      </c>
      <c r="BV15" s="102">
        <v>23</v>
      </c>
      <c r="BW15" s="102">
        <v>12</v>
      </c>
      <c r="BX15" s="102">
        <v>5</v>
      </c>
      <c r="BY15" s="102">
        <v>8</v>
      </c>
      <c r="BZ15" s="103">
        <v>72</v>
      </c>
      <c r="CA15" s="104">
        <v>94</v>
      </c>
      <c r="CB15" s="101">
        <v>0</v>
      </c>
      <c r="CC15" s="102">
        <v>0</v>
      </c>
      <c r="CD15" s="103">
        <v>0</v>
      </c>
      <c r="CE15" s="413">
        <v>0</v>
      </c>
      <c r="CF15" s="102">
        <v>0</v>
      </c>
      <c r="CG15" s="102">
        <v>0</v>
      </c>
      <c r="CH15" s="102">
        <v>0</v>
      </c>
      <c r="CI15" s="102">
        <v>0</v>
      </c>
      <c r="CJ15" s="102">
        <v>0</v>
      </c>
      <c r="CK15" s="103">
        <v>0</v>
      </c>
      <c r="CL15" s="104">
        <v>0</v>
      </c>
      <c r="CM15" s="101">
        <v>54</v>
      </c>
      <c r="CN15" s="102">
        <v>46</v>
      </c>
      <c r="CO15" s="103">
        <v>100</v>
      </c>
      <c r="CP15" s="413">
        <v>0</v>
      </c>
      <c r="CQ15" s="102">
        <v>96</v>
      </c>
      <c r="CR15" s="102">
        <v>77</v>
      </c>
      <c r="CS15" s="102">
        <v>40</v>
      </c>
      <c r="CT15" s="102">
        <v>28</v>
      </c>
      <c r="CU15" s="102">
        <v>28</v>
      </c>
      <c r="CV15" s="103">
        <v>269</v>
      </c>
      <c r="CW15" s="104">
        <v>369</v>
      </c>
      <c r="CX15" s="105">
        <v>31</v>
      </c>
      <c r="CY15" s="97">
        <v>27</v>
      </c>
      <c r="CZ15" s="98">
        <v>58</v>
      </c>
      <c r="DA15" s="413">
        <v>0</v>
      </c>
      <c r="DB15" s="97">
        <v>36</v>
      </c>
      <c r="DC15" s="97">
        <v>30</v>
      </c>
      <c r="DD15" s="97">
        <v>16</v>
      </c>
      <c r="DE15" s="97">
        <v>33</v>
      </c>
      <c r="DF15" s="97">
        <v>12</v>
      </c>
      <c r="DG15" s="99">
        <v>127</v>
      </c>
      <c r="DH15" s="100">
        <v>185</v>
      </c>
      <c r="DI15" s="101">
        <v>0</v>
      </c>
      <c r="DJ15" s="102">
        <v>2</v>
      </c>
      <c r="DK15" s="103">
        <v>2</v>
      </c>
      <c r="DL15" s="413">
        <v>0</v>
      </c>
      <c r="DM15" s="102">
        <v>1</v>
      </c>
      <c r="DN15" s="102">
        <v>1</v>
      </c>
      <c r="DO15" s="102">
        <v>1</v>
      </c>
      <c r="DP15" s="102">
        <v>0</v>
      </c>
      <c r="DQ15" s="102">
        <v>0</v>
      </c>
      <c r="DR15" s="103">
        <v>3</v>
      </c>
      <c r="DS15" s="104">
        <v>5</v>
      </c>
      <c r="DT15" s="101">
        <v>1</v>
      </c>
      <c r="DU15" s="102">
        <v>1</v>
      </c>
      <c r="DV15" s="103">
        <v>2</v>
      </c>
      <c r="DW15" s="413">
        <v>0</v>
      </c>
      <c r="DX15" s="102">
        <v>1</v>
      </c>
      <c r="DY15" s="102">
        <v>2</v>
      </c>
      <c r="DZ15" s="102">
        <v>0</v>
      </c>
      <c r="EA15" s="102">
        <v>2</v>
      </c>
      <c r="EB15" s="102">
        <v>1</v>
      </c>
      <c r="EC15" s="103">
        <v>6</v>
      </c>
      <c r="ED15" s="104">
        <v>8</v>
      </c>
      <c r="EE15" s="101">
        <v>5</v>
      </c>
      <c r="EF15" s="102">
        <v>2</v>
      </c>
      <c r="EG15" s="103">
        <v>7</v>
      </c>
      <c r="EH15" s="413">
        <v>0</v>
      </c>
      <c r="EI15" s="102">
        <v>4</v>
      </c>
      <c r="EJ15" s="102">
        <v>3</v>
      </c>
      <c r="EK15" s="102">
        <v>0</v>
      </c>
      <c r="EL15" s="102">
        <v>1</v>
      </c>
      <c r="EM15" s="102">
        <v>1</v>
      </c>
      <c r="EN15" s="103">
        <v>9</v>
      </c>
      <c r="EO15" s="104">
        <v>16</v>
      </c>
      <c r="EP15" s="101">
        <v>7</v>
      </c>
      <c r="EQ15" s="102">
        <v>6</v>
      </c>
      <c r="ER15" s="103">
        <v>13</v>
      </c>
      <c r="ES15" s="413">
        <v>0</v>
      </c>
      <c r="ET15" s="102">
        <v>5</v>
      </c>
      <c r="EU15" s="102">
        <v>5</v>
      </c>
      <c r="EV15" s="102">
        <v>1</v>
      </c>
      <c r="EW15" s="102">
        <v>4</v>
      </c>
      <c r="EX15" s="102">
        <v>2</v>
      </c>
      <c r="EY15" s="103">
        <v>17</v>
      </c>
      <c r="EZ15" s="104">
        <v>30</v>
      </c>
      <c r="FA15" s="101">
        <v>14</v>
      </c>
      <c r="FB15" s="102">
        <v>7</v>
      </c>
      <c r="FC15" s="103">
        <v>21</v>
      </c>
      <c r="FD15" s="413">
        <v>0</v>
      </c>
      <c r="FE15" s="102">
        <v>13</v>
      </c>
      <c r="FF15" s="102">
        <v>9</v>
      </c>
      <c r="FG15" s="102">
        <v>4</v>
      </c>
      <c r="FH15" s="102">
        <v>3</v>
      </c>
      <c r="FI15" s="102">
        <v>3</v>
      </c>
      <c r="FJ15" s="103">
        <v>32</v>
      </c>
      <c r="FK15" s="104">
        <v>53</v>
      </c>
      <c r="FL15" s="101">
        <v>4</v>
      </c>
      <c r="FM15" s="102">
        <v>9</v>
      </c>
      <c r="FN15" s="103">
        <v>13</v>
      </c>
      <c r="FO15" s="413">
        <v>0</v>
      </c>
      <c r="FP15" s="102">
        <v>12</v>
      </c>
      <c r="FQ15" s="102">
        <v>10</v>
      </c>
      <c r="FR15" s="102">
        <v>10</v>
      </c>
      <c r="FS15" s="102">
        <v>23</v>
      </c>
      <c r="FT15" s="102">
        <v>5</v>
      </c>
      <c r="FU15" s="103">
        <v>60</v>
      </c>
      <c r="FV15" s="104">
        <v>73</v>
      </c>
      <c r="FW15" s="101">
        <v>0</v>
      </c>
      <c r="FX15" s="102">
        <v>0</v>
      </c>
      <c r="FY15" s="103">
        <v>0</v>
      </c>
      <c r="FZ15" s="413">
        <v>0</v>
      </c>
      <c r="GA15" s="102">
        <v>0</v>
      </c>
      <c r="GB15" s="102">
        <v>0</v>
      </c>
      <c r="GC15" s="102">
        <v>0</v>
      </c>
      <c r="GD15" s="102">
        <v>0</v>
      </c>
      <c r="GE15" s="102">
        <v>0</v>
      </c>
      <c r="GF15" s="103">
        <v>0</v>
      </c>
      <c r="GG15" s="104">
        <v>0</v>
      </c>
      <c r="GH15" s="101">
        <v>31</v>
      </c>
      <c r="GI15" s="102">
        <v>27</v>
      </c>
      <c r="GJ15" s="103">
        <v>58</v>
      </c>
      <c r="GK15" s="413">
        <v>0</v>
      </c>
      <c r="GL15" s="102">
        <v>36</v>
      </c>
      <c r="GM15" s="102">
        <v>30</v>
      </c>
      <c r="GN15" s="102">
        <v>16</v>
      </c>
      <c r="GO15" s="102">
        <v>33</v>
      </c>
      <c r="GP15" s="102">
        <v>12</v>
      </c>
      <c r="GQ15" s="103">
        <v>127</v>
      </c>
      <c r="GR15" s="104">
        <v>185</v>
      </c>
      <c r="GS15" s="105">
        <v>85</v>
      </c>
      <c r="GT15" s="97">
        <v>73</v>
      </c>
      <c r="GU15" s="98">
        <v>158</v>
      </c>
      <c r="GV15" s="413">
        <v>0</v>
      </c>
      <c r="GW15" s="97">
        <v>132</v>
      </c>
      <c r="GX15" s="97">
        <v>107</v>
      </c>
      <c r="GY15" s="97">
        <v>56</v>
      </c>
      <c r="GZ15" s="97">
        <v>61</v>
      </c>
      <c r="HA15" s="97">
        <v>40</v>
      </c>
      <c r="HB15" s="99">
        <v>396</v>
      </c>
      <c r="HC15" s="100">
        <v>554</v>
      </c>
      <c r="HD15" s="101">
        <v>0</v>
      </c>
      <c r="HE15" s="102">
        <v>2</v>
      </c>
      <c r="HF15" s="103">
        <v>2</v>
      </c>
      <c r="HG15" s="413">
        <v>0</v>
      </c>
      <c r="HH15" s="102">
        <v>3</v>
      </c>
      <c r="HI15" s="102">
        <v>6</v>
      </c>
      <c r="HJ15" s="102">
        <v>2</v>
      </c>
      <c r="HK15" s="102">
        <v>1</v>
      </c>
      <c r="HL15" s="102">
        <v>0</v>
      </c>
      <c r="HM15" s="103">
        <v>12</v>
      </c>
      <c r="HN15" s="104">
        <v>14</v>
      </c>
      <c r="HO15" s="101">
        <v>4</v>
      </c>
      <c r="HP15" s="102">
        <v>5</v>
      </c>
      <c r="HQ15" s="103">
        <v>9</v>
      </c>
      <c r="HR15" s="413">
        <v>0</v>
      </c>
      <c r="HS15" s="102">
        <v>10</v>
      </c>
      <c r="HT15" s="102">
        <v>5</v>
      </c>
      <c r="HU15" s="102">
        <v>1</v>
      </c>
      <c r="HV15" s="102">
        <v>5</v>
      </c>
      <c r="HW15" s="102">
        <v>3</v>
      </c>
      <c r="HX15" s="103">
        <v>24</v>
      </c>
      <c r="HY15" s="104">
        <v>33</v>
      </c>
      <c r="HZ15" s="101">
        <v>13</v>
      </c>
      <c r="IA15" s="102">
        <v>7</v>
      </c>
      <c r="IB15" s="103">
        <v>20</v>
      </c>
      <c r="IC15" s="413">
        <v>0</v>
      </c>
      <c r="ID15" s="102">
        <v>22</v>
      </c>
      <c r="IE15" s="102">
        <v>10</v>
      </c>
      <c r="IF15" s="102">
        <v>6</v>
      </c>
      <c r="IG15" s="102">
        <v>2</v>
      </c>
      <c r="IH15" s="102">
        <v>4</v>
      </c>
      <c r="II15" s="103">
        <v>44</v>
      </c>
      <c r="IJ15" s="104">
        <v>64</v>
      </c>
      <c r="IK15" s="101">
        <v>18</v>
      </c>
      <c r="IL15" s="102">
        <v>20</v>
      </c>
      <c r="IM15" s="103">
        <v>38</v>
      </c>
      <c r="IN15" s="413">
        <v>0</v>
      </c>
      <c r="IO15" s="102">
        <v>27</v>
      </c>
      <c r="IP15" s="102">
        <v>19</v>
      </c>
      <c r="IQ15" s="102">
        <v>10</v>
      </c>
      <c r="IR15" s="102">
        <v>16</v>
      </c>
      <c r="IS15" s="102">
        <v>12</v>
      </c>
      <c r="IT15" s="103">
        <v>84</v>
      </c>
      <c r="IU15" s="104">
        <v>122</v>
      </c>
      <c r="IV15" s="101">
        <v>34</v>
      </c>
      <c r="IW15" s="102">
        <v>20</v>
      </c>
      <c r="IX15" s="103">
        <v>54</v>
      </c>
      <c r="IY15" s="413">
        <v>0</v>
      </c>
      <c r="IZ15" s="102">
        <v>34</v>
      </c>
      <c r="JA15" s="102">
        <v>34</v>
      </c>
      <c r="JB15" s="102">
        <v>15</v>
      </c>
      <c r="JC15" s="102">
        <v>9</v>
      </c>
      <c r="JD15" s="102">
        <v>8</v>
      </c>
      <c r="JE15" s="103">
        <v>100</v>
      </c>
      <c r="JF15" s="104">
        <v>154</v>
      </c>
      <c r="JG15" s="101">
        <v>16</v>
      </c>
      <c r="JH15" s="102">
        <v>19</v>
      </c>
      <c r="JI15" s="103">
        <v>35</v>
      </c>
      <c r="JJ15" s="413">
        <v>0</v>
      </c>
      <c r="JK15" s="102">
        <v>36</v>
      </c>
      <c r="JL15" s="102">
        <v>33</v>
      </c>
      <c r="JM15" s="102">
        <v>22</v>
      </c>
      <c r="JN15" s="102">
        <v>28</v>
      </c>
      <c r="JO15" s="102">
        <v>13</v>
      </c>
      <c r="JP15" s="103">
        <v>132</v>
      </c>
      <c r="JQ15" s="104">
        <v>167</v>
      </c>
      <c r="JR15" s="101">
        <v>0</v>
      </c>
      <c r="JS15" s="102">
        <v>0</v>
      </c>
      <c r="JT15" s="103">
        <v>0</v>
      </c>
      <c r="JU15" s="413">
        <v>0</v>
      </c>
      <c r="JV15" s="102">
        <v>0</v>
      </c>
      <c r="JW15" s="102">
        <v>0</v>
      </c>
      <c r="JX15" s="102">
        <v>0</v>
      </c>
      <c r="JY15" s="102">
        <v>0</v>
      </c>
      <c r="JZ15" s="102">
        <v>0</v>
      </c>
      <c r="KA15" s="103">
        <v>0</v>
      </c>
      <c r="KB15" s="104">
        <v>0</v>
      </c>
      <c r="KC15" s="101">
        <v>85</v>
      </c>
      <c r="KD15" s="102">
        <v>73</v>
      </c>
      <c r="KE15" s="103">
        <v>158</v>
      </c>
      <c r="KF15" s="413">
        <v>0</v>
      </c>
      <c r="KG15" s="102">
        <v>132</v>
      </c>
      <c r="KH15" s="102">
        <v>107</v>
      </c>
      <c r="KI15" s="102">
        <v>56</v>
      </c>
      <c r="KJ15" s="102">
        <v>61</v>
      </c>
      <c r="KK15" s="102">
        <v>40</v>
      </c>
      <c r="KL15" s="103">
        <v>396</v>
      </c>
      <c r="KM15" s="104">
        <v>554</v>
      </c>
    </row>
    <row r="16" spans="2:299" s="70" customFormat="1" ht="21" customHeight="1" x14ac:dyDescent="0.2">
      <c r="B16" s="106" t="s">
        <v>12</v>
      </c>
      <c r="C16" s="96">
        <v>123</v>
      </c>
      <c r="D16" s="97">
        <v>123</v>
      </c>
      <c r="E16" s="98">
        <v>246</v>
      </c>
      <c r="F16" s="413">
        <v>0</v>
      </c>
      <c r="G16" s="97">
        <v>122</v>
      </c>
      <c r="H16" s="97">
        <v>104</v>
      </c>
      <c r="I16" s="97">
        <v>64</v>
      </c>
      <c r="J16" s="97">
        <v>76</v>
      </c>
      <c r="K16" s="97">
        <v>34</v>
      </c>
      <c r="L16" s="99">
        <v>400</v>
      </c>
      <c r="M16" s="100">
        <v>646</v>
      </c>
      <c r="N16" s="107">
        <v>3</v>
      </c>
      <c r="O16" s="102">
        <v>5</v>
      </c>
      <c r="P16" s="103">
        <v>8</v>
      </c>
      <c r="Q16" s="413">
        <v>0</v>
      </c>
      <c r="R16" s="102">
        <v>1</v>
      </c>
      <c r="S16" s="102">
        <v>1</v>
      </c>
      <c r="T16" s="102">
        <v>3</v>
      </c>
      <c r="U16" s="102">
        <v>1</v>
      </c>
      <c r="V16" s="102">
        <v>1</v>
      </c>
      <c r="W16" s="103">
        <v>7</v>
      </c>
      <c r="X16" s="104">
        <v>15</v>
      </c>
      <c r="Y16" s="101">
        <v>6</v>
      </c>
      <c r="Z16" s="102">
        <v>11</v>
      </c>
      <c r="AA16" s="103">
        <v>17</v>
      </c>
      <c r="AB16" s="413">
        <v>0</v>
      </c>
      <c r="AC16" s="102">
        <v>5</v>
      </c>
      <c r="AD16" s="102">
        <v>5</v>
      </c>
      <c r="AE16" s="102">
        <v>7</v>
      </c>
      <c r="AF16" s="102">
        <v>4</v>
      </c>
      <c r="AG16" s="102">
        <v>1</v>
      </c>
      <c r="AH16" s="103">
        <v>22</v>
      </c>
      <c r="AI16" s="104">
        <v>39</v>
      </c>
      <c r="AJ16" s="107">
        <v>7</v>
      </c>
      <c r="AK16" s="102">
        <v>11</v>
      </c>
      <c r="AL16" s="103">
        <v>18</v>
      </c>
      <c r="AM16" s="413">
        <v>0</v>
      </c>
      <c r="AN16" s="102">
        <v>17</v>
      </c>
      <c r="AO16" s="102">
        <v>10</v>
      </c>
      <c r="AP16" s="102">
        <v>7</v>
      </c>
      <c r="AQ16" s="102">
        <v>11</v>
      </c>
      <c r="AR16" s="102">
        <v>3</v>
      </c>
      <c r="AS16" s="103">
        <v>48</v>
      </c>
      <c r="AT16" s="104">
        <v>66</v>
      </c>
      <c r="AU16" s="101">
        <v>28</v>
      </c>
      <c r="AV16" s="102">
        <v>32</v>
      </c>
      <c r="AW16" s="103">
        <v>60</v>
      </c>
      <c r="AX16" s="413">
        <v>0</v>
      </c>
      <c r="AY16" s="102">
        <v>20</v>
      </c>
      <c r="AZ16" s="102">
        <v>33</v>
      </c>
      <c r="BA16" s="102">
        <v>11</v>
      </c>
      <c r="BB16" s="102">
        <v>14</v>
      </c>
      <c r="BC16" s="102">
        <v>11</v>
      </c>
      <c r="BD16" s="103">
        <v>89</v>
      </c>
      <c r="BE16" s="104">
        <v>149</v>
      </c>
      <c r="BF16" s="107">
        <v>42</v>
      </c>
      <c r="BG16" s="102">
        <v>27</v>
      </c>
      <c r="BH16" s="103">
        <v>69</v>
      </c>
      <c r="BI16" s="413">
        <v>0</v>
      </c>
      <c r="BJ16" s="102">
        <v>42</v>
      </c>
      <c r="BK16" s="102">
        <v>28</v>
      </c>
      <c r="BL16" s="102">
        <v>16</v>
      </c>
      <c r="BM16" s="102">
        <v>28</v>
      </c>
      <c r="BN16" s="102">
        <v>12</v>
      </c>
      <c r="BO16" s="103">
        <v>126</v>
      </c>
      <c r="BP16" s="104">
        <v>195</v>
      </c>
      <c r="BQ16" s="101">
        <v>37</v>
      </c>
      <c r="BR16" s="102">
        <v>37</v>
      </c>
      <c r="BS16" s="103">
        <v>74</v>
      </c>
      <c r="BT16" s="413">
        <v>0</v>
      </c>
      <c r="BU16" s="102">
        <v>37</v>
      </c>
      <c r="BV16" s="102">
        <v>27</v>
      </c>
      <c r="BW16" s="102">
        <v>20</v>
      </c>
      <c r="BX16" s="102">
        <v>18</v>
      </c>
      <c r="BY16" s="102">
        <v>6</v>
      </c>
      <c r="BZ16" s="103">
        <v>108</v>
      </c>
      <c r="CA16" s="104">
        <v>182</v>
      </c>
      <c r="CB16" s="101">
        <v>0</v>
      </c>
      <c r="CC16" s="102">
        <v>0</v>
      </c>
      <c r="CD16" s="103">
        <v>0</v>
      </c>
      <c r="CE16" s="413">
        <v>0</v>
      </c>
      <c r="CF16" s="102">
        <v>0</v>
      </c>
      <c r="CG16" s="102">
        <v>0</v>
      </c>
      <c r="CH16" s="102">
        <v>0</v>
      </c>
      <c r="CI16" s="102">
        <v>0</v>
      </c>
      <c r="CJ16" s="102">
        <v>0</v>
      </c>
      <c r="CK16" s="103">
        <v>0</v>
      </c>
      <c r="CL16" s="104">
        <v>0</v>
      </c>
      <c r="CM16" s="101">
        <v>123</v>
      </c>
      <c r="CN16" s="102">
        <v>123</v>
      </c>
      <c r="CO16" s="103">
        <v>246</v>
      </c>
      <c r="CP16" s="413">
        <v>0</v>
      </c>
      <c r="CQ16" s="102">
        <v>122</v>
      </c>
      <c r="CR16" s="102">
        <v>104</v>
      </c>
      <c r="CS16" s="102">
        <v>64</v>
      </c>
      <c r="CT16" s="102">
        <v>76</v>
      </c>
      <c r="CU16" s="102">
        <v>34</v>
      </c>
      <c r="CV16" s="103">
        <v>400</v>
      </c>
      <c r="CW16" s="104">
        <v>646</v>
      </c>
      <c r="CX16" s="105">
        <v>39</v>
      </c>
      <c r="CY16" s="97">
        <v>44</v>
      </c>
      <c r="CZ16" s="98">
        <v>83</v>
      </c>
      <c r="DA16" s="413">
        <v>0</v>
      </c>
      <c r="DB16" s="97">
        <v>32</v>
      </c>
      <c r="DC16" s="97">
        <v>31</v>
      </c>
      <c r="DD16" s="97">
        <v>24</v>
      </c>
      <c r="DE16" s="97">
        <v>34</v>
      </c>
      <c r="DF16" s="97">
        <v>16</v>
      </c>
      <c r="DG16" s="99">
        <v>137</v>
      </c>
      <c r="DH16" s="100">
        <v>220</v>
      </c>
      <c r="DI16" s="107">
        <v>0</v>
      </c>
      <c r="DJ16" s="102">
        <v>1</v>
      </c>
      <c r="DK16" s="103">
        <v>1</v>
      </c>
      <c r="DL16" s="413">
        <v>0</v>
      </c>
      <c r="DM16" s="102">
        <v>0</v>
      </c>
      <c r="DN16" s="102">
        <v>0</v>
      </c>
      <c r="DO16" s="102">
        <v>1</v>
      </c>
      <c r="DP16" s="102">
        <v>0</v>
      </c>
      <c r="DQ16" s="102">
        <v>0</v>
      </c>
      <c r="DR16" s="103">
        <v>1</v>
      </c>
      <c r="DS16" s="104">
        <v>2</v>
      </c>
      <c r="DT16" s="101">
        <v>2</v>
      </c>
      <c r="DU16" s="102">
        <v>0</v>
      </c>
      <c r="DV16" s="103">
        <v>2</v>
      </c>
      <c r="DW16" s="413">
        <v>0</v>
      </c>
      <c r="DX16" s="102">
        <v>1</v>
      </c>
      <c r="DY16" s="102">
        <v>1</v>
      </c>
      <c r="DZ16" s="102">
        <v>1</v>
      </c>
      <c r="EA16" s="102">
        <v>0</v>
      </c>
      <c r="EB16" s="102">
        <v>0</v>
      </c>
      <c r="EC16" s="103">
        <v>3</v>
      </c>
      <c r="ED16" s="104">
        <v>5</v>
      </c>
      <c r="EE16" s="107">
        <v>11</v>
      </c>
      <c r="EF16" s="102">
        <v>6</v>
      </c>
      <c r="EG16" s="103">
        <v>17</v>
      </c>
      <c r="EH16" s="413">
        <v>0</v>
      </c>
      <c r="EI16" s="102">
        <v>4</v>
      </c>
      <c r="EJ16" s="102">
        <v>5</v>
      </c>
      <c r="EK16" s="102">
        <v>0</v>
      </c>
      <c r="EL16" s="102">
        <v>3</v>
      </c>
      <c r="EM16" s="102">
        <v>1</v>
      </c>
      <c r="EN16" s="103">
        <v>13</v>
      </c>
      <c r="EO16" s="104">
        <v>30</v>
      </c>
      <c r="EP16" s="101">
        <v>12</v>
      </c>
      <c r="EQ16" s="102">
        <v>11</v>
      </c>
      <c r="ER16" s="103">
        <v>23</v>
      </c>
      <c r="ES16" s="413">
        <v>0</v>
      </c>
      <c r="ET16" s="102">
        <v>9</v>
      </c>
      <c r="EU16" s="102">
        <v>7</v>
      </c>
      <c r="EV16" s="102">
        <v>4</v>
      </c>
      <c r="EW16" s="102">
        <v>7</v>
      </c>
      <c r="EX16" s="102">
        <v>1</v>
      </c>
      <c r="EY16" s="103">
        <v>28</v>
      </c>
      <c r="EZ16" s="104">
        <v>51</v>
      </c>
      <c r="FA16" s="107">
        <v>9</v>
      </c>
      <c r="FB16" s="102">
        <v>11</v>
      </c>
      <c r="FC16" s="103">
        <v>20</v>
      </c>
      <c r="FD16" s="413">
        <v>0</v>
      </c>
      <c r="FE16" s="102">
        <v>11</v>
      </c>
      <c r="FF16" s="102">
        <v>7</v>
      </c>
      <c r="FG16" s="102">
        <v>8</v>
      </c>
      <c r="FH16" s="102">
        <v>10</v>
      </c>
      <c r="FI16" s="102">
        <v>8</v>
      </c>
      <c r="FJ16" s="103">
        <v>44</v>
      </c>
      <c r="FK16" s="104">
        <v>64</v>
      </c>
      <c r="FL16" s="101">
        <v>5</v>
      </c>
      <c r="FM16" s="102">
        <v>15</v>
      </c>
      <c r="FN16" s="103">
        <v>20</v>
      </c>
      <c r="FO16" s="413">
        <v>0</v>
      </c>
      <c r="FP16" s="102">
        <v>7</v>
      </c>
      <c r="FQ16" s="102">
        <v>11</v>
      </c>
      <c r="FR16" s="102">
        <v>10</v>
      </c>
      <c r="FS16" s="102">
        <v>14</v>
      </c>
      <c r="FT16" s="102">
        <v>6</v>
      </c>
      <c r="FU16" s="103">
        <v>48</v>
      </c>
      <c r="FV16" s="104">
        <v>68</v>
      </c>
      <c r="FW16" s="101">
        <v>0</v>
      </c>
      <c r="FX16" s="102">
        <v>0</v>
      </c>
      <c r="FY16" s="103">
        <v>0</v>
      </c>
      <c r="FZ16" s="413">
        <v>0</v>
      </c>
      <c r="GA16" s="102">
        <v>0</v>
      </c>
      <c r="GB16" s="102">
        <v>0</v>
      </c>
      <c r="GC16" s="102">
        <v>0</v>
      </c>
      <c r="GD16" s="102">
        <v>0</v>
      </c>
      <c r="GE16" s="102">
        <v>0</v>
      </c>
      <c r="GF16" s="103">
        <v>0</v>
      </c>
      <c r="GG16" s="104">
        <v>0</v>
      </c>
      <c r="GH16" s="101">
        <v>39</v>
      </c>
      <c r="GI16" s="102">
        <v>44</v>
      </c>
      <c r="GJ16" s="103">
        <v>83</v>
      </c>
      <c r="GK16" s="413">
        <v>0</v>
      </c>
      <c r="GL16" s="102">
        <v>32</v>
      </c>
      <c r="GM16" s="102">
        <v>31</v>
      </c>
      <c r="GN16" s="102">
        <v>24</v>
      </c>
      <c r="GO16" s="102">
        <v>34</v>
      </c>
      <c r="GP16" s="102">
        <v>16</v>
      </c>
      <c r="GQ16" s="103">
        <v>137</v>
      </c>
      <c r="GR16" s="104">
        <v>220</v>
      </c>
      <c r="GS16" s="105">
        <v>162</v>
      </c>
      <c r="GT16" s="97">
        <v>167</v>
      </c>
      <c r="GU16" s="98">
        <v>329</v>
      </c>
      <c r="GV16" s="413">
        <v>0</v>
      </c>
      <c r="GW16" s="97">
        <v>154</v>
      </c>
      <c r="GX16" s="97">
        <v>135</v>
      </c>
      <c r="GY16" s="97">
        <v>88</v>
      </c>
      <c r="GZ16" s="97">
        <v>110</v>
      </c>
      <c r="HA16" s="97">
        <v>50</v>
      </c>
      <c r="HB16" s="99">
        <v>537</v>
      </c>
      <c r="HC16" s="100">
        <v>866</v>
      </c>
      <c r="HD16" s="107">
        <v>3</v>
      </c>
      <c r="HE16" s="102">
        <v>6</v>
      </c>
      <c r="HF16" s="103">
        <v>9</v>
      </c>
      <c r="HG16" s="413">
        <v>0</v>
      </c>
      <c r="HH16" s="102">
        <v>1</v>
      </c>
      <c r="HI16" s="102">
        <v>1</v>
      </c>
      <c r="HJ16" s="102">
        <v>4</v>
      </c>
      <c r="HK16" s="102">
        <v>1</v>
      </c>
      <c r="HL16" s="102">
        <v>1</v>
      </c>
      <c r="HM16" s="103">
        <v>8</v>
      </c>
      <c r="HN16" s="104">
        <v>17</v>
      </c>
      <c r="HO16" s="101">
        <v>8</v>
      </c>
      <c r="HP16" s="102">
        <v>11</v>
      </c>
      <c r="HQ16" s="103">
        <v>19</v>
      </c>
      <c r="HR16" s="413">
        <v>0</v>
      </c>
      <c r="HS16" s="102">
        <v>6</v>
      </c>
      <c r="HT16" s="102">
        <v>6</v>
      </c>
      <c r="HU16" s="102">
        <v>8</v>
      </c>
      <c r="HV16" s="102">
        <v>4</v>
      </c>
      <c r="HW16" s="102">
        <v>1</v>
      </c>
      <c r="HX16" s="103">
        <v>25</v>
      </c>
      <c r="HY16" s="104">
        <v>44</v>
      </c>
      <c r="HZ16" s="107">
        <v>18</v>
      </c>
      <c r="IA16" s="102">
        <v>17</v>
      </c>
      <c r="IB16" s="103">
        <v>35</v>
      </c>
      <c r="IC16" s="413">
        <v>0</v>
      </c>
      <c r="ID16" s="102">
        <v>21</v>
      </c>
      <c r="IE16" s="102">
        <v>15</v>
      </c>
      <c r="IF16" s="102">
        <v>7</v>
      </c>
      <c r="IG16" s="102">
        <v>14</v>
      </c>
      <c r="IH16" s="102">
        <v>4</v>
      </c>
      <c r="II16" s="103">
        <v>61</v>
      </c>
      <c r="IJ16" s="104">
        <v>96</v>
      </c>
      <c r="IK16" s="101">
        <v>40</v>
      </c>
      <c r="IL16" s="102">
        <v>43</v>
      </c>
      <c r="IM16" s="103">
        <v>83</v>
      </c>
      <c r="IN16" s="413">
        <v>0</v>
      </c>
      <c r="IO16" s="102">
        <v>29</v>
      </c>
      <c r="IP16" s="102">
        <v>40</v>
      </c>
      <c r="IQ16" s="102">
        <v>15</v>
      </c>
      <c r="IR16" s="102">
        <v>21</v>
      </c>
      <c r="IS16" s="102">
        <v>12</v>
      </c>
      <c r="IT16" s="103">
        <v>117</v>
      </c>
      <c r="IU16" s="104">
        <v>200</v>
      </c>
      <c r="IV16" s="107">
        <v>51</v>
      </c>
      <c r="IW16" s="102">
        <v>38</v>
      </c>
      <c r="IX16" s="103">
        <v>89</v>
      </c>
      <c r="IY16" s="413">
        <v>0</v>
      </c>
      <c r="IZ16" s="102">
        <v>53</v>
      </c>
      <c r="JA16" s="102">
        <v>35</v>
      </c>
      <c r="JB16" s="102">
        <v>24</v>
      </c>
      <c r="JC16" s="102">
        <v>38</v>
      </c>
      <c r="JD16" s="102">
        <v>20</v>
      </c>
      <c r="JE16" s="103">
        <v>170</v>
      </c>
      <c r="JF16" s="104">
        <v>259</v>
      </c>
      <c r="JG16" s="101">
        <v>42</v>
      </c>
      <c r="JH16" s="102">
        <v>52</v>
      </c>
      <c r="JI16" s="103">
        <v>94</v>
      </c>
      <c r="JJ16" s="413">
        <v>0</v>
      </c>
      <c r="JK16" s="102">
        <v>44</v>
      </c>
      <c r="JL16" s="102">
        <v>38</v>
      </c>
      <c r="JM16" s="102">
        <v>30</v>
      </c>
      <c r="JN16" s="102">
        <v>32</v>
      </c>
      <c r="JO16" s="102">
        <v>12</v>
      </c>
      <c r="JP16" s="103">
        <v>156</v>
      </c>
      <c r="JQ16" s="104">
        <v>250</v>
      </c>
      <c r="JR16" s="101">
        <v>0</v>
      </c>
      <c r="JS16" s="102">
        <v>0</v>
      </c>
      <c r="JT16" s="103">
        <v>0</v>
      </c>
      <c r="JU16" s="413">
        <v>0</v>
      </c>
      <c r="JV16" s="102">
        <v>0</v>
      </c>
      <c r="JW16" s="102">
        <v>0</v>
      </c>
      <c r="JX16" s="102">
        <v>0</v>
      </c>
      <c r="JY16" s="102">
        <v>0</v>
      </c>
      <c r="JZ16" s="102">
        <v>0</v>
      </c>
      <c r="KA16" s="103">
        <v>0</v>
      </c>
      <c r="KB16" s="104">
        <v>0</v>
      </c>
      <c r="KC16" s="101">
        <v>162</v>
      </c>
      <c r="KD16" s="102">
        <v>167</v>
      </c>
      <c r="KE16" s="103">
        <v>329</v>
      </c>
      <c r="KF16" s="413">
        <v>0</v>
      </c>
      <c r="KG16" s="102">
        <v>154</v>
      </c>
      <c r="KH16" s="102">
        <v>135</v>
      </c>
      <c r="KI16" s="102">
        <v>88</v>
      </c>
      <c r="KJ16" s="102">
        <v>110</v>
      </c>
      <c r="KK16" s="102">
        <v>50</v>
      </c>
      <c r="KL16" s="103">
        <v>537</v>
      </c>
      <c r="KM16" s="104">
        <v>866</v>
      </c>
    </row>
    <row r="17" spans="2:299" s="70" customFormat="1" ht="21" customHeight="1" x14ac:dyDescent="0.2">
      <c r="B17" s="106" t="s">
        <v>13</v>
      </c>
      <c r="C17" s="96">
        <v>45</v>
      </c>
      <c r="D17" s="97">
        <v>46</v>
      </c>
      <c r="E17" s="98">
        <v>91</v>
      </c>
      <c r="F17" s="413">
        <v>0</v>
      </c>
      <c r="G17" s="97">
        <v>73</v>
      </c>
      <c r="H17" s="97">
        <v>57</v>
      </c>
      <c r="I17" s="97">
        <v>28</v>
      </c>
      <c r="J17" s="97">
        <v>19</v>
      </c>
      <c r="K17" s="97">
        <v>27</v>
      </c>
      <c r="L17" s="99">
        <v>204</v>
      </c>
      <c r="M17" s="100">
        <v>295</v>
      </c>
      <c r="N17" s="101">
        <v>1</v>
      </c>
      <c r="O17" s="102">
        <v>1</v>
      </c>
      <c r="P17" s="103">
        <v>2</v>
      </c>
      <c r="Q17" s="413">
        <v>0</v>
      </c>
      <c r="R17" s="102">
        <v>2</v>
      </c>
      <c r="S17" s="102">
        <v>1</v>
      </c>
      <c r="T17" s="102">
        <v>0</v>
      </c>
      <c r="U17" s="102">
        <v>0</v>
      </c>
      <c r="V17" s="102">
        <v>2</v>
      </c>
      <c r="W17" s="103">
        <v>5</v>
      </c>
      <c r="X17" s="104">
        <v>7</v>
      </c>
      <c r="Y17" s="101">
        <v>3</v>
      </c>
      <c r="Z17" s="102">
        <v>0</v>
      </c>
      <c r="AA17" s="103">
        <v>3</v>
      </c>
      <c r="AB17" s="413">
        <v>0</v>
      </c>
      <c r="AC17" s="102">
        <v>1</v>
      </c>
      <c r="AD17" s="102">
        <v>5</v>
      </c>
      <c r="AE17" s="102">
        <v>0</v>
      </c>
      <c r="AF17" s="102">
        <v>0</v>
      </c>
      <c r="AG17" s="102">
        <v>2</v>
      </c>
      <c r="AH17" s="103">
        <v>8</v>
      </c>
      <c r="AI17" s="104">
        <v>11</v>
      </c>
      <c r="AJ17" s="101">
        <v>2</v>
      </c>
      <c r="AK17" s="102">
        <v>4</v>
      </c>
      <c r="AL17" s="103">
        <v>6</v>
      </c>
      <c r="AM17" s="413">
        <v>0</v>
      </c>
      <c r="AN17" s="102">
        <v>3</v>
      </c>
      <c r="AO17" s="102">
        <v>7</v>
      </c>
      <c r="AP17" s="102">
        <v>2</v>
      </c>
      <c r="AQ17" s="102">
        <v>2</v>
      </c>
      <c r="AR17" s="102">
        <v>1</v>
      </c>
      <c r="AS17" s="103">
        <v>15</v>
      </c>
      <c r="AT17" s="104">
        <v>21</v>
      </c>
      <c r="AU17" s="101">
        <v>9</v>
      </c>
      <c r="AV17" s="102">
        <v>7</v>
      </c>
      <c r="AW17" s="103">
        <v>16</v>
      </c>
      <c r="AX17" s="413">
        <v>0</v>
      </c>
      <c r="AY17" s="102">
        <v>21</v>
      </c>
      <c r="AZ17" s="102">
        <v>9</v>
      </c>
      <c r="BA17" s="102">
        <v>5</v>
      </c>
      <c r="BB17" s="102">
        <v>3</v>
      </c>
      <c r="BC17" s="102">
        <v>5</v>
      </c>
      <c r="BD17" s="103">
        <v>43</v>
      </c>
      <c r="BE17" s="104">
        <v>59</v>
      </c>
      <c r="BF17" s="101">
        <v>13</v>
      </c>
      <c r="BG17" s="102">
        <v>20</v>
      </c>
      <c r="BH17" s="103">
        <v>33</v>
      </c>
      <c r="BI17" s="413">
        <v>0</v>
      </c>
      <c r="BJ17" s="102">
        <v>25</v>
      </c>
      <c r="BK17" s="102">
        <v>21</v>
      </c>
      <c r="BL17" s="102">
        <v>12</v>
      </c>
      <c r="BM17" s="102">
        <v>7</v>
      </c>
      <c r="BN17" s="102">
        <v>8</v>
      </c>
      <c r="BO17" s="103">
        <v>73</v>
      </c>
      <c r="BP17" s="104">
        <v>106</v>
      </c>
      <c r="BQ17" s="101">
        <v>17</v>
      </c>
      <c r="BR17" s="102">
        <v>14</v>
      </c>
      <c r="BS17" s="103">
        <v>31</v>
      </c>
      <c r="BT17" s="413">
        <v>0</v>
      </c>
      <c r="BU17" s="102">
        <v>21</v>
      </c>
      <c r="BV17" s="102">
        <v>14</v>
      </c>
      <c r="BW17" s="102">
        <v>9</v>
      </c>
      <c r="BX17" s="102">
        <v>7</v>
      </c>
      <c r="BY17" s="102">
        <v>9</v>
      </c>
      <c r="BZ17" s="103">
        <v>60</v>
      </c>
      <c r="CA17" s="104">
        <v>91</v>
      </c>
      <c r="CB17" s="101">
        <v>0</v>
      </c>
      <c r="CC17" s="102">
        <v>0</v>
      </c>
      <c r="CD17" s="103">
        <v>0</v>
      </c>
      <c r="CE17" s="413">
        <v>0</v>
      </c>
      <c r="CF17" s="102">
        <v>0</v>
      </c>
      <c r="CG17" s="102">
        <v>0</v>
      </c>
      <c r="CH17" s="102">
        <v>0</v>
      </c>
      <c r="CI17" s="102">
        <v>0</v>
      </c>
      <c r="CJ17" s="102">
        <v>0</v>
      </c>
      <c r="CK17" s="103">
        <v>0</v>
      </c>
      <c r="CL17" s="104">
        <v>0</v>
      </c>
      <c r="CM17" s="101">
        <v>45</v>
      </c>
      <c r="CN17" s="102">
        <v>46</v>
      </c>
      <c r="CO17" s="103">
        <v>91</v>
      </c>
      <c r="CP17" s="413">
        <v>0</v>
      </c>
      <c r="CQ17" s="102">
        <v>73</v>
      </c>
      <c r="CR17" s="102">
        <v>57</v>
      </c>
      <c r="CS17" s="102">
        <v>28</v>
      </c>
      <c r="CT17" s="102">
        <v>19</v>
      </c>
      <c r="CU17" s="102">
        <v>27</v>
      </c>
      <c r="CV17" s="103">
        <v>204</v>
      </c>
      <c r="CW17" s="104">
        <v>295</v>
      </c>
      <c r="CX17" s="105">
        <v>16</v>
      </c>
      <c r="CY17" s="97">
        <v>19</v>
      </c>
      <c r="CZ17" s="98">
        <v>35</v>
      </c>
      <c r="DA17" s="413">
        <v>0</v>
      </c>
      <c r="DB17" s="97">
        <v>25</v>
      </c>
      <c r="DC17" s="97">
        <v>20</v>
      </c>
      <c r="DD17" s="97">
        <v>12</v>
      </c>
      <c r="DE17" s="97">
        <v>6</v>
      </c>
      <c r="DF17" s="97">
        <v>9</v>
      </c>
      <c r="DG17" s="99">
        <v>72</v>
      </c>
      <c r="DH17" s="100">
        <v>107</v>
      </c>
      <c r="DI17" s="101">
        <v>1</v>
      </c>
      <c r="DJ17" s="102">
        <v>1</v>
      </c>
      <c r="DK17" s="103">
        <v>2</v>
      </c>
      <c r="DL17" s="413">
        <v>0</v>
      </c>
      <c r="DM17" s="102">
        <v>1</v>
      </c>
      <c r="DN17" s="102">
        <v>0</v>
      </c>
      <c r="DO17" s="102">
        <v>0</v>
      </c>
      <c r="DP17" s="102">
        <v>0</v>
      </c>
      <c r="DQ17" s="102">
        <v>0</v>
      </c>
      <c r="DR17" s="103">
        <v>1</v>
      </c>
      <c r="DS17" s="104">
        <v>3</v>
      </c>
      <c r="DT17" s="101">
        <v>1</v>
      </c>
      <c r="DU17" s="102">
        <v>1</v>
      </c>
      <c r="DV17" s="103">
        <v>2</v>
      </c>
      <c r="DW17" s="413">
        <v>0</v>
      </c>
      <c r="DX17" s="102">
        <v>2</v>
      </c>
      <c r="DY17" s="102">
        <v>3</v>
      </c>
      <c r="DZ17" s="102">
        <v>1</v>
      </c>
      <c r="EA17" s="102">
        <v>1</v>
      </c>
      <c r="EB17" s="102">
        <v>1</v>
      </c>
      <c r="EC17" s="103">
        <v>8</v>
      </c>
      <c r="ED17" s="104">
        <v>10</v>
      </c>
      <c r="EE17" s="101">
        <v>3</v>
      </c>
      <c r="EF17" s="102">
        <v>0</v>
      </c>
      <c r="EG17" s="103">
        <v>3</v>
      </c>
      <c r="EH17" s="413">
        <v>0</v>
      </c>
      <c r="EI17" s="102">
        <v>5</v>
      </c>
      <c r="EJ17" s="102">
        <v>1</v>
      </c>
      <c r="EK17" s="102">
        <v>3</v>
      </c>
      <c r="EL17" s="102">
        <v>0</v>
      </c>
      <c r="EM17" s="102">
        <v>1</v>
      </c>
      <c r="EN17" s="103">
        <v>10</v>
      </c>
      <c r="EO17" s="104">
        <v>13</v>
      </c>
      <c r="EP17" s="101">
        <v>5</v>
      </c>
      <c r="EQ17" s="102">
        <v>7</v>
      </c>
      <c r="ER17" s="103">
        <v>12</v>
      </c>
      <c r="ES17" s="413">
        <v>0</v>
      </c>
      <c r="ET17" s="102">
        <v>4</v>
      </c>
      <c r="EU17" s="102">
        <v>1</v>
      </c>
      <c r="EV17" s="102">
        <v>2</v>
      </c>
      <c r="EW17" s="102">
        <v>0</v>
      </c>
      <c r="EX17" s="102">
        <v>2</v>
      </c>
      <c r="EY17" s="103">
        <v>9</v>
      </c>
      <c r="EZ17" s="104">
        <v>21</v>
      </c>
      <c r="FA17" s="101">
        <v>4</v>
      </c>
      <c r="FB17" s="102">
        <v>6</v>
      </c>
      <c r="FC17" s="103">
        <v>10</v>
      </c>
      <c r="FD17" s="413">
        <v>0</v>
      </c>
      <c r="FE17" s="102">
        <v>7</v>
      </c>
      <c r="FF17" s="102">
        <v>4</v>
      </c>
      <c r="FG17" s="102">
        <v>1</v>
      </c>
      <c r="FH17" s="102">
        <v>0</v>
      </c>
      <c r="FI17" s="102">
        <v>0</v>
      </c>
      <c r="FJ17" s="103">
        <v>12</v>
      </c>
      <c r="FK17" s="104">
        <v>22</v>
      </c>
      <c r="FL17" s="101">
        <v>2</v>
      </c>
      <c r="FM17" s="102">
        <v>4</v>
      </c>
      <c r="FN17" s="103">
        <v>6</v>
      </c>
      <c r="FO17" s="413">
        <v>0</v>
      </c>
      <c r="FP17" s="102">
        <v>6</v>
      </c>
      <c r="FQ17" s="102">
        <v>11</v>
      </c>
      <c r="FR17" s="102">
        <v>5</v>
      </c>
      <c r="FS17" s="102">
        <v>5</v>
      </c>
      <c r="FT17" s="102">
        <v>5</v>
      </c>
      <c r="FU17" s="103">
        <v>32</v>
      </c>
      <c r="FV17" s="104">
        <v>38</v>
      </c>
      <c r="FW17" s="101">
        <v>0</v>
      </c>
      <c r="FX17" s="102">
        <v>0</v>
      </c>
      <c r="FY17" s="103">
        <v>0</v>
      </c>
      <c r="FZ17" s="413">
        <v>0</v>
      </c>
      <c r="GA17" s="102">
        <v>0</v>
      </c>
      <c r="GB17" s="102">
        <v>0</v>
      </c>
      <c r="GC17" s="102">
        <v>0</v>
      </c>
      <c r="GD17" s="102">
        <v>0</v>
      </c>
      <c r="GE17" s="102">
        <v>0</v>
      </c>
      <c r="GF17" s="103">
        <v>0</v>
      </c>
      <c r="GG17" s="104">
        <v>0</v>
      </c>
      <c r="GH17" s="101">
        <v>16</v>
      </c>
      <c r="GI17" s="102">
        <v>19</v>
      </c>
      <c r="GJ17" s="103">
        <v>35</v>
      </c>
      <c r="GK17" s="413">
        <v>0</v>
      </c>
      <c r="GL17" s="102">
        <v>25</v>
      </c>
      <c r="GM17" s="102">
        <v>20</v>
      </c>
      <c r="GN17" s="102">
        <v>12</v>
      </c>
      <c r="GO17" s="102">
        <v>6</v>
      </c>
      <c r="GP17" s="102">
        <v>9</v>
      </c>
      <c r="GQ17" s="103">
        <v>72</v>
      </c>
      <c r="GR17" s="104">
        <v>107</v>
      </c>
      <c r="GS17" s="105">
        <v>61</v>
      </c>
      <c r="GT17" s="97">
        <v>65</v>
      </c>
      <c r="GU17" s="98">
        <v>126</v>
      </c>
      <c r="GV17" s="413">
        <v>0</v>
      </c>
      <c r="GW17" s="97">
        <v>98</v>
      </c>
      <c r="GX17" s="97">
        <v>77</v>
      </c>
      <c r="GY17" s="97">
        <v>40</v>
      </c>
      <c r="GZ17" s="97">
        <v>25</v>
      </c>
      <c r="HA17" s="97">
        <v>36</v>
      </c>
      <c r="HB17" s="99">
        <v>276</v>
      </c>
      <c r="HC17" s="100">
        <v>402</v>
      </c>
      <c r="HD17" s="101">
        <v>2</v>
      </c>
      <c r="HE17" s="102">
        <v>2</v>
      </c>
      <c r="HF17" s="103">
        <v>4</v>
      </c>
      <c r="HG17" s="413">
        <v>0</v>
      </c>
      <c r="HH17" s="102">
        <v>3</v>
      </c>
      <c r="HI17" s="102">
        <v>1</v>
      </c>
      <c r="HJ17" s="102">
        <v>0</v>
      </c>
      <c r="HK17" s="102">
        <v>0</v>
      </c>
      <c r="HL17" s="102">
        <v>2</v>
      </c>
      <c r="HM17" s="103">
        <v>6</v>
      </c>
      <c r="HN17" s="104">
        <v>10</v>
      </c>
      <c r="HO17" s="101">
        <v>4</v>
      </c>
      <c r="HP17" s="102">
        <v>1</v>
      </c>
      <c r="HQ17" s="103">
        <v>5</v>
      </c>
      <c r="HR17" s="413">
        <v>0</v>
      </c>
      <c r="HS17" s="102">
        <v>3</v>
      </c>
      <c r="HT17" s="102">
        <v>8</v>
      </c>
      <c r="HU17" s="102">
        <v>1</v>
      </c>
      <c r="HV17" s="102">
        <v>1</v>
      </c>
      <c r="HW17" s="102">
        <v>3</v>
      </c>
      <c r="HX17" s="103">
        <v>16</v>
      </c>
      <c r="HY17" s="104">
        <v>21</v>
      </c>
      <c r="HZ17" s="101">
        <v>5</v>
      </c>
      <c r="IA17" s="102">
        <v>4</v>
      </c>
      <c r="IB17" s="103">
        <v>9</v>
      </c>
      <c r="IC17" s="413">
        <v>0</v>
      </c>
      <c r="ID17" s="102">
        <v>8</v>
      </c>
      <c r="IE17" s="102">
        <v>8</v>
      </c>
      <c r="IF17" s="102">
        <v>5</v>
      </c>
      <c r="IG17" s="102">
        <v>2</v>
      </c>
      <c r="IH17" s="102">
        <v>2</v>
      </c>
      <c r="II17" s="103">
        <v>25</v>
      </c>
      <c r="IJ17" s="104">
        <v>34</v>
      </c>
      <c r="IK17" s="101">
        <v>14</v>
      </c>
      <c r="IL17" s="102">
        <v>14</v>
      </c>
      <c r="IM17" s="103">
        <v>28</v>
      </c>
      <c r="IN17" s="413">
        <v>0</v>
      </c>
      <c r="IO17" s="102">
        <v>25</v>
      </c>
      <c r="IP17" s="102">
        <v>10</v>
      </c>
      <c r="IQ17" s="102">
        <v>7</v>
      </c>
      <c r="IR17" s="102">
        <v>3</v>
      </c>
      <c r="IS17" s="102">
        <v>7</v>
      </c>
      <c r="IT17" s="103">
        <v>52</v>
      </c>
      <c r="IU17" s="104">
        <v>80</v>
      </c>
      <c r="IV17" s="101">
        <v>17</v>
      </c>
      <c r="IW17" s="102">
        <v>26</v>
      </c>
      <c r="IX17" s="103">
        <v>43</v>
      </c>
      <c r="IY17" s="413">
        <v>0</v>
      </c>
      <c r="IZ17" s="102">
        <v>32</v>
      </c>
      <c r="JA17" s="102">
        <v>25</v>
      </c>
      <c r="JB17" s="102">
        <v>13</v>
      </c>
      <c r="JC17" s="102">
        <v>7</v>
      </c>
      <c r="JD17" s="102">
        <v>8</v>
      </c>
      <c r="JE17" s="103">
        <v>85</v>
      </c>
      <c r="JF17" s="104">
        <v>128</v>
      </c>
      <c r="JG17" s="101">
        <v>19</v>
      </c>
      <c r="JH17" s="102">
        <v>18</v>
      </c>
      <c r="JI17" s="103">
        <v>37</v>
      </c>
      <c r="JJ17" s="413">
        <v>0</v>
      </c>
      <c r="JK17" s="102">
        <v>27</v>
      </c>
      <c r="JL17" s="102">
        <v>25</v>
      </c>
      <c r="JM17" s="102">
        <v>14</v>
      </c>
      <c r="JN17" s="102">
        <v>12</v>
      </c>
      <c r="JO17" s="102">
        <v>14</v>
      </c>
      <c r="JP17" s="103">
        <v>92</v>
      </c>
      <c r="JQ17" s="104">
        <v>129</v>
      </c>
      <c r="JR17" s="101">
        <v>0</v>
      </c>
      <c r="JS17" s="102">
        <v>0</v>
      </c>
      <c r="JT17" s="103">
        <v>0</v>
      </c>
      <c r="JU17" s="413">
        <v>0</v>
      </c>
      <c r="JV17" s="102">
        <v>0</v>
      </c>
      <c r="JW17" s="102">
        <v>0</v>
      </c>
      <c r="JX17" s="102">
        <v>0</v>
      </c>
      <c r="JY17" s="102">
        <v>0</v>
      </c>
      <c r="JZ17" s="102">
        <v>0</v>
      </c>
      <c r="KA17" s="103">
        <v>0</v>
      </c>
      <c r="KB17" s="104">
        <v>0</v>
      </c>
      <c r="KC17" s="101">
        <v>61</v>
      </c>
      <c r="KD17" s="102">
        <v>65</v>
      </c>
      <c r="KE17" s="103">
        <v>126</v>
      </c>
      <c r="KF17" s="413">
        <v>0</v>
      </c>
      <c r="KG17" s="102">
        <v>98</v>
      </c>
      <c r="KH17" s="102">
        <v>77</v>
      </c>
      <c r="KI17" s="102">
        <v>40</v>
      </c>
      <c r="KJ17" s="102">
        <v>25</v>
      </c>
      <c r="KK17" s="102">
        <v>36</v>
      </c>
      <c r="KL17" s="103">
        <v>276</v>
      </c>
      <c r="KM17" s="104">
        <v>402</v>
      </c>
    </row>
    <row r="18" spans="2:299" s="70" customFormat="1" ht="21" customHeight="1" x14ac:dyDescent="0.2">
      <c r="B18" s="106" t="s">
        <v>15</v>
      </c>
      <c r="C18" s="96">
        <v>8</v>
      </c>
      <c r="D18" s="97">
        <v>14</v>
      </c>
      <c r="E18" s="98">
        <v>22</v>
      </c>
      <c r="F18" s="413">
        <v>0</v>
      </c>
      <c r="G18" s="97">
        <v>12</v>
      </c>
      <c r="H18" s="97">
        <v>10</v>
      </c>
      <c r="I18" s="97">
        <v>4</v>
      </c>
      <c r="J18" s="97">
        <v>3</v>
      </c>
      <c r="K18" s="97">
        <v>6</v>
      </c>
      <c r="L18" s="99">
        <v>35</v>
      </c>
      <c r="M18" s="100">
        <v>57</v>
      </c>
      <c r="N18" s="101">
        <v>1</v>
      </c>
      <c r="O18" s="102">
        <v>2</v>
      </c>
      <c r="P18" s="103">
        <v>3</v>
      </c>
      <c r="Q18" s="413">
        <v>0</v>
      </c>
      <c r="R18" s="102">
        <v>0</v>
      </c>
      <c r="S18" s="102">
        <v>0</v>
      </c>
      <c r="T18" s="102">
        <v>0</v>
      </c>
      <c r="U18" s="102">
        <v>0</v>
      </c>
      <c r="V18" s="102">
        <v>0</v>
      </c>
      <c r="W18" s="103">
        <v>0</v>
      </c>
      <c r="X18" s="104">
        <v>3</v>
      </c>
      <c r="Y18" s="101">
        <v>3</v>
      </c>
      <c r="Z18" s="102">
        <v>0</v>
      </c>
      <c r="AA18" s="103">
        <v>3</v>
      </c>
      <c r="AB18" s="413">
        <v>0</v>
      </c>
      <c r="AC18" s="102">
        <v>2</v>
      </c>
      <c r="AD18" s="102">
        <v>1</v>
      </c>
      <c r="AE18" s="102">
        <v>0</v>
      </c>
      <c r="AF18" s="102">
        <v>1</v>
      </c>
      <c r="AG18" s="102">
        <v>1</v>
      </c>
      <c r="AH18" s="103">
        <v>5</v>
      </c>
      <c r="AI18" s="104">
        <v>8</v>
      </c>
      <c r="AJ18" s="101">
        <v>1</v>
      </c>
      <c r="AK18" s="102">
        <v>1</v>
      </c>
      <c r="AL18" s="103">
        <v>2</v>
      </c>
      <c r="AM18" s="413">
        <v>0</v>
      </c>
      <c r="AN18" s="102">
        <v>0</v>
      </c>
      <c r="AO18" s="102">
        <v>2</v>
      </c>
      <c r="AP18" s="102">
        <v>1</v>
      </c>
      <c r="AQ18" s="102">
        <v>1</v>
      </c>
      <c r="AR18" s="102">
        <v>2</v>
      </c>
      <c r="AS18" s="103">
        <v>6</v>
      </c>
      <c r="AT18" s="104">
        <v>8</v>
      </c>
      <c r="AU18" s="101">
        <v>0</v>
      </c>
      <c r="AV18" s="102">
        <v>2</v>
      </c>
      <c r="AW18" s="103">
        <v>2</v>
      </c>
      <c r="AX18" s="413">
        <v>0</v>
      </c>
      <c r="AY18" s="102">
        <v>2</v>
      </c>
      <c r="AZ18" s="102">
        <v>3</v>
      </c>
      <c r="BA18" s="102">
        <v>0</v>
      </c>
      <c r="BB18" s="102">
        <v>0</v>
      </c>
      <c r="BC18" s="102">
        <v>2</v>
      </c>
      <c r="BD18" s="103">
        <v>7</v>
      </c>
      <c r="BE18" s="104">
        <v>9</v>
      </c>
      <c r="BF18" s="101">
        <v>1</v>
      </c>
      <c r="BG18" s="102">
        <v>6</v>
      </c>
      <c r="BH18" s="103">
        <v>7</v>
      </c>
      <c r="BI18" s="413">
        <v>0</v>
      </c>
      <c r="BJ18" s="102">
        <v>1</v>
      </c>
      <c r="BK18" s="102">
        <v>3</v>
      </c>
      <c r="BL18" s="102">
        <v>2</v>
      </c>
      <c r="BM18" s="102">
        <v>1</v>
      </c>
      <c r="BN18" s="102">
        <v>1</v>
      </c>
      <c r="BO18" s="103">
        <v>8</v>
      </c>
      <c r="BP18" s="104">
        <v>15</v>
      </c>
      <c r="BQ18" s="101">
        <v>2</v>
      </c>
      <c r="BR18" s="102">
        <v>3</v>
      </c>
      <c r="BS18" s="103">
        <v>5</v>
      </c>
      <c r="BT18" s="413">
        <v>0</v>
      </c>
      <c r="BU18" s="102">
        <v>7</v>
      </c>
      <c r="BV18" s="102">
        <v>1</v>
      </c>
      <c r="BW18" s="102">
        <v>1</v>
      </c>
      <c r="BX18" s="102">
        <v>0</v>
      </c>
      <c r="BY18" s="102">
        <v>0</v>
      </c>
      <c r="BZ18" s="103">
        <v>9</v>
      </c>
      <c r="CA18" s="104">
        <v>14</v>
      </c>
      <c r="CB18" s="101">
        <v>0</v>
      </c>
      <c r="CC18" s="102">
        <v>0</v>
      </c>
      <c r="CD18" s="103">
        <v>0</v>
      </c>
      <c r="CE18" s="413">
        <v>0</v>
      </c>
      <c r="CF18" s="102">
        <v>0</v>
      </c>
      <c r="CG18" s="102">
        <v>0</v>
      </c>
      <c r="CH18" s="102">
        <v>0</v>
      </c>
      <c r="CI18" s="102">
        <v>0</v>
      </c>
      <c r="CJ18" s="102">
        <v>0</v>
      </c>
      <c r="CK18" s="103">
        <v>0</v>
      </c>
      <c r="CL18" s="104">
        <v>0</v>
      </c>
      <c r="CM18" s="101">
        <v>8</v>
      </c>
      <c r="CN18" s="102">
        <v>14</v>
      </c>
      <c r="CO18" s="103">
        <v>22</v>
      </c>
      <c r="CP18" s="413">
        <v>0</v>
      </c>
      <c r="CQ18" s="102">
        <v>12</v>
      </c>
      <c r="CR18" s="102">
        <v>10</v>
      </c>
      <c r="CS18" s="102">
        <v>4</v>
      </c>
      <c r="CT18" s="102">
        <v>3</v>
      </c>
      <c r="CU18" s="102">
        <v>6</v>
      </c>
      <c r="CV18" s="103">
        <v>35</v>
      </c>
      <c r="CW18" s="104">
        <v>57</v>
      </c>
      <c r="CX18" s="105">
        <v>7</v>
      </c>
      <c r="CY18" s="97">
        <v>7</v>
      </c>
      <c r="CZ18" s="98">
        <v>14</v>
      </c>
      <c r="DA18" s="413">
        <v>0</v>
      </c>
      <c r="DB18" s="97">
        <v>6</v>
      </c>
      <c r="DC18" s="97">
        <v>10</v>
      </c>
      <c r="DD18" s="97">
        <v>3</v>
      </c>
      <c r="DE18" s="97">
        <v>2</v>
      </c>
      <c r="DF18" s="97">
        <v>1</v>
      </c>
      <c r="DG18" s="99">
        <v>22</v>
      </c>
      <c r="DH18" s="100">
        <v>36</v>
      </c>
      <c r="DI18" s="101">
        <v>1</v>
      </c>
      <c r="DJ18" s="102">
        <v>0</v>
      </c>
      <c r="DK18" s="103">
        <v>1</v>
      </c>
      <c r="DL18" s="413">
        <v>0</v>
      </c>
      <c r="DM18" s="102">
        <v>0</v>
      </c>
      <c r="DN18" s="102">
        <v>1</v>
      </c>
      <c r="DO18" s="102">
        <v>0</v>
      </c>
      <c r="DP18" s="102">
        <v>0</v>
      </c>
      <c r="DQ18" s="102">
        <v>0</v>
      </c>
      <c r="DR18" s="103">
        <v>1</v>
      </c>
      <c r="DS18" s="104">
        <v>2</v>
      </c>
      <c r="DT18" s="101">
        <v>0</v>
      </c>
      <c r="DU18" s="102">
        <v>0</v>
      </c>
      <c r="DV18" s="103">
        <v>0</v>
      </c>
      <c r="DW18" s="413">
        <v>0</v>
      </c>
      <c r="DX18" s="102">
        <v>0</v>
      </c>
      <c r="DY18" s="102">
        <v>1</v>
      </c>
      <c r="DZ18" s="102">
        <v>0</v>
      </c>
      <c r="EA18" s="102">
        <v>0</v>
      </c>
      <c r="EB18" s="102">
        <v>0</v>
      </c>
      <c r="EC18" s="103">
        <v>1</v>
      </c>
      <c r="ED18" s="104">
        <v>1</v>
      </c>
      <c r="EE18" s="101">
        <v>2</v>
      </c>
      <c r="EF18" s="102">
        <v>2</v>
      </c>
      <c r="EG18" s="103">
        <v>4</v>
      </c>
      <c r="EH18" s="413">
        <v>0</v>
      </c>
      <c r="EI18" s="102">
        <v>0</v>
      </c>
      <c r="EJ18" s="102">
        <v>2</v>
      </c>
      <c r="EK18" s="102">
        <v>2</v>
      </c>
      <c r="EL18" s="102">
        <v>0</v>
      </c>
      <c r="EM18" s="102">
        <v>0</v>
      </c>
      <c r="EN18" s="103">
        <v>4</v>
      </c>
      <c r="EO18" s="104">
        <v>8</v>
      </c>
      <c r="EP18" s="101">
        <v>1</v>
      </c>
      <c r="EQ18" s="102">
        <v>4</v>
      </c>
      <c r="ER18" s="103">
        <v>5</v>
      </c>
      <c r="ES18" s="413">
        <v>0</v>
      </c>
      <c r="ET18" s="102">
        <v>0</v>
      </c>
      <c r="EU18" s="102">
        <v>0</v>
      </c>
      <c r="EV18" s="102">
        <v>0</v>
      </c>
      <c r="EW18" s="102">
        <v>0</v>
      </c>
      <c r="EX18" s="102">
        <v>0</v>
      </c>
      <c r="EY18" s="103">
        <v>0</v>
      </c>
      <c r="EZ18" s="104">
        <v>5</v>
      </c>
      <c r="FA18" s="101">
        <v>1</v>
      </c>
      <c r="FB18" s="102">
        <v>0</v>
      </c>
      <c r="FC18" s="103">
        <v>1</v>
      </c>
      <c r="FD18" s="413">
        <v>0</v>
      </c>
      <c r="FE18" s="102">
        <v>3</v>
      </c>
      <c r="FF18" s="102">
        <v>2</v>
      </c>
      <c r="FG18" s="102">
        <v>0</v>
      </c>
      <c r="FH18" s="102">
        <v>0</v>
      </c>
      <c r="FI18" s="102">
        <v>1</v>
      </c>
      <c r="FJ18" s="103">
        <v>6</v>
      </c>
      <c r="FK18" s="104">
        <v>7</v>
      </c>
      <c r="FL18" s="101">
        <v>2</v>
      </c>
      <c r="FM18" s="102">
        <v>1</v>
      </c>
      <c r="FN18" s="103">
        <v>3</v>
      </c>
      <c r="FO18" s="413">
        <v>0</v>
      </c>
      <c r="FP18" s="102">
        <v>3</v>
      </c>
      <c r="FQ18" s="102">
        <v>4</v>
      </c>
      <c r="FR18" s="102">
        <v>1</v>
      </c>
      <c r="FS18" s="102">
        <v>2</v>
      </c>
      <c r="FT18" s="102">
        <v>0</v>
      </c>
      <c r="FU18" s="103">
        <v>10</v>
      </c>
      <c r="FV18" s="104">
        <v>13</v>
      </c>
      <c r="FW18" s="101">
        <v>0</v>
      </c>
      <c r="FX18" s="102">
        <v>0</v>
      </c>
      <c r="FY18" s="103">
        <v>0</v>
      </c>
      <c r="FZ18" s="413">
        <v>0</v>
      </c>
      <c r="GA18" s="102">
        <v>0</v>
      </c>
      <c r="GB18" s="102">
        <v>0</v>
      </c>
      <c r="GC18" s="102">
        <v>0</v>
      </c>
      <c r="GD18" s="102">
        <v>0</v>
      </c>
      <c r="GE18" s="102">
        <v>0</v>
      </c>
      <c r="GF18" s="103">
        <v>0</v>
      </c>
      <c r="GG18" s="104">
        <v>0</v>
      </c>
      <c r="GH18" s="101">
        <v>7</v>
      </c>
      <c r="GI18" s="102">
        <v>7</v>
      </c>
      <c r="GJ18" s="103">
        <v>14</v>
      </c>
      <c r="GK18" s="413">
        <v>0</v>
      </c>
      <c r="GL18" s="102">
        <v>6</v>
      </c>
      <c r="GM18" s="102">
        <v>10</v>
      </c>
      <c r="GN18" s="102">
        <v>3</v>
      </c>
      <c r="GO18" s="102">
        <v>2</v>
      </c>
      <c r="GP18" s="102">
        <v>1</v>
      </c>
      <c r="GQ18" s="103">
        <v>22</v>
      </c>
      <c r="GR18" s="104">
        <v>36</v>
      </c>
      <c r="GS18" s="105">
        <v>15</v>
      </c>
      <c r="GT18" s="97">
        <v>21</v>
      </c>
      <c r="GU18" s="98">
        <v>36</v>
      </c>
      <c r="GV18" s="413">
        <v>0</v>
      </c>
      <c r="GW18" s="97">
        <v>18</v>
      </c>
      <c r="GX18" s="97">
        <v>20</v>
      </c>
      <c r="GY18" s="97">
        <v>7</v>
      </c>
      <c r="GZ18" s="97">
        <v>5</v>
      </c>
      <c r="HA18" s="97">
        <v>7</v>
      </c>
      <c r="HB18" s="99">
        <v>57</v>
      </c>
      <c r="HC18" s="100">
        <v>93</v>
      </c>
      <c r="HD18" s="101">
        <v>2</v>
      </c>
      <c r="HE18" s="102">
        <v>2</v>
      </c>
      <c r="HF18" s="103">
        <v>4</v>
      </c>
      <c r="HG18" s="413">
        <v>0</v>
      </c>
      <c r="HH18" s="102">
        <v>0</v>
      </c>
      <c r="HI18" s="102">
        <v>1</v>
      </c>
      <c r="HJ18" s="102">
        <v>0</v>
      </c>
      <c r="HK18" s="102">
        <v>0</v>
      </c>
      <c r="HL18" s="102">
        <v>0</v>
      </c>
      <c r="HM18" s="103">
        <v>1</v>
      </c>
      <c r="HN18" s="104">
        <v>5</v>
      </c>
      <c r="HO18" s="101">
        <v>3</v>
      </c>
      <c r="HP18" s="102">
        <v>0</v>
      </c>
      <c r="HQ18" s="103">
        <v>3</v>
      </c>
      <c r="HR18" s="413">
        <v>0</v>
      </c>
      <c r="HS18" s="102">
        <v>2</v>
      </c>
      <c r="HT18" s="102">
        <v>2</v>
      </c>
      <c r="HU18" s="102">
        <v>0</v>
      </c>
      <c r="HV18" s="102">
        <v>1</v>
      </c>
      <c r="HW18" s="102">
        <v>1</v>
      </c>
      <c r="HX18" s="103">
        <v>6</v>
      </c>
      <c r="HY18" s="104">
        <v>9</v>
      </c>
      <c r="HZ18" s="101">
        <v>3</v>
      </c>
      <c r="IA18" s="102">
        <v>3</v>
      </c>
      <c r="IB18" s="103">
        <v>6</v>
      </c>
      <c r="IC18" s="413">
        <v>0</v>
      </c>
      <c r="ID18" s="102">
        <v>0</v>
      </c>
      <c r="IE18" s="102">
        <v>4</v>
      </c>
      <c r="IF18" s="102">
        <v>3</v>
      </c>
      <c r="IG18" s="102">
        <v>1</v>
      </c>
      <c r="IH18" s="102">
        <v>2</v>
      </c>
      <c r="II18" s="103">
        <v>10</v>
      </c>
      <c r="IJ18" s="104">
        <v>16</v>
      </c>
      <c r="IK18" s="101">
        <v>1</v>
      </c>
      <c r="IL18" s="102">
        <v>6</v>
      </c>
      <c r="IM18" s="103">
        <v>7</v>
      </c>
      <c r="IN18" s="413">
        <v>0</v>
      </c>
      <c r="IO18" s="102">
        <v>2</v>
      </c>
      <c r="IP18" s="102">
        <v>3</v>
      </c>
      <c r="IQ18" s="102">
        <v>0</v>
      </c>
      <c r="IR18" s="102">
        <v>0</v>
      </c>
      <c r="IS18" s="102">
        <v>2</v>
      </c>
      <c r="IT18" s="103">
        <v>7</v>
      </c>
      <c r="IU18" s="104">
        <v>14</v>
      </c>
      <c r="IV18" s="101">
        <v>2</v>
      </c>
      <c r="IW18" s="102">
        <v>6</v>
      </c>
      <c r="IX18" s="103">
        <v>8</v>
      </c>
      <c r="IY18" s="413">
        <v>0</v>
      </c>
      <c r="IZ18" s="102">
        <v>4</v>
      </c>
      <c r="JA18" s="102">
        <v>5</v>
      </c>
      <c r="JB18" s="102">
        <v>2</v>
      </c>
      <c r="JC18" s="102">
        <v>1</v>
      </c>
      <c r="JD18" s="102">
        <v>2</v>
      </c>
      <c r="JE18" s="103">
        <v>14</v>
      </c>
      <c r="JF18" s="104">
        <v>22</v>
      </c>
      <c r="JG18" s="101">
        <v>4</v>
      </c>
      <c r="JH18" s="102">
        <v>4</v>
      </c>
      <c r="JI18" s="103">
        <v>8</v>
      </c>
      <c r="JJ18" s="413">
        <v>0</v>
      </c>
      <c r="JK18" s="102">
        <v>10</v>
      </c>
      <c r="JL18" s="102">
        <v>5</v>
      </c>
      <c r="JM18" s="102">
        <v>2</v>
      </c>
      <c r="JN18" s="102">
        <v>2</v>
      </c>
      <c r="JO18" s="102">
        <v>0</v>
      </c>
      <c r="JP18" s="103">
        <v>19</v>
      </c>
      <c r="JQ18" s="104">
        <v>27</v>
      </c>
      <c r="JR18" s="101">
        <v>0</v>
      </c>
      <c r="JS18" s="102">
        <v>0</v>
      </c>
      <c r="JT18" s="103">
        <v>0</v>
      </c>
      <c r="JU18" s="413">
        <v>0</v>
      </c>
      <c r="JV18" s="102">
        <v>0</v>
      </c>
      <c r="JW18" s="102">
        <v>0</v>
      </c>
      <c r="JX18" s="102">
        <v>0</v>
      </c>
      <c r="JY18" s="102">
        <v>0</v>
      </c>
      <c r="JZ18" s="102">
        <v>0</v>
      </c>
      <c r="KA18" s="103">
        <v>0</v>
      </c>
      <c r="KB18" s="104">
        <v>0</v>
      </c>
      <c r="KC18" s="101">
        <v>15</v>
      </c>
      <c r="KD18" s="102">
        <v>21</v>
      </c>
      <c r="KE18" s="103">
        <v>36</v>
      </c>
      <c r="KF18" s="413">
        <v>0</v>
      </c>
      <c r="KG18" s="102">
        <v>18</v>
      </c>
      <c r="KH18" s="102">
        <v>20</v>
      </c>
      <c r="KI18" s="102">
        <v>7</v>
      </c>
      <c r="KJ18" s="102">
        <v>5</v>
      </c>
      <c r="KK18" s="102">
        <v>7</v>
      </c>
      <c r="KL18" s="103">
        <v>57</v>
      </c>
      <c r="KM18" s="104">
        <v>93</v>
      </c>
    </row>
    <row r="19" spans="2:299" s="70" customFormat="1" ht="21" customHeight="1" x14ac:dyDescent="0.2">
      <c r="B19" s="106" t="s">
        <v>16</v>
      </c>
      <c r="C19" s="96">
        <v>25</v>
      </c>
      <c r="D19" s="97">
        <v>27</v>
      </c>
      <c r="E19" s="98">
        <v>52</v>
      </c>
      <c r="F19" s="413">
        <v>0</v>
      </c>
      <c r="G19" s="97">
        <v>52</v>
      </c>
      <c r="H19" s="97">
        <v>64</v>
      </c>
      <c r="I19" s="97">
        <v>39</v>
      </c>
      <c r="J19" s="97">
        <v>26</v>
      </c>
      <c r="K19" s="97">
        <v>20</v>
      </c>
      <c r="L19" s="99">
        <v>201</v>
      </c>
      <c r="M19" s="100">
        <v>253</v>
      </c>
      <c r="N19" s="101">
        <v>0</v>
      </c>
      <c r="O19" s="102">
        <v>0</v>
      </c>
      <c r="P19" s="103">
        <v>0</v>
      </c>
      <c r="Q19" s="413">
        <v>0</v>
      </c>
      <c r="R19" s="102">
        <v>1</v>
      </c>
      <c r="S19" s="102">
        <v>2</v>
      </c>
      <c r="T19" s="102">
        <v>1</v>
      </c>
      <c r="U19" s="102">
        <v>0</v>
      </c>
      <c r="V19" s="102">
        <v>1</v>
      </c>
      <c r="W19" s="103">
        <v>5</v>
      </c>
      <c r="X19" s="104">
        <v>5</v>
      </c>
      <c r="Y19" s="101">
        <v>4</v>
      </c>
      <c r="Z19" s="102">
        <v>4</v>
      </c>
      <c r="AA19" s="103">
        <v>8</v>
      </c>
      <c r="AB19" s="413">
        <v>0</v>
      </c>
      <c r="AC19" s="102">
        <v>5</v>
      </c>
      <c r="AD19" s="102">
        <v>6</v>
      </c>
      <c r="AE19" s="102">
        <v>2</v>
      </c>
      <c r="AF19" s="102">
        <v>3</v>
      </c>
      <c r="AG19" s="102">
        <v>2</v>
      </c>
      <c r="AH19" s="103">
        <v>18</v>
      </c>
      <c r="AI19" s="104">
        <v>26</v>
      </c>
      <c r="AJ19" s="101">
        <v>7</v>
      </c>
      <c r="AK19" s="102">
        <v>5</v>
      </c>
      <c r="AL19" s="103">
        <v>12</v>
      </c>
      <c r="AM19" s="413">
        <v>0</v>
      </c>
      <c r="AN19" s="102">
        <v>7</v>
      </c>
      <c r="AO19" s="102">
        <v>9</v>
      </c>
      <c r="AP19" s="102">
        <v>3</v>
      </c>
      <c r="AQ19" s="102">
        <v>5</v>
      </c>
      <c r="AR19" s="102">
        <v>3</v>
      </c>
      <c r="AS19" s="103">
        <v>27</v>
      </c>
      <c r="AT19" s="104">
        <v>39</v>
      </c>
      <c r="AU19" s="101">
        <v>5</v>
      </c>
      <c r="AV19" s="102">
        <v>5</v>
      </c>
      <c r="AW19" s="103">
        <v>10</v>
      </c>
      <c r="AX19" s="413">
        <v>0</v>
      </c>
      <c r="AY19" s="102">
        <v>11</v>
      </c>
      <c r="AZ19" s="102">
        <v>16</v>
      </c>
      <c r="BA19" s="102">
        <v>12</v>
      </c>
      <c r="BB19" s="102">
        <v>6</v>
      </c>
      <c r="BC19" s="102">
        <v>2</v>
      </c>
      <c r="BD19" s="103">
        <v>47</v>
      </c>
      <c r="BE19" s="104">
        <v>57</v>
      </c>
      <c r="BF19" s="101">
        <v>6</v>
      </c>
      <c r="BG19" s="102">
        <v>6</v>
      </c>
      <c r="BH19" s="103">
        <v>12</v>
      </c>
      <c r="BI19" s="413">
        <v>0</v>
      </c>
      <c r="BJ19" s="102">
        <v>14</v>
      </c>
      <c r="BK19" s="102">
        <v>17</v>
      </c>
      <c r="BL19" s="102">
        <v>14</v>
      </c>
      <c r="BM19" s="102">
        <v>4</v>
      </c>
      <c r="BN19" s="102">
        <v>9</v>
      </c>
      <c r="BO19" s="103">
        <v>58</v>
      </c>
      <c r="BP19" s="104">
        <v>70</v>
      </c>
      <c r="BQ19" s="101">
        <v>3</v>
      </c>
      <c r="BR19" s="102">
        <v>7</v>
      </c>
      <c r="BS19" s="103">
        <v>10</v>
      </c>
      <c r="BT19" s="413">
        <v>0</v>
      </c>
      <c r="BU19" s="102">
        <v>14</v>
      </c>
      <c r="BV19" s="102">
        <v>14</v>
      </c>
      <c r="BW19" s="102">
        <v>7</v>
      </c>
      <c r="BX19" s="102">
        <v>8</v>
      </c>
      <c r="BY19" s="102">
        <v>3</v>
      </c>
      <c r="BZ19" s="103">
        <v>46</v>
      </c>
      <c r="CA19" s="104">
        <v>56</v>
      </c>
      <c r="CB19" s="101">
        <v>0</v>
      </c>
      <c r="CC19" s="102">
        <v>0</v>
      </c>
      <c r="CD19" s="103">
        <v>0</v>
      </c>
      <c r="CE19" s="413">
        <v>0</v>
      </c>
      <c r="CF19" s="102">
        <v>0</v>
      </c>
      <c r="CG19" s="102">
        <v>0</v>
      </c>
      <c r="CH19" s="102">
        <v>0</v>
      </c>
      <c r="CI19" s="102">
        <v>0</v>
      </c>
      <c r="CJ19" s="102">
        <v>0</v>
      </c>
      <c r="CK19" s="103">
        <v>0</v>
      </c>
      <c r="CL19" s="104">
        <v>0</v>
      </c>
      <c r="CM19" s="101">
        <v>25</v>
      </c>
      <c r="CN19" s="102">
        <v>27</v>
      </c>
      <c r="CO19" s="103">
        <v>52</v>
      </c>
      <c r="CP19" s="413">
        <v>0</v>
      </c>
      <c r="CQ19" s="102">
        <v>52</v>
      </c>
      <c r="CR19" s="102">
        <v>64</v>
      </c>
      <c r="CS19" s="102">
        <v>39</v>
      </c>
      <c r="CT19" s="102">
        <v>26</v>
      </c>
      <c r="CU19" s="102">
        <v>20</v>
      </c>
      <c r="CV19" s="103">
        <v>201</v>
      </c>
      <c r="CW19" s="104">
        <v>253</v>
      </c>
      <c r="CX19" s="105">
        <v>19</v>
      </c>
      <c r="CY19" s="97">
        <v>20</v>
      </c>
      <c r="CZ19" s="98">
        <v>39</v>
      </c>
      <c r="DA19" s="413">
        <v>0</v>
      </c>
      <c r="DB19" s="97">
        <v>23</v>
      </c>
      <c r="DC19" s="97">
        <v>27</v>
      </c>
      <c r="DD19" s="97">
        <v>14</v>
      </c>
      <c r="DE19" s="97">
        <v>19</v>
      </c>
      <c r="DF19" s="97">
        <v>8</v>
      </c>
      <c r="DG19" s="99">
        <v>91</v>
      </c>
      <c r="DH19" s="100">
        <v>130</v>
      </c>
      <c r="DI19" s="101">
        <v>0</v>
      </c>
      <c r="DJ19" s="102">
        <v>1</v>
      </c>
      <c r="DK19" s="103">
        <v>1</v>
      </c>
      <c r="DL19" s="413">
        <v>0</v>
      </c>
      <c r="DM19" s="102">
        <v>0</v>
      </c>
      <c r="DN19" s="102">
        <v>1</v>
      </c>
      <c r="DO19" s="102">
        <v>0</v>
      </c>
      <c r="DP19" s="102">
        <v>1</v>
      </c>
      <c r="DQ19" s="102">
        <v>1</v>
      </c>
      <c r="DR19" s="103">
        <v>3</v>
      </c>
      <c r="DS19" s="104">
        <v>4</v>
      </c>
      <c r="DT19" s="101">
        <v>1</v>
      </c>
      <c r="DU19" s="102">
        <v>3</v>
      </c>
      <c r="DV19" s="103">
        <v>4</v>
      </c>
      <c r="DW19" s="413">
        <v>0</v>
      </c>
      <c r="DX19" s="102">
        <v>0</v>
      </c>
      <c r="DY19" s="102">
        <v>0</v>
      </c>
      <c r="DZ19" s="102">
        <v>1</v>
      </c>
      <c r="EA19" s="102">
        <v>0</v>
      </c>
      <c r="EB19" s="102">
        <v>0</v>
      </c>
      <c r="EC19" s="103">
        <v>1</v>
      </c>
      <c r="ED19" s="104">
        <v>5</v>
      </c>
      <c r="EE19" s="101">
        <v>3</v>
      </c>
      <c r="EF19" s="102">
        <v>1</v>
      </c>
      <c r="EG19" s="103">
        <v>4</v>
      </c>
      <c r="EH19" s="413">
        <v>0</v>
      </c>
      <c r="EI19" s="102">
        <v>2</v>
      </c>
      <c r="EJ19" s="102">
        <v>2</v>
      </c>
      <c r="EK19" s="102">
        <v>0</v>
      </c>
      <c r="EL19" s="102">
        <v>3</v>
      </c>
      <c r="EM19" s="102">
        <v>0</v>
      </c>
      <c r="EN19" s="103">
        <v>7</v>
      </c>
      <c r="EO19" s="104">
        <v>11</v>
      </c>
      <c r="EP19" s="101">
        <v>5</v>
      </c>
      <c r="EQ19" s="102">
        <v>6</v>
      </c>
      <c r="ER19" s="103">
        <v>11</v>
      </c>
      <c r="ES19" s="413">
        <v>0</v>
      </c>
      <c r="ET19" s="102">
        <v>4</v>
      </c>
      <c r="EU19" s="102">
        <v>7</v>
      </c>
      <c r="EV19" s="102">
        <v>3</v>
      </c>
      <c r="EW19" s="102">
        <v>2</v>
      </c>
      <c r="EX19" s="102">
        <v>0</v>
      </c>
      <c r="EY19" s="103">
        <v>16</v>
      </c>
      <c r="EZ19" s="104">
        <v>27</v>
      </c>
      <c r="FA19" s="101">
        <v>7</v>
      </c>
      <c r="FB19" s="102">
        <v>4</v>
      </c>
      <c r="FC19" s="103">
        <v>11</v>
      </c>
      <c r="FD19" s="413">
        <v>0</v>
      </c>
      <c r="FE19" s="102">
        <v>13</v>
      </c>
      <c r="FF19" s="102">
        <v>6</v>
      </c>
      <c r="FG19" s="102">
        <v>3</v>
      </c>
      <c r="FH19" s="102">
        <v>2</v>
      </c>
      <c r="FI19" s="102">
        <v>0</v>
      </c>
      <c r="FJ19" s="103">
        <v>24</v>
      </c>
      <c r="FK19" s="104">
        <v>35</v>
      </c>
      <c r="FL19" s="101">
        <v>3</v>
      </c>
      <c r="FM19" s="102">
        <v>5</v>
      </c>
      <c r="FN19" s="103">
        <v>8</v>
      </c>
      <c r="FO19" s="413">
        <v>0</v>
      </c>
      <c r="FP19" s="102">
        <v>4</v>
      </c>
      <c r="FQ19" s="102">
        <v>11</v>
      </c>
      <c r="FR19" s="102">
        <v>7</v>
      </c>
      <c r="FS19" s="102">
        <v>11</v>
      </c>
      <c r="FT19" s="102">
        <v>7</v>
      </c>
      <c r="FU19" s="103">
        <v>40</v>
      </c>
      <c r="FV19" s="104">
        <v>48</v>
      </c>
      <c r="FW19" s="101">
        <v>0</v>
      </c>
      <c r="FX19" s="102">
        <v>0</v>
      </c>
      <c r="FY19" s="103">
        <v>0</v>
      </c>
      <c r="FZ19" s="413">
        <v>0</v>
      </c>
      <c r="GA19" s="102">
        <v>0</v>
      </c>
      <c r="GB19" s="102">
        <v>0</v>
      </c>
      <c r="GC19" s="102">
        <v>0</v>
      </c>
      <c r="GD19" s="102">
        <v>0</v>
      </c>
      <c r="GE19" s="102">
        <v>0</v>
      </c>
      <c r="GF19" s="103">
        <v>0</v>
      </c>
      <c r="GG19" s="104">
        <v>0</v>
      </c>
      <c r="GH19" s="101">
        <v>19</v>
      </c>
      <c r="GI19" s="102">
        <v>20</v>
      </c>
      <c r="GJ19" s="103">
        <v>39</v>
      </c>
      <c r="GK19" s="413">
        <v>0</v>
      </c>
      <c r="GL19" s="102">
        <v>23</v>
      </c>
      <c r="GM19" s="102">
        <v>27</v>
      </c>
      <c r="GN19" s="102">
        <v>14</v>
      </c>
      <c r="GO19" s="102">
        <v>19</v>
      </c>
      <c r="GP19" s="102">
        <v>8</v>
      </c>
      <c r="GQ19" s="103">
        <v>91</v>
      </c>
      <c r="GR19" s="104">
        <v>130</v>
      </c>
      <c r="GS19" s="105">
        <v>44</v>
      </c>
      <c r="GT19" s="97">
        <v>47</v>
      </c>
      <c r="GU19" s="98">
        <v>91</v>
      </c>
      <c r="GV19" s="413">
        <v>0</v>
      </c>
      <c r="GW19" s="97">
        <v>75</v>
      </c>
      <c r="GX19" s="97">
        <v>91</v>
      </c>
      <c r="GY19" s="97">
        <v>53</v>
      </c>
      <c r="GZ19" s="97">
        <v>45</v>
      </c>
      <c r="HA19" s="97">
        <v>28</v>
      </c>
      <c r="HB19" s="99">
        <v>292</v>
      </c>
      <c r="HC19" s="100">
        <v>383</v>
      </c>
      <c r="HD19" s="101">
        <v>0</v>
      </c>
      <c r="HE19" s="102">
        <v>1</v>
      </c>
      <c r="HF19" s="103">
        <v>1</v>
      </c>
      <c r="HG19" s="413">
        <v>0</v>
      </c>
      <c r="HH19" s="102">
        <v>1</v>
      </c>
      <c r="HI19" s="102">
        <v>3</v>
      </c>
      <c r="HJ19" s="102">
        <v>1</v>
      </c>
      <c r="HK19" s="102">
        <v>1</v>
      </c>
      <c r="HL19" s="102">
        <v>2</v>
      </c>
      <c r="HM19" s="103">
        <v>8</v>
      </c>
      <c r="HN19" s="104">
        <v>9</v>
      </c>
      <c r="HO19" s="101">
        <v>5</v>
      </c>
      <c r="HP19" s="102">
        <v>7</v>
      </c>
      <c r="HQ19" s="103">
        <v>12</v>
      </c>
      <c r="HR19" s="413">
        <v>0</v>
      </c>
      <c r="HS19" s="102">
        <v>5</v>
      </c>
      <c r="HT19" s="102">
        <v>6</v>
      </c>
      <c r="HU19" s="102">
        <v>3</v>
      </c>
      <c r="HV19" s="102">
        <v>3</v>
      </c>
      <c r="HW19" s="102">
        <v>2</v>
      </c>
      <c r="HX19" s="103">
        <v>19</v>
      </c>
      <c r="HY19" s="104">
        <v>31</v>
      </c>
      <c r="HZ19" s="101">
        <v>10</v>
      </c>
      <c r="IA19" s="102">
        <v>6</v>
      </c>
      <c r="IB19" s="103">
        <v>16</v>
      </c>
      <c r="IC19" s="413">
        <v>0</v>
      </c>
      <c r="ID19" s="102">
        <v>9</v>
      </c>
      <c r="IE19" s="102">
        <v>11</v>
      </c>
      <c r="IF19" s="102">
        <v>3</v>
      </c>
      <c r="IG19" s="102">
        <v>8</v>
      </c>
      <c r="IH19" s="102">
        <v>3</v>
      </c>
      <c r="II19" s="103">
        <v>34</v>
      </c>
      <c r="IJ19" s="104">
        <v>50</v>
      </c>
      <c r="IK19" s="101">
        <v>10</v>
      </c>
      <c r="IL19" s="102">
        <v>11</v>
      </c>
      <c r="IM19" s="103">
        <v>21</v>
      </c>
      <c r="IN19" s="413">
        <v>0</v>
      </c>
      <c r="IO19" s="102">
        <v>15</v>
      </c>
      <c r="IP19" s="102">
        <v>23</v>
      </c>
      <c r="IQ19" s="102">
        <v>15</v>
      </c>
      <c r="IR19" s="102">
        <v>8</v>
      </c>
      <c r="IS19" s="102">
        <v>2</v>
      </c>
      <c r="IT19" s="103">
        <v>63</v>
      </c>
      <c r="IU19" s="104">
        <v>84</v>
      </c>
      <c r="IV19" s="101">
        <v>13</v>
      </c>
      <c r="IW19" s="102">
        <v>10</v>
      </c>
      <c r="IX19" s="103">
        <v>23</v>
      </c>
      <c r="IY19" s="413">
        <v>0</v>
      </c>
      <c r="IZ19" s="102">
        <v>27</v>
      </c>
      <c r="JA19" s="102">
        <v>23</v>
      </c>
      <c r="JB19" s="102">
        <v>17</v>
      </c>
      <c r="JC19" s="102">
        <v>6</v>
      </c>
      <c r="JD19" s="102">
        <v>9</v>
      </c>
      <c r="JE19" s="103">
        <v>82</v>
      </c>
      <c r="JF19" s="104">
        <v>105</v>
      </c>
      <c r="JG19" s="101">
        <v>6</v>
      </c>
      <c r="JH19" s="102">
        <v>12</v>
      </c>
      <c r="JI19" s="103">
        <v>18</v>
      </c>
      <c r="JJ19" s="413">
        <v>0</v>
      </c>
      <c r="JK19" s="102">
        <v>18</v>
      </c>
      <c r="JL19" s="102">
        <v>25</v>
      </c>
      <c r="JM19" s="102">
        <v>14</v>
      </c>
      <c r="JN19" s="102">
        <v>19</v>
      </c>
      <c r="JO19" s="102">
        <v>10</v>
      </c>
      <c r="JP19" s="103">
        <v>86</v>
      </c>
      <c r="JQ19" s="104">
        <v>104</v>
      </c>
      <c r="JR19" s="101">
        <v>0</v>
      </c>
      <c r="JS19" s="102">
        <v>0</v>
      </c>
      <c r="JT19" s="103">
        <v>0</v>
      </c>
      <c r="JU19" s="413">
        <v>0</v>
      </c>
      <c r="JV19" s="102">
        <v>0</v>
      </c>
      <c r="JW19" s="102">
        <v>0</v>
      </c>
      <c r="JX19" s="102">
        <v>0</v>
      </c>
      <c r="JY19" s="102">
        <v>0</v>
      </c>
      <c r="JZ19" s="102">
        <v>0</v>
      </c>
      <c r="KA19" s="103">
        <v>0</v>
      </c>
      <c r="KB19" s="104">
        <v>0</v>
      </c>
      <c r="KC19" s="101">
        <v>44</v>
      </c>
      <c r="KD19" s="102">
        <v>47</v>
      </c>
      <c r="KE19" s="103">
        <v>91</v>
      </c>
      <c r="KF19" s="413">
        <v>0</v>
      </c>
      <c r="KG19" s="102">
        <v>75</v>
      </c>
      <c r="KH19" s="102">
        <v>91</v>
      </c>
      <c r="KI19" s="102">
        <v>53</v>
      </c>
      <c r="KJ19" s="102">
        <v>45</v>
      </c>
      <c r="KK19" s="102">
        <v>28</v>
      </c>
      <c r="KL19" s="103">
        <v>292</v>
      </c>
      <c r="KM19" s="104">
        <v>383</v>
      </c>
    </row>
    <row r="20" spans="2:299" s="70" customFormat="1" ht="21" customHeight="1" x14ac:dyDescent="0.2">
      <c r="B20" s="106" t="s">
        <v>17</v>
      </c>
      <c r="C20" s="96">
        <v>67</v>
      </c>
      <c r="D20" s="97">
        <v>58</v>
      </c>
      <c r="E20" s="98">
        <v>125</v>
      </c>
      <c r="F20" s="413">
        <v>0</v>
      </c>
      <c r="G20" s="97">
        <v>74</v>
      </c>
      <c r="H20" s="97">
        <v>91</v>
      </c>
      <c r="I20" s="97">
        <v>64</v>
      </c>
      <c r="J20" s="97">
        <v>48</v>
      </c>
      <c r="K20" s="97">
        <v>16</v>
      </c>
      <c r="L20" s="99">
        <v>293</v>
      </c>
      <c r="M20" s="100">
        <v>418</v>
      </c>
      <c r="N20" s="101">
        <v>4</v>
      </c>
      <c r="O20" s="102">
        <v>1</v>
      </c>
      <c r="P20" s="103">
        <v>5</v>
      </c>
      <c r="Q20" s="413">
        <v>0</v>
      </c>
      <c r="R20" s="102">
        <v>6</v>
      </c>
      <c r="S20" s="102">
        <v>4</v>
      </c>
      <c r="T20" s="102">
        <v>2</v>
      </c>
      <c r="U20" s="102">
        <v>5</v>
      </c>
      <c r="V20" s="102">
        <v>1</v>
      </c>
      <c r="W20" s="103">
        <v>18</v>
      </c>
      <c r="X20" s="104">
        <v>23</v>
      </c>
      <c r="Y20" s="101">
        <v>6</v>
      </c>
      <c r="Z20" s="102">
        <v>6</v>
      </c>
      <c r="AA20" s="103">
        <v>12</v>
      </c>
      <c r="AB20" s="413">
        <v>0</v>
      </c>
      <c r="AC20" s="102">
        <v>6</v>
      </c>
      <c r="AD20" s="102">
        <v>14</v>
      </c>
      <c r="AE20" s="102">
        <v>4</v>
      </c>
      <c r="AF20" s="102">
        <v>6</v>
      </c>
      <c r="AG20" s="102">
        <v>1</v>
      </c>
      <c r="AH20" s="103">
        <v>31</v>
      </c>
      <c r="AI20" s="104">
        <v>43</v>
      </c>
      <c r="AJ20" s="101">
        <v>11</v>
      </c>
      <c r="AK20" s="102">
        <v>7</v>
      </c>
      <c r="AL20" s="103">
        <v>18</v>
      </c>
      <c r="AM20" s="413">
        <v>0</v>
      </c>
      <c r="AN20" s="102">
        <v>8</v>
      </c>
      <c r="AO20" s="102">
        <v>12</v>
      </c>
      <c r="AP20" s="102">
        <v>10</v>
      </c>
      <c r="AQ20" s="102">
        <v>4</v>
      </c>
      <c r="AR20" s="102">
        <v>3</v>
      </c>
      <c r="AS20" s="103">
        <v>37</v>
      </c>
      <c r="AT20" s="104">
        <v>55</v>
      </c>
      <c r="AU20" s="101">
        <v>14</v>
      </c>
      <c r="AV20" s="102">
        <v>9</v>
      </c>
      <c r="AW20" s="103">
        <v>23</v>
      </c>
      <c r="AX20" s="413">
        <v>0</v>
      </c>
      <c r="AY20" s="102">
        <v>19</v>
      </c>
      <c r="AZ20" s="102">
        <v>24</v>
      </c>
      <c r="BA20" s="102">
        <v>13</v>
      </c>
      <c r="BB20" s="102">
        <v>9</v>
      </c>
      <c r="BC20" s="102">
        <v>7</v>
      </c>
      <c r="BD20" s="103">
        <v>72</v>
      </c>
      <c r="BE20" s="104">
        <v>95</v>
      </c>
      <c r="BF20" s="101">
        <v>23</v>
      </c>
      <c r="BG20" s="102">
        <v>20</v>
      </c>
      <c r="BH20" s="103">
        <v>43</v>
      </c>
      <c r="BI20" s="413">
        <v>0</v>
      </c>
      <c r="BJ20" s="102">
        <v>22</v>
      </c>
      <c r="BK20" s="102">
        <v>19</v>
      </c>
      <c r="BL20" s="102">
        <v>15</v>
      </c>
      <c r="BM20" s="102">
        <v>13</v>
      </c>
      <c r="BN20" s="102">
        <v>2</v>
      </c>
      <c r="BO20" s="103">
        <v>71</v>
      </c>
      <c r="BP20" s="104">
        <v>114</v>
      </c>
      <c r="BQ20" s="101">
        <v>9</v>
      </c>
      <c r="BR20" s="102">
        <v>15</v>
      </c>
      <c r="BS20" s="103">
        <v>24</v>
      </c>
      <c r="BT20" s="413">
        <v>0</v>
      </c>
      <c r="BU20" s="102">
        <v>13</v>
      </c>
      <c r="BV20" s="102">
        <v>18</v>
      </c>
      <c r="BW20" s="102">
        <v>20</v>
      </c>
      <c r="BX20" s="102">
        <v>11</v>
      </c>
      <c r="BY20" s="102">
        <v>2</v>
      </c>
      <c r="BZ20" s="103">
        <v>64</v>
      </c>
      <c r="CA20" s="104">
        <v>88</v>
      </c>
      <c r="CB20" s="101">
        <v>0</v>
      </c>
      <c r="CC20" s="102">
        <v>0</v>
      </c>
      <c r="CD20" s="103">
        <v>0</v>
      </c>
      <c r="CE20" s="413">
        <v>0</v>
      </c>
      <c r="CF20" s="102">
        <v>0</v>
      </c>
      <c r="CG20" s="102">
        <v>0</v>
      </c>
      <c r="CH20" s="102">
        <v>0</v>
      </c>
      <c r="CI20" s="102">
        <v>0</v>
      </c>
      <c r="CJ20" s="102">
        <v>0</v>
      </c>
      <c r="CK20" s="103">
        <v>0</v>
      </c>
      <c r="CL20" s="104">
        <v>0</v>
      </c>
      <c r="CM20" s="101">
        <v>67</v>
      </c>
      <c r="CN20" s="102">
        <v>58</v>
      </c>
      <c r="CO20" s="103">
        <v>125</v>
      </c>
      <c r="CP20" s="413">
        <v>0</v>
      </c>
      <c r="CQ20" s="102">
        <v>74</v>
      </c>
      <c r="CR20" s="102">
        <v>91</v>
      </c>
      <c r="CS20" s="102">
        <v>64</v>
      </c>
      <c r="CT20" s="102">
        <v>48</v>
      </c>
      <c r="CU20" s="102">
        <v>16</v>
      </c>
      <c r="CV20" s="103">
        <v>293</v>
      </c>
      <c r="CW20" s="104">
        <v>418</v>
      </c>
      <c r="CX20" s="105">
        <v>16</v>
      </c>
      <c r="CY20" s="97">
        <v>28</v>
      </c>
      <c r="CZ20" s="98">
        <v>44</v>
      </c>
      <c r="DA20" s="413">
        <v>0</v>
      </c>
      <c r="DB20" s="97">
        <v>38</v>
      </c>
      <c r="DC20" s="97">
        <v>44</v>
      </c>
      <c r="DD20" s="97">
        <v>31</v>
      </c>
      <c r="DE20" s="97">
        <v>24</v>
      </c>
      <c r="DF20" s="97">
        <v>23</v>
      </c>
      <c r="DG20" s="99">
        <v>160</v>
      </c>
      <c r="DH20" s="100">
        <v>204</v>
      </c>
      <c r="DI20" s="101">
        <v>1</v>
      </c>
      <c r="DJ20" s="102">
        <v>0</v>
      </c>
      <c r="DK20" s="103">
        <v>1</v>
      </c>
      <c r="DL20" s="413">
        <v>0</v>
      </c>
      <c r="DM20" s="102">
        <v>0</v>
      </c>
      <c r="DN20" s="102">
        <v>0</v>
      </c>
      <c r="DO20" s="102">
        <v>0</v>
      </c>
      <c r="DP20" s="102">
        <v>0</v>
      </c>
      <c r="DQ20" s="102">
        <v>0</v>
      </c>
      <c r="DR20" s="103">
        <v>0</v>
      </c>
      <c r="DS20" s="104">
        <v>1</v>
      </c>
      <c r="DT20" s="101">
        <v>4</v>
      </c>
      <c r="DU20" s="102">
        <v>2</v>
      </c>
      <c r="DV20" s="103">
        <v>6</v>
      </c>
      <c r="DW20" s="413">
        <v>0</v>
      </c>
      <c r="DX20" s="102">
        <v>1</v>
      </c>
      <c r="DY20" s="102">
        <v>0</v>
      </c>
      <c r="DZ20" s="102">
        <v>0</v>
      </c>
      <c r="EA20" s="102">
        <v>4</v>
      </c>
      <c r="EB20" s="102">
        <v>0</v>
      </c>
      <c r="EC20" s="103">
        <v>5</v>
      </c>
      <c r="ED20" s="104">
        <v>11</v>
      </c>
      <c r="EE20" s="101">
        <v>3</v>
      </c>
      <c r="EF20" s="102">
        <v>1</v>
      </c>
      <c r="EG20" s="103">
        <v>4</v>
      </c>
      <c r="EH20" s="413">
        <v>0</v>
      </c>
      <c r="EI20" s="102">
        <v>5</v>
      </c>
      <c r="EJ20" s="102">
        <v>4</v>
      </c>
      <c r="EK20" s="102">
        <v>7</v>
      </c>
      <c r="EL20" s="102">
        <v>3</v>
      </c>
      <c r="EM20" s="102">
        <v>2</v>
      </c>
      <c r="EN20" s="103">
        <v>21</v>
      </c>
      <c r="EO20" s="104">
        <v>25</v>
      </c>
      <c r="EP20" s="101">
        <v>2</v>
      </c>
      <c r="EQ20" s="102">
        <v>9</v>
      </c>
      <c r="ER20" s="103">
        <v>11</v>
      </c>
      <c r="ES20" s="413">
        <v>0</v>
      </c>
      <c r="ET20" s="102">
        <v>10</v>
      </c>
      <c r="EU20" s="102">
        <v>8</v>
      </c>
      <c r="EV20" s="102">
        <v>5</v>
      </c>
      <c r="EW20" s="102">
        <v>3</v>
      </c>
      <c r="EX20" s="102">
        <v>7</v>
      </c>
      <c r="EY20" s="103">
        <v>33</v>
      </c>
      <c r="EZ20" s="104">
        <v>44</v>
      </c>
      <c r="FA20" s="101">
        <v>6</v>
      </c>
      <c r="FB20" s="102">
        <v>12</v>
      </c>
      <c r="FC20" s="103">
        <v>18</v>
      </c>
      <c r="FD20" s="413">
        <v>0</v>
      </c>
      <c r="FE20" s="102">
        <v>11</v>
      </c>
      <c r="FF20" s="102">
        <v>14</v>
      </c>
      <c r="FG20" s="102">
        <v>5</v>
      </c>
      <c r="FH20" s="102">
        <v>2</v>
      </c>
      <c r="FI20" s="102">
        <v>9</v>
      </c>
      <c r="FJ20" s="103">
        <v>41</v>
      </c>
      <c r="FK20" s="104">
        <v>59</v>
      </c>
      <c r="FL20" s="101">
        <v>0</v>
      </c>
      <c r="FM20" s="102">
        <v>4</v>
      </c>
      <c r="FN20" s="103">
        <v>4</v>
      </c>
      <c r="FO20" s="413">
        <v>0</v>
      </c>
      <c r="FP20" s="102">
        <v>11</v>
      </c>
      <c r="FQ20" s="102">
        <v>18</v>
      </c>
      <c r="FR20" s="102">
        <v>14</v>
      </c>
      <c r="FS20" s="102">
        <v>12</v>
      </c>
      <c r="FT20" s="102">
        <v>5</v>
      </c>
      <c r="FU20" s="103">
        <v>60</v>
      </c>
      <c r="FV20" s="104">
        <v>64</v>
      </c>
      <c r="FW20" s="101">
        <v>0</v>
      </c>
      <c r="FX20" s="102">
        <v>0</v>
      </c>
      <c r="FY20" s="103">
        <v>0</v>
      </c>
      <c r="FZ20" s="413">
        <v>0</v>
      </c>
      <c r="GA20" s="102">
        <v>0</v>
      </c>
      <c r="GB20" s="102">
        <v>0</v>
      </c>
      <c r="GC20" s="102">
        <v>0</v>
      </c>
      <c r="GD20" s="102">
        <v>0</v>
      </c>
      <c r="GE20" s="102">
        <v>0</v>
      </c>
      <c r="GF20" s="103">
        <v>0</v>
      </c>
      <c r="GG20" s="104">
        <v>0</v>
      </c>
      <c r="GH20" s="101">
        <v>16</v>
      </c>
      <c r="GI20" s="102">
        <v>28</v>
      </c>
      <c r="GJ20" s="103">
        <v>44</v>
      </c>
      <c r="GK20" s="413">
        <v>0</v>
      </c>
      <c r="GL20" s="102">
        <v>38</v>
      </c>
      <c r="GM20" s="102">
        <v>44</v>
      </c>
      <c r="GN20" s="102">
        <v>31</v>
      </c>
      <c r="GO20" s="102">
        <v>24</v>
      </c>
      <c r="GP20" s="102">
        <v>23</v>
      </c>
      <c r="GQ20" s="103">
        <v>160</v>
      </c>
      <c r="GR20" s="104">
        <v>204</v>
      </c>
      <c r="GS20" s="105">
        <v>83</v>
      </c>
      <c r="GT20" s="97">
        <v>86</v>
      </c>
      <c r="GU20" s="98">
        <v>169</v>
      </c>
      <c r="GV20" s="413">
        <v>0</v>
      </c>
      <c r="GW20" s="97">
        <v>112</v>
      </c>
      <c r="GX20" s="97">
        <v>135</v>
      </c>
      <c r="GY20" s="97">
        <v>95</v>
      </c>
      <c r="GZ20" s="97">
        <v>72</v>
      </c>
      <c r="HA20" s="97">
        <v>39</v>
      </c>
      <c r="HB20" s="99">
        <v>453</v>
      </c>
      <c r="HC20" s="100">
        <v>622</v>
      </c>
      <c r="HD20" s="101">
        <v>5</v>
      </c>
      <c r="HE20" s="102">
        <v>1</v>
      </c>
      <c r="HF20" s="103">
        <v>6</v>
      </c>
      <c r="HG20" s="413">
        <v>0</v>
      </c>
      <c r="HH20" s="102">
        <v>6</v>
      </c>
      <c r="HI20" s="102">
        <v>4</v>
      </c>
      <c r="HJ20" s="102">
        <v>2</v>
      </c>
      <c r="HK20" s="102">
        <v>5</v>
      </c>
      <c r="HL20" s="102">
        <v>1</v>
      </c>
      <c r="HM20" s="103">
        <v>18</v>
      </c>
      <c r="HN20" s="104">
        <v>24</v>
      </c>
      <c r="HO20" s="101">
        <v>10</v>
      </c>
      <c r="HP20" s="102">
        <v>8</v>
      </c>
      <c r="HQ20" s="103">
        <v>18</v>
      </c>
      <c r="HR20" s="413">
        <v>0</v>
      </c>
      <c r="HS20" s="102">
        <v>7</v>
      </c>
      <c r="HT20" s="102">
        <v>14</v>
      </c>
      <c r="HU20" s="102">
        <v>4</v>
      </c>
      <c r="HV20" s="102">
        <v>10</v>
      </c>
      <c r="HW20" s="102">
        <v>1</v>
      </c>
      <c r="HX20" s="103">
        <v>36</v>
      </c>
      <c r="HY20" s="104">
        <v>54</v>
      </c>
      <c r="HZ20" s="101">
        <v>14</v>
      </c>
      <c r="IA20" s="102">
        <v>8</v>
      </c>
      <c r="IB20" s="103">
        <v>22</v>
      </c>
      <c r="IC20" s="413">
        <v>0</v>
      </c>
      <c r="ID20" s="102">
        <v>13</v>
      </c>
      <c r="IE20" s="102">
        <v>16</v>
      </c>
      <c r="IF20" s="102">
        <v>17</v>
      </c>
      <c r="IG20" s="102">
        <v>7</v>
      </c>
      <c r="IH20" s="102">
        <v>5</v>
      </c>
      <c r="II20" s="103">
        <v>58</v>
      </c>
      <c r="IJ20" s="104">
        <v>80</v>
      </c>
      <c r="IK20" s="101">
        <v>16</v>
      </c>
      <c r="IL20" s="102">
        <v>18</v>
      </c>
      <c r="IM20" s="103">
        <v>34</v>
      </c>
      <c r="IN20" s="413">
        <v>0</v>
      </c>
      <c r="IO20" s="102">
        <v>29</v>
      </c>
      <c r="IP20" s="102">
        <v>32</v>
      </c>
      <c r="IQ20" s="102">
        <v>18</v>
      </c>
      <c r="IR20" s="102">
        <v>12</v>
      </c>
      <c r="IS20" s="102">
        <v>14</v>
      </c>
      <c r="IT20" s="103">
        <v>105</v>
      </c>
      <c r="IU20" s="104">
        <v>139</v>
      </c>
      <c r="IV20" s="101">
        <v>29</v>
      </c>
      <c r="IW20" s="102">
        <v>32</v>
      </c>
      <c r="IX20" s="103">
        <v>61</v>
      </c>
      <c r="IY20" s="413">
        <v>0</v>
      </c>
      <c r="IZ20" s="102">
        <v>33</v>
      </c>
      <c r="JA20" s="102">
        <v>33</v>
      </c>
      <c r="JB20" s="102">
        <v>20</v>
      </c>
      <c r="JC20" s="102">
        <v>15</v>
      </c>
      <c r="JD20" s="102">
        <v>11</v>
      </c>
      <c r="JE20" s="103">
        <v>112</v>
      </c>
      <c r="JF20" s="104">
        <v>173</v>
      </c>
      <c r="JG20" s="101">
        <v>9</v>
      </c>
      <c r="JH20" s="102">
        <v>19</v>
      </c>
      <c r="JI20" s="103">
        <v>28</v>
      </c>
      <c r="JJ20" s="413">
        <v>0</v>
      </c>
      <c r="JK20" s="102">
        <v>24</v>
      </c>
      <c r="JL20" s="102">
        <v>36</v>
      </c>
      <c r="JM20" s="102">
        <v>34</v>
      </c>
      <c r="JN20" s="102">
        <v>23</v>
      </c>
      <c r="JO20" s="102">
        <v>7</v>
      </c>
      <c r="JP20" s="103">
        <v>124</v>
      </c>
      <c r="JQ20" s="104">
        <v>152</v>
      </c>
      <c r="JR20" s="101">
        <v>0</v>
      </c>
      <c r="JS20" s="102">
        <v>0</v>
      </c>
      <c r="JT20" s="103">
        <v>0</v>
      </c>
      <c r="JU20" s="413">
        <v>0</v>
      </c>
      <c r="JV20" s="102">
        <v>0</v>
      </c>
      <c r="JW20" s="102">
        <v>0</v>
      </c>
      <c r="JX20" s="102">
        <v>0</v>
      </c>
      <c r="JY20" s="102">
        <v>0</v>
      </c>
      <c r="JZ20" s="102">
        <v>0</v>
      </c>
      <c r="KA20" s="103">
        <v>0</v>
      </c>
      <c r="KB20" s="104">
        <v>0</v>
      </c>
      <c r="KC20" s="101">
        <v>83</v>
      </c>
      <c r="KD20" s="102">
        <v>86</v>
      </c>
      <c r="KE20" s="103">
        <v>169</v>
      </c>
      <c r="KF20" s="413">
        <v>0</v>
      </c>
      <c r="KG20" s="102">
        <v>112</v>
      </c>
      <c r="KH20" s="102">
        <v>135</v>
      </c>
      <c r="KI20" s="102">
        <v>95</v>
      </c>
      <c r="KJ20" s="102">
        <v>72</v>
      </c>
      <c r="KK20" s="102">
        <v>39</v>
      </c>
      <c r="KL20" s="103">
        <v>453</v>
      </c>
      <c r="KM20" s="104">
        <v>622</v>
      </c>
    </row>
    <row r="21" spans="2:299" s="70" customFormat="1" ht="21" customHeight="1" x14ac:dyDescent="0.2">
      <c r="B21" s="106" t="s">
        <v>18</v>
      </c>
      <c r="C21" s="96">
        <v>68</v>
      </c>
      <c r="D21" s="97">
        <v>65</v>
      </c>
      <c r="E21" s="98">
        <v>133</v>
      </c>
      <c r="F21" s="413">
        <v>0</v>
      </c>
      <c r="G21" s="97">
        <v>137</v>
      </c>
      <c r="H21" s="97">
        <v>96</v>
      </c>
      <c r="I21" s="97">
        <v>72</v>
      </c>
      <c r="J21" s="97">
        <v>41</v>
      </c>
      <c r="K21" s="97">
        <v>39</v>
      </c>
      <c r="L21" s="99">
        <v>385</v>
      </c>
      <c r="M21" s="100">
        <v>518</v>
      </c>
      <c r="N21" s="101">
        <v>6</v>
      </c>
      <c r="O21" s="102">
        <v>1</v>
      </c>
      <c r="P21" s="103">
        <v>7</v>
      </c>
      <c r="Q21" s="413">
        <v>0</v>
      </c>
      <c r="R21" s="102">
        <v>8</v>
      </c>
      <c r="S21" s="102">
        <v>3</v>
      </c>
      <c r="T21" s="102">
        <v>6</v>
      </c>
      <c r="U21" s="102">
        <v>0</v>
      </c>
      <c r="V21" s="102">
        <v>4</v>
      </c>
      <c r="W21" s="103">
        <v>21</v>
      </c>
      <c r="X21" s="104">
        <v>28</v>
      </c>
      <c r="Y21" s="101">
        <v>5</v>
      </c>
      <c r="Z21" s="102">
        <v>6</v>
      </c>
      <c r="AA21" s="103">
        <v>11</v>
      </c>
      <c r="AB21" s="413">
        <v>0</v>
      </c>
      <c r="AC21" s="102">
        <v>10</v>
      </c>
      <c r="AD21" s="102">
        <v>7</v>
      </c>
      <c r="AE21" s="102">
        <v>7</v>
      </c>
      <c r="AF21" s="102">
        <v>3</v>
      </c>
      <c r="AG21" s="102">
        <v>4</v>
      </c>
      <c r="AH21" s="103">
        <v>31</v>
      </c>
      <c r="AI21" s="104">
        <v>42</v>
      </c>
      <c r="AJ21" s="101">
        <v>11</v>
      </c>
      <c r="AK21" s="102">
        <v>10</v>
      </c>
      <c r="AL21" s="103">
        <v>21</v>
      </c>
      <c r="AM21" s="413">
        <v>0</v>
      </c>
      <c r="AN21" s="102">
        <v>18</v>
      </c>
      <c r="AO21" s="102">
        <v>8</v>
      </c>
      <c r="AP21" s="102">
        <v>5</v>
      </c>
      <c r="AQ21" s="102">
        <v>4</v>
      </c>
      <c r="AR21" s="102">
        <v>8</v>
      </c>
      <c r="AS21" s="103">
        <v>43</v>
      </c>
      <c r="AT21" s="104">
        <v>64</v>
      </c>
      <c r="AU21" s="101">
        <v>14</v>
      </c>
      <c r="AV21" s="102">
        <v>17</v>
      </c>
      <c r="AW21" s="103">
        <v>31</v>
      </c>
      <c r="AX21" s="413">
        <v>0</v>
      </c>
      <c r="AY21" s="102">
        <v>37</v>
      </c>
      <c r="AZ21" s="102">
        <v>26</v>
      </c>
      <c r="BA21" s="102">
        <v>17</v>
      </c>
      <c r="BB21" s="102">
        <v>11</v>
      </c>
      <c r="BC21" s="102">
        <v>10</v>
      </c>
      <c r="BD21" s="103">
        <v>101</v>
      </c>
      <c r="BE21" s="104">
        <v>132</v>
      </c>
      <c r="BF21" s="101">
        <v>19</v>
      </c>
      <c r="BG21" s="102">
        <v>20</v>
      </c>
      <c r="BH21" s="103">
        <v>39</v>
      </c>
      <c r="BI21" s="413">
        <v>0</v>
      </c>
      <c r="BJ21" s="102">
        <v>38</v>
      </c>
      <c r="BK21" s="102">
        <v>25</v>
      </c>
      <c r="BL21" s="102">
        <v>19</v>
      </c>
      <c r="BM21" s="102">
        <v>14</v>
      </c>
      <c r="BN21" s="102">
        <v>9</v>
      </c>
      <c r="BO21" s="103">
        <v>105</v>
      </c>
      <c r="BP21" s="104">
        <v>144</v>
      </c>
      <c r="BQ21" s="101">
        <v>13</v>
      </c>
      <c r="BR21" s="102">
        <v>11</v>
      </c>
      <c r="BS21" s="103">
        <v>24</v>
      </c>
      <c r="BT21" s="413">
        <v>0</v>
      </c>
      <c r="BU21" s="102">
        <v>26</v>
      </c>
      <c r="BV21" s="102">
        <v>27</v>
      </c>
      <c r="BW21" s="102">
        <v>18</v>
      </c>
      <c r="BX21" s="102">
        <v>9</v>
      </c>
      <c r="BY21" s="102">
        <v>4</v>
      </c>
      <c r="BZ21" s="103">
        <v>84</v>
      </c>
      <c r="CA21" s="104">
        <v>108</v>
      </c>
      <c r="CB21" s="101">
        <v>0</v>
      </c>
      <c r="CC21" s="102">
        <v>0</v>
      </c>
      <c r="CD21" s="103">
        <v>0</v>
      </c>
      <c r="CE21" s="413">
        <v>0</v>
      </c>
      <c r="CF21" s="102">
        <v>0</v>
      </c>
      <c r="CG21" s="102">
        <v>0</v>
      </c>
      <c r="CH21" s="102">
        <v>0</v>
      </c>
      <c r="CI21" s="102">
        <v>0</v>
      </c>
      <c r="CJ21" s="102">
        <v>0</v>
      </c>
      <c r="CK21" s="103">
        <v>0</v>
      </c>
      <c r="CL21" s="104">
        <v>0</v>
      </c>
      <c r="CM21" s="101">
        <v>68</v>
      </c>
      <c r="CN21" s="102">
        <v>65</v>
      </c>
      <c r="CO21" s="103">
        <v>133</v>
      </c>
      <c r="CP21" s="413">
        <v>0</v>
      </c>
      <c r="CQ21" s="102">
        <v>137</v>
      </c>
      <c r="CR21" s="102">
        <v>96</v>
      </c>
      <c r="CS21" s="102">
        <v>72</v>
      </c>
      <c r="CT21" s="102">
        <v>41</v>
      </c>
      <c r="CU21" s="102">
        <v>39</v>
      </c>
      <c r="CV21" s="103">
        <v>385</v>
      </c>
      <c r="CW21" s="104">
        <v>518</v>
      </c>
      <c r="CX21" s="105">
        <v>19</v>
      </c>
      <c r="CY21" s="97">
        <v>32</v>
      </c>
      <c r="CZ21" s="98">
        <v>51</v>
      </c>
      <c r="DA21" s="413">
        <v>0</v>
      </c>
      <c r="DB21" s="97">
        <v>48</v>
      </c>
      <c r="DC21" s="97">
        <v>34</v>
      </c>
      <c r="DD21" s="97">
        <v>36</v>
      </c>
      <c r="DE21" s="97">
        <v>27</v>
      </c>
      <c r="DF21" s="97">
        <v>23</v>
      </c>
      <c r="DG21" s="99">
        <v>168</v>
      </c>
      <c r="DH21" s="100">
        <v>219</v>
      </c>
      <c r="DI21" s="101">
        <v>0</v>
      </c>
      <c r="DJ21" s="102">
        <v>0</v>
      </c>
      <c r="DK21" s="103">
        <v>0</v>
      </c>
      <c r="DL21" s="413">
        <v>0</v>
      </c>
      <c r="DM21" s="102">
        <v>1</v>
      </c>
      <c r="DN21" s="102">
        <v>3</v>
      </c>
      <c r="DO21" s="102">
        <v>1</v>
      </c>
      <c r="DP21" s="102">
        <v>1</v>
      </c>
      <c r="DQ21" s="102">
        <v>1</v>
      </c>
      <c r="DR21" s="103">
        <v>7</v>
      </c>
      <c r="DS21" s="104">
        <v>7</v>
      </c>
      <c r="DT21" s="101">
        <v>1</v>
      </c>
      <c r="DU21" s="102">
        <v>4</v>
      </c>
      <c r="DV21" s="103">
        <v>5</v>
      </c>
      <c r="DW21" s="413">
        <v>0</v>
      </c>
      <c r="DX21" s="102">
        <v>2</v>
      </c>
      <c r="DY21" s="102">
        <v>1</v>
      </c>
      <c r="DZ21" s="102">
        <v>0</v>
      </c>
      <c r="EA21" s="102">
        <v>4</v>
      </c>
      <c r="EB21" s="102">
        <v>0</v>
      </c>
      <c r="EC21" s="103">
        <v>7</v>
      </c>
      <c r="ED21" s="104">
        <v>12</v>
      </c>
      <c r="EE21" s="101">
        <v>1</v>
      </c>
      <c r="EF21" s="102">
        <v>11</v>
      </c>
      <c r="EG21" s="103">
        <v>12</v>
      </c>
      <c r="EH21" s="413">
        <v>0</v>
      </c>
      <c r="EI21" s="102">
        <v>8</v>
      </c>
      <c r="EJ21" s="102">
        <v>4</v>
      </c>
      <c r="EK21" s="102">
        <v>4</v>
      </c>
      <c r="EL21" s="102">
        <v>1</v>
      </c>
      <c r="EM21" s="102">
        <v>2</v>
      </c>
      <c r="EN21" s="103">
        <v>19</v>
      </c>
      <c r="EO21" s="104">
        <v>31</v>
      </c>
      <c r="EP21" s="101">
        <v>9</v>
      </c>
      <c r="EQ21" s="102">
        <v>4</v>
      </c>
      <c r="ER21" s="103">
        <v>13</v>
      </c>
      <c r="ES21" s="413">
        <v>0</v>
      </c>
      <c r="ET21" s="102">
        <v>7</v>
      </c>
      <c r="EU21" s="102">
        <v>4</v>
      </c>
      <c r="EV21" s="102">
        <v>5</v>
      </c>
      <c r="EW21" s="102">
        <v>4</v>
      </c>
      <c r="EX21" s="102">
        <v>2</v>
      </c>
      <c r="EY21" s="103">
        <v>22</v>
      </c>
      <c r="EZ21" s="104">
        <v>35</v>
      </c>
      <c r="FA21" s="101">
        <v>7</v>
      </c>
      <c r="FB21" s="102">
        <v>10</v>
      </c>
      <c r="FC21" s="103">
        <v>17</v>
      </c>
      <c r="FD21" s="413">
        <v>0</v>
      </c>
      <c r="FE21" s="102">
        <v>15</v>
      </c>
      <c r="FF21" s="102">
        <v>12</v>
      </c>
      <c r="FG21" s="102">
        <v>12</v>
      </c>
      <c r="FH21" s="102">
        <v>11</v>
      </c>
      <c r="FI21" s="102">
        <v>6</v>
      </c>
      <c r="FJ21" s="103">
        <v>56</v>
      </c>
      <c r="FK21" s="104">
        <v>73</v>
      </c>
      <c r="FL21" s="101">
        <v>1</v>
      </c>
      <c r="FM21" s="102">
        <v>3</v>
      </c>
      <c r="FN21" s="103">
        <v>4</v>
      </c>
      <c r="FO21" s="413">
        <v>0</v>
      </c>
      <c r="FP21" s="102">
        <v>15</v>
      </c>
      <c r="FQ21" s="102">
        <v>10</v>
      </c>
      <c r="FR21" s="102">
        <v>14</v>
      </c>
      <c r="FS21" s="102">
        <v>6</v>
      </c>
      <c r="FT21" s="102">
        <v>12</v>
      </c>
      <c r="FU21" s="103">
        <v>57</v>
      </c>
      <c r="FV21" s="104">
        <v>61</v>
      </c>
      <c r="FW21" s="101">
        <v>0</v>
      </c>
      <c r="FX21" s="102">
        <v>0</v>
      </c>
      <c r="FY21" s="103">
        <v>0</v>
      </c>
      <c r="FZ21" s="413">
        <v>0</v>
      </c>
      <c r="GA21" s="102">
        <v>0</v>
      </c>
      <c r="GB21" s="102">
        <v>0</v>
      </c>
      <c r="GC21" s="102">
        <v>0</v>
      </c>
      <c r="GD21" s="102">
        <v>0</v>
      </c>
      <c r="GE21" s="102">
        <v>0</v>
      </c>
      <c r="GF21" s="103">
        <v>0</v>
      </c>
      <c r="GG21" s="104">
        <v>0</v>
      </c>
      <c r="GH21" s="101">
        <v>19</v>
      </c>
      <c r="GI21" s="102">
        <v>32</v>
      </c>
      <c r="GJ21" s="103">
        <v>51</v>
      </c>
      <c r="GK21" s="413">
        <v>0</v>
      </c>
      <c r="GL21" s="102">
        <v>48</v>
      </c>
      <c r="GM21" s="102">
        <v>34</v>
      </c>
      <c r="GN21" s="102">
        <v>36</v>
      </c>
      <c r="GO21" s="102">
        <v>27</v>
      </c>
      <c r="GP21" s="102">
        <v>23</v>
      </c>
      <c r="GQ21" s="103">
        <v>168</v>
      </c>
      <c r="GR21" s="104">
        <v>219</v>
      </c>
      <c r="GS21" s="105">
        <v>87</v>
      </c>
      <c r="GT21" s="97">
        <v>97</v>
      </c>
      <c r="GU21" s="98">
        <v>184</v>
      </c>
      <c r="GV21" s="413">
        <v>0</v>
      </c>
      <c r="GW21" s="97">
        <v>185</v>
      </c>
      <c r="GX21" s="97">
        <v>130</v>
      </c>
      <c r="GY21" s="97">
        <v>108</v>
      </c>
      <c r="GZ21" s="97">
        <v>68</v>
      </c>
      <c r="HA21" s="97">
        <v>62</v>
      </c>
      <c r="HB21" s="99">
        <v>553</v>
      </c>
      <c r="HC21" s="100">
        <v>737</v>
      </c>
      <c r="HD21" s="101">
        <v>6</v>
      </c>
      <c r="HE21" s="102">
        <v>1</v>
      </c>
      <c r="HF21" s="103">
        <v>7</v>
      </c>
      <c r="HG21" s="413">
        <v>0</v>
      </c>
      <c r="HH21" s="102">
        <v>9</v>
      </c>
      <c r="HI21" s="102">
        <v>6</v>
      </c>
      <c r="HJ21" s="102">
        <v>7</v>
      </c>
      <c r="HK21" s="102">
        <v>1</v>
      </c>
      <c r="HL21" s="102">
        <v>5</v>
      </c>
      <c r="HM21" s="103">
        <v>28</v>
      </c>
      <c r="HN21" s="104">
        <v>35</v>
      </c>
      <c r="HO21" s="101">
        <v>6</v>
      </c>
      <c r="HP21" s="102">
        <v>10</v>
      </c>
      <c r="HQ21" s="103">
        <v>16</v>
      </c>
      <c r="HR21" s="413">
        <v>0</v>
      </c>
      <c r="HS21" s="102">
        <v>12</v>
      </c>
      <c r="HT21" s="102">
        <v>8</v>
      </c>
      <c r="HU21" s="102">
        <v>7</v>
      </c>
      <c r="HV21" s="102">
        <v>7</v>
      </c>
      <c r="HW21" s="102">
        <v>4</v>
      </c>
      <c r="HX21" s="103">
        <v>38</v>
      </c>
      <c r="HY21" s="104">
        <v>54</v>
      </c>
      <c r="HZ21" s="101">
        <v>12</v>
      </c>
      <c r="IA21" s="102">
        <v>21</v>
      </c>
      <c r="IB21" s="103">
        <v>33</v>
      </c>
      <c r="IC21" s="413">
        <v>0</v>
      </c>
      <c r="ID21" s="102">
        <v>26</v>
      </c>
      <c r="IE21" s="102">
        <v>12</v>
      </c>
      <c r="IF21" s="102">
        <v>9</v>
      </c>
      <c r="IG21" s="102">
        <v>5</v>
      </c>
      <c r="IH21" s="102">
        <v>10</v>
      </c>
      <c r="II21" s="103">
        <v>62</v>
      </c>
      <c r="IJ21" s="104">
        <v>95</v>
      </c>
      <c r="IK21" s="101">
        <v>23</v>
      </c>
      <c r="IL21" s="102">
        <v>21</v>
      </c>
      <c r="IM21" s="103">
        <v>44</v>
      </c>
      <c r="IN21" s="413">
        <v>0</v>
      </c>
      <c r="IO21" s="102">
        <v>44</v>
      </c>
      <c r="IP21" s="102">
        <v>30</v>
      </c>
      <c r="IQ21" s="102">
        <v>22</v>
      </c>
      <c r="IR21" s="102">
        <v>15</v>
      </c>
      <c r="IS21" s="102">
        <v>12</v>
      </c>
      <c r="IT21" s="103">
        <v>123</v>
      </c>
      <c r="IU21" s="104">
        <v>167</v>
      </c>
      <c r="IV21" s="101">
        <v>26</v>
      </c>
      <c r="IW21" s="102">
        <v>30</v>
      </c>
      <c r="IX21" s="103">
        <v>56</v>
      </c>
      <c r="IY21" s="413">
        <v>0</v>
      </c>
      <c r="IZ21" s="102">
        <v>53</v>
      </c>
      <c r="JA21" s="102">
        <v>37</v>
      </c>
      <c r="JB21" s="102">
        <v>31</v>
      </c>
      <c r="JC21" s="102">
        <v>25</v>
      </c>
      <c r="JD21" s="102">
        <v>15</v>
      </c>
      <c r="JE21" s="103">
        <v>161</v>
      </c>
      <c r="JF21" s="104">
        <v>217</v>
      </c>
      <c r="JG21" s="101">
        <v>14</v>
      </c>
      <c r="JH21" s="102">
        <v>14</v>
      </c>
      <c r="JI21" s="103">
        <v>28</v>
      </c>
      <c r="JJ21" s="413">
        <v>0</v>
      </c>
      <c r="JK21" s="102">
        <v>41</v>
      </c>
      <c r="JL21" s="102">
        <v>37</v>
      </c>
      <c r="JM21" s="102">
        <v>32</v>
      </c>
      <c r="JN21" s="102">
        <v>15</v>
      </c>
      <c r="JO21" s="102">
        <v>16</v>
      </c>
      <c r="JP21" s="103">
        <v>141</v>
      </c>
      <c r="JQ21" s="104">
        <v>169</v>
      </c>
      <c r="JR21" s="101">
        <v>0</v>
      </c>
      <c r="JS21" s="102">
        <v>0</v>
      </c>
      <c r="JT21" s="103">
        <v>0</v>
      </c>
      <c r="JU21" s="413">
        <v>0</v>
      </c>
      <c r="JV21" s="102">
        <v>0</v>
      </c>
      <c r="JW21" s="102">
        <v>0</v>
      </c>
      <c r="JX21" s="102">
        <v>0</v>
      </c>
      <c r="JY21" s="102">
        <v>0</v>
      </c>
      <c r="JZ21" s="102">
        <v>0</v>
      </c>
      <c r="KA21" s="103">
        <v>0</v>
      </c>
      <c r="KB21" s="104">
        <v>0</v>
      </c>
      <c r="KC21" s="101">
        <v>87</v>
      </c>
      <c r="KD21" s="102">
        <v>97</v>
      </c>
      <c r="KE21" s="103">
        <v>184</v>
      </c>
      <c r="KF21" s="413">
        <v>0</v>
      </c>
      <c r="KG21" s="102">
        <v>185</v>
      </c>
      <c r="KH21" s="102">
        <v>130</v>
      </c>
      <c r="KI21" s="102">
        <v>108</v>
      </c>
      <c r="KJ21" s="102">
        <v>68</v>
      </c>
      <c r="KK21" s="102">
        <v>62</v>
      </c>
      <c r="KL21" s="103">
        <v>553</v>
      </c>
      <c r="KM21" s="104">
        <v>737</v>
      </c>
    </row>
    <row r="22" spans="2:299" s="70" customFormat="1" ht="21" customHeight="1" x14ac:dyDescent="0.2">
      <c r="B22" s="106" t="s">
        <v>19</v>
      </c>
      <c r="C22" s="96">
        <v>42</v>
      </c>
      <c r="D22" s="97">
        <v>22</v>
      </c>
      <c r="E22" s="98">
        <v>64</v>
      </c>
      <c r="F22" s="413">
        <v>0</v>
      </c>
      <c r="G22" s="97">
        <v>55</v>
      </c>
      <c r="H22" s="97">
        <v>43</v>
      </c>
      <c r="I22" s="97">
        <v>27</v>
      </c>
      <c r="J22" s="97">
        <v>17</v>
      </c>
      <c r="K22" s="97">
        <v>6</v>
      </c>
      <c r="L22" s="99">
        <v>148</v>
      </c>
      <c r="M22" s="100">
        <v>212</v>
      </c>
      <c r="N22" s="107">
        <v>0</v>
      </c>
      <c r="O22" s="102">
        <v>2</v>
      </c>
      <c r="P22" s="103">
        <v>2</v>
      </c>
      <c r="Q22" s="413">
        <v>0</v>
      </c>
      <c r="R22" s="102">
        <v>2</v>
      </c>
      <c r="S22" s="102">
        <v>0</v>
      </c>
      <c r="T22" s="102">
        <v>0</v>
      </c>
      <c r="U22" s="102">
        <v>0</v>
      </c>
      <c r="V22" s="102">
        <v>0</v>
      </c>
      <c r="W22" s="103">
        <v>2</v>
      </c>
      <c r="X22" s="104">
        <v>4</v>
      </c>
      <c r="Y22" s="101">
        <v>3</v>
      </c>
      <c r="Z22" s="102">
        <v>3</v>
      </c>
      <c r="AA22" s="103">
        <v>6</v>
      </c>
      <c r="AB22" s="413">
        <v>0</v>
      </c>
      <c r="AC22" s="102">
        <v>5</v>
      </c>
      <c r="AD22" s="102">
        <v>3</v>
      </c>
      <c r="AE22" s="102">
        <v>2</v>
      </c>
      <c r="AF22" s="102">
        <v>5</v>
      </c>
      <c r="AG22" s="102">
        <v>0</v>
      </c>
      <c r="AH22" s="103">
        <v>15</v>
      </c>
      <c r="AI22" s="104">
        <v>21</v>
      </c>
      <c r="AJ22" s="107">
        <v>4</v>
      </c>
      <c r="AK22" s="102">
        <v>3</v>
      </c>
      <c r="AL22" s="103">
        <v>7</v>
      </c>
      <c r="AM22" s="413">
        <v>0</v>
      </c>
      <c r="AN22" s="102">
        <v>8</v>
      </c>
      <c r="AO22" s="102">
        <v>6</v>
      </c>
      <c r="AP22" s="102">
        <v>6</v>
      </c>
      <c r="AQ22" s="102">
        <v>3</v>
      </c>
      <c r="AR22" s="102">
        <v>2</v>
      </c>
      <c r="AS22" s="103">
        <v>25</v>
      </c>
      <c r="AT22" s="104">
        <v>32</v>
      </c>
      <c r="AU22" s="101">
        <v>11</v>
      </c>
      <c r="AV22" s="102">
        <v>4</v>
      </c>
      <c r="AW22" s="103">
        <v>15</v>
      </c>
      <c r="AX22" s="413">
        <v>0</v>
      </c>
      <c r="AY22" s="102">
        <v>11</v>
      </c>
      <c r="AZ22" s="102">
        <v>10</v>
      </c>
      <c r="BA22" s="102">
        <v>4</v>
      </c>
      <c r="BB22" s="102">
        <v>3</v>
      </c>
      <c r="BC22" s="102">
        <v>1</v>
      </c>
      <c r="BD22" s="103">
        <v>29</v>
      </c>
      <c r="BE22" s="104">
        <v>44</v>
      </c>
      <c r="BF22" s="107">
        <v>12</v>
      </c>
      <c r="BG22" s="102">
        <v>3</v>
      </c>
      <c r="BH22" s="103">
        <v>15</v>
      </c>
      <c r="BI22" s="413">
        <v>0</v>
      </c>
      <c r="BJ22" s="102">
        <v>11</v>
      </c>
      <c r="BK22" s="102">
        <v>14</v>
      </c>
      <c r="BL22" s="102">
        <v>4</v>
      </c>
      <c r="BM22" s="102">
        <v>4</v>
      </c>
      <c r="BN22" s="102">
        <v>3</v>
      </c>
      <c r="BO22" s="103">
        <v>36</v>
      </c>
      <c r="BP22" s="104">
        <v>51</v>
      </c>
      <c r="BQ22" s="101">
        <v>12</v>
      </c>
      <c r="BR22" s="102">
        <v>7</v>
      </c>
      <c r="BS22" s="103">
        <v>19</v>
      </c>
      <c r="BT22" s="413">
        <v>0</v>
      </c>
      <c r="BU22" s="102">
        <v>18</v>
      </c>
      <c r="BV22" s="102">
        <v>10</v>
      </c>
      <c r="BW22" s="102">
        <v>11</v>
      </c>
      <c r="BX22" s="102">
        <v>2</v>
      </c>
      <c r="BY22" s="102">
        <v>0</v>
      </c>
      <c r="BZ22" s="103">
        <v>41</v>
      </c>
      <c r="CA22" s="104">
        <v>60</v>
      </c>
      <c r="CB22" s="101">
        <v>0</v>
      </c>
      <c r="CC22" s="102">
        <v>0</v>
      </c>
      <c r="CD22" s="103">
        <v>0</v>
      </c>
      <c r="CE22" s="413">
        <v>0</v>
      </c>
      <c r="CF22" s="102">
        <v>0</v>
      </c>
      <c r="CG22" s="102">
        <v>0</v>
      </c>
      <c r="CH22" s="102">
        <v>0</v>
      </c>
      <c r="CI22" s="102">
        <v>0</v>
      </c>
      <c r="CJ22" s="102">
        <v>0</v>
      </c>
      <c r="CK22" s="103">
        <v>0</v>
      </c>
      <c r="CL22" s="104">
        <v>0</v>
      </c>
      <c r="CM22" s="101">
        <v>42</v>
      </c>
      <c r="CN22" s="102">
        <v>22</v>
      </c>
      <c r="CO22" s="103">
        <v>64</v>
      </c>
      <c r="CP22" s="413">
        <v>0</v>
      </c>
      <c r="CQ22" s="102">
        <v>55</v>
      </c>
      <c r="CR22" s="102">
        <v>43</v>
      </c>
      <c r="CS22" s="102">
        <v>27</v>
      </c>
      <c r="CT22" s="102">
        <v>17</v>
      </c>
      <c r="CU22" s="102">
        <v>6</v>
      </c>
      <c r="CV22" s="103">
        <v>148</v>
      </c>
      <c r="CW22" s="104">
        <v>212</v>
      </c>
      <c r="CX22" s="105">
        <v>11</v>
      </c>
      <c r="CY22" s="97">
        <v>7</v>
      </c>
      <c r="CZ22" s="98">
        <v>18</v>
      </c>
      <c r="DA22" s="413">
        <v>0</v>
      </c>
      <c r="DB22" s="97">
        <v>20</v>
      </c>
      <c r="DC22" s="97">
        <v>9</v>
      </c>
      <c r="DD22" s="97">
        <v>11</v>
      </c>
      <c r="DE22" s="97">
        <v>3</v>
      </c>
      <c r="DF22" s="97">
        <v>4</v>
      </c>
      <c r="DG22" s="99">
        <v>47</v>
      </c>
      <c r="DH22" s="100">
        <v>65</v>
      </c>
      <c r="DI22" s="107">
        <v>2</v>
      </c>
      <c r="DJ22" s="102">
        <v>0</v>
      </c>
      <c r="DK22" s="103">
        <v>2</v>
      </c>
      <c r="DL22" s="413">
        <v>0</v>
      </c>
      <c r="DM22" s="102">
        <v>0</v>
      </c>
      <c r="DN22" s="102">
        <v>0</v>
      </c>
      <c r="DO22" s="102">
        <v>1</v>
      </c>
      <c r="DP22" s="102">
        <v>0</v>
      </c>
      <c r="DQ22" s="102">
        <v>0</v>
      </c>
      <c r="DR22" s="103">
        <v>1</v>
      </c>
      <c r="DS22" s="104">
        <v>3</v>
      </c>
      <c r="DT22" s="101">
        <v>0</v>
      </c>
      <c r="DU22" s="102">
        <v>0</v>
      </c>
      <c r="DV22" s="103">
        <v>0</v>
      </c>
      <c r="DW22" s="413">
        <v>0</v>
      </c>
      <c r="DX22" s="102">
        <v>1</v>
      </c>
      <c r="DY22" s="102">
        <v>1</v>
      </c>
      <c r="DZ22" s="102">
        <v>0</v>
      </c>
      <c r="EA22" s="102">
        <v>1</v>
      </c>
      <c r="EB22" s="102">
        <v>0</v>
      </c>
      <c r="EC22" s="103">
        <v>3</v>
      </c>
      <c r="ED22" s="104">
        <v>3</v>
      </c>
      <c r="EE22" s="107">
        <v>1</v>
      </c>
      <c r="EF22" s="102">
        <v>3</v>
      </c>
      <c r="EG22" s="103">
        <v>4</v>
      </c>
      <c r="EH22" s="413">
        <v>0</v>
      </c>
      <c r="EI22" s="102">
        <v>3</v>
      </c>
      <c r="EJ22" s="102">
        <v>1</v>
      </c>
      <c r="EK22" s="102">
        <v>2</v>
      </c>
      <c r="EL22" s="102">
        <v>2</v>
      </c>
      <c r="EM22" s="102">
        <v>0</v>
      </c>
      <c r="EN22" s="103">
        <v>8</v>
      </c>
      <c r="EO22" s="104">
        <v>12</v>
      </c>
      <c r="EP22" s="101">
        <v>5</v>
      </c>
      <c r="EQ22" s="102">
        <v>1</v>
      </c>
      <c r="ER22" s="103">
        <v>6</v>
      </c>
      <c r="ES22" s="413">
        <v>0</v>
      </c>
      <c r="ET22" s="102">
        <v>3</v>
      </c>
      <c r="EU22" s="102">
        <v>2</v>
      </c>
      <c r="EV22" s="102">
        <v>2</v>
      </c>
      <c r="EW22" s="102">
        <v>0</v>
      </c>
      <c r="EX22" s="102">
        <v>1</v>
      </c>
      <c r="EY22" s="103">
        <v>8</v>
      </c>
      <c r="EZ22" s="104">
        <v>14</v>
      </c>
      <c r="FA22" s="107">
        <v>1</v>
      </c>
      <c r="FB22" s="102">
        <v>2</v>
      </c>
      <c r="FC22" s="103">
        <v>3</v>
      </c>
      <c r="FD22" s="413">
        <v>0</v>
      </c>
      <c r="FE22" s="102">
        <v>7</v>
      </c>
      <c r="FF22" s="102">
        <v>0</v>
      </c>
      <c r="FG22" s="102">
        <v>2</v>
      </c>
      <c r="FH22" s="102">
        <v>0</v>
      </c>
      <c r="FI22" s="102">
        <v>1</v>
      </c>
      <c r="FJ22" s="103">
        <v>10</v>
      </c>
      <c r="FK22" s="104">
        <v>13</v>
      </c>
      <c r="FL22" s="101">
        <v>2</v>
      </c>
      <c r="FM22" s="102">
        <v>1</v>
      </c>
      <c r="FN22" s="103">
        <v>3</v>
      </c>
      <c r="FO22" s="413">
        <v>0</v>
      </c>
      <c r="FP22" s="102">
        <v>6</v>
      </c>
      <c r="FQ22" s="102">
        <v>5</v>
      </c>
      <c r="FR22" s="102">
        <v>4</v>
      </c>
      <c r="FS22" s="102">
        <v>0</v>
      </c>
      <c r="FT22" s="102">
        <v>2</v>
      </c>
      <c r="FU22" s="103">
        <v>17</v>
      </c>
      <c r="FV22" s="104">
        <v>20</v>
      </c>
      <c r="FW22" s="101">
        <v>0</v>
      </c>
      <c r="FX22" s="102">
        <v>0</v>
      </c>
      <c r="FY22" s="103">
        <v>0</v>
      </c>
      <c r="FZ22" s="413">
        <v>0</v>
      </c>
      <c r="GA22" s="102">
        <v>0</v>
      </c>
      <c r="GB22" s="102">
        <v>0</v>
      </c>
      <c r="GC22" s="102">
        <v>0</v>
      </c>
      <c r="GD22" s="102">
        <v>0</v>
      </c>
      <c r="GE22" s="102">
        <v>0</v>
      </c>
      <c r="GF22" s="103">
        <v>0</v>
      </c>
      <c r="GG22" s="104">
        <v>0</v>
      </c>
      <c r="GH22" s="101">
        <v>11</v>
      </c>
      <c r="GI22" s="102">
        <v>7</v>
      </c>
      <c r="GJ22" s="103">
        <v>18</v>
      </c>
      <c r="GK22" s="413">
        <v>0</v>
      </c>
      <c r="GL22" s="102">
        <v>20</v>
      </c>
      <c r="GM22" s="102">
        <v>9</v>
      </c>
      <c r="GN22" s="102">
        <v>11</v>
      </c>
      <c r="GO22" s="102">
        <v>3</v>
      </c>
      <c r="GP22" s="102">
        <v>4</v>
      </c>
      <c r="GQ22" s="103">
        <v>47</v>
      </c>
      <c r="GR22" s="104">
        <v>65</v>
      </c>
      <c r="GS22" s="105">
        <v>53</v>
      </c>
      <c r="GT22" s="97">
        <v>29</v>
      </c>
      <c r="GU22" s="98">
        <v>82</v>
      </c>
      <c r="GV22" s="413">
        <v>0</v>
      </c>
      <c r="GW22" s="97">
        <v>75</v>
      </c>
      <c r="GX22" s="97">
        <v>52</v>
      </c>
      <c r="GY22" s="97">
        <v>38</v>
      </c>
      <c r="GZ22" s="97">
        <v>20</v>
      </c>
      <c r="HA22" s="97">
        <v>10</v>
      </c>
      <c r="HB22" s="99">
        <v>195</v>
      </c>
      <c r="HC22" s="100">
        <v>277</v>
      </c>
      <c r="HD22" s="107">
        <v>2</v>
      </c>
      <c r="HE22" s="102">
        <v>2</v>
      </c>
      <c r="HF22" s="103">
        <v>4</v>
      </c>
      <c r="HG22" s="413">
        <v>0</v>
      </c>
      <c r="HH22" s="102">
        <v>2</v>
      </c>
      <c r="HI22" s="102">
        <v>0</v>
      </c>
      <c r="HJ22" s="102">
        <v>1</v>
      </c>
      <c r="HK22" s="102">
        <v>0</v>
      </c>
      <c r="HL22" s="102">
        <v>0</v>
      </c>
      <c r="HM22" s="103">
        <v>3</v>
      </c>
      <c r="HN22" s="104">
        <v>7</v>
      </c>
      <c r="HO22" s="101">
        <v>3</v>
      </c>
      <c r="HP22" s="102">
        <v>3</v>
      </c>
      <c r="HQ22" s="103">
        <v>6</v>
      </c>
      <c r="HR22" s="413">
        <v>0</v>
      </c>
      <c r="HS22" s="102">
        <v>6</v>
      </c>
      <c r="HT22" s="102">
        <v>4</v>
      </c>
      <c r="HU22" s="102">
        <v>2</v>
      </c>
      <c r="HV22" s="102">
        <v>6</v>
      </c>
      <c r="HW22" s="102">
        <v>0</v>
      </c>
      <c r="HX22" s="103">
        <v>18</v>
      </c>
      <c r="HY22" s="104">
        <v>24</v>
      </c>
      <c r="HZ22" s="107">
        <v>5</v>
      </c>
      <c r="IA22" s="102">
        <v>6</v>
      </c>
      <c r="IB22" s="103">
        <v>11</v>
      </c>
      <c r="IC22" s="413">
        <v>0</v>
      </c>
      <c r="ID22" s="102">
        <v>11</v>
      </c>
      <c r="IE22" s="102">
        <v>7</v>
      </c>
      <c r="IF22" s="102">
        <v>8</v>
      </c>
      <c r="IG22" s="102">
        <v>5</v>
      </c>
      <c r="IH22" s="102">
        <v>2</v>
      </c>
      <c r="II22" s="103">
        <v>33</v>
      </c>
      <c r="IJ22" s="104">
        <v>44</v>
      </c>
      <c r="IK22" s="101">
        <v>16</v>
      </c>
      <c r="IL22" s="102">
        <v>5</v>
      </c>
      <c r="IM22" s="103">
        <v>21</v>
      </c>
      <c r="IN22" s="413">
        <v>0</v>
      </c>
      <c r="IO22" s="102">
        <v>14</v>
      </c>
      <c r="IP22" s="102">
        <v>12</v>
      </c>
      <c r="IQ22" s="102">
        <v>6</v>
      </c>
      <c r="IR22" s="102">
        <v>3</v>
      </c>
      <c r="IS22" s="102">
        <v>2</v>
      </c>
      <c r="IT22" s="103">
        <v>37</v>
      </c>
      <c r="IU22" s="104">
        <v>58</v>
      </c>
      <c r="IV22" s="107">
        <v>13</v>
      </c>
      <c r="IW22" s="102">
        <v>5</v>
      </c>
      <c r="IX22" s="103">
        <v>18</v>
      </c>
      <c r="IY22" s="413">
        <v>0</v>
      </c>
      <c r="IZ22" s="102">
        <v>18</v>
      </c>
      <c r="JA22" s="102">
        <v>14</v>
      </c>
      <c r="JB22" s="102">
        <v>6</v>
      </c>
      <c r="JC22" s="102">
        <v>4</v>
      </c>
      <c r="JD22" s="102">
        <v>4</v>
      </c>
      <c r="JE22" s="103">
        <v>46</v>
      </c>
      <c r="JF22" s="104">
        <v>64</v>
      </c>
      <c r="JG22" s="101">
        <v>14</v>
      </c>
      <c r="JH22" s="102">
        <v>8</v>
      </c>
      <c r="JI22" s="103">
        <v>22</v>
      </c>
      <c r="JJ22" s="413">
        <v>0</v>
      </c>
      <c r="JK22" s="102">
        <v>24</v>
      </c>
      <c r="JL22" s="102">
        <v>15</v>
      </c>
      <c r="JM22" s="102">
        <v>15</v>
      </c>
      <c r="JN22" s="102">
        <v>2</v>
      </c>
      <c r="JO22" s="102">
        <v>2</v>
      </c>
      <c r="JP22" s="103">
        <v>58</v>
      </c>
      <c r="JQ22" s="104">
        <v>80</v>
      </c>
      <c r="JR22" s="101">
        <v>0</v>
      </c>
      <c r="JS22" s="102">
        <v>0</v>
      </c>
      <c r="JT22" s="103">
        <v>0</v>
      </c>
      <c r="JU22" s="413">
        <v>0</v>
      </c>
      <c r="JV22" s="102">
        <v>0</v>
      </c>
      <c r="JW22" s="102">
        <v>0</v>
      </c>
      <c r="JX22" s="102">
        <v>0</v>
      </c>
      <c r="JY22" s="102">
        <v>0</v>
      </c>
      <c r="JZ22" s="102">
        <v>0</v>
      </c>
      <c r="KA22" s="103">
        <v>0</v>
      </c>
      <c r="KB22" s="104">
        <v>0</v>
      </c>
      <c r="KC22" s="101">
        <v>53</v>
      </c>
      <c r="KD22" s="102">
        <v>29</v>
      </c>
      <c r="KE22" s="103">
        <v>82</v>
      </c>
      <c r="KF22" s="413">
        <v>0</v>
      </c>
      <c r="KG22" s="102">
        <v>75</v>
      </c>
      <c r="KH22" s="102">
        <v>52</v>
      </c>
      <c r="KI22" s="102">
        <v>38</v>
      </c>
      <c r="KJ22" s="102">
        <v>20</v>
      </c>
      <c r="KK22" s="102">
        <v>10</v>
      </c>
      <c r="KL22" s="103">
        <v>195</v>
      </c>
      <c r="KM22" s="104">
        <v>277</v>
      </c>
    </row>
    <row r="23" spans="2:299" s="70" customFormat="1" ht="21" customHeight="1" x14ac:dyDescent="0.2">
      <c r="B23" s="106" t="s">
        <v>20</v>
      </c>
      <c r="C23" s="96">
        <v>33</v>
      </c>
      <c r="D23" s="97">
        <v>46</v>
      </c>
      <c r="E23" s="98">
        <v>79</v>
      </c>
      <c r="F23" s="413">
        <v>0</v>
      </c>
      <c r="G23" s="97">
        <v>80</v>
      </c>
      <c r="H23" s="97">
        <v>52</v>
      </c>
      <c r="I23" s="97">
        <v>32</v>
      </c>
      <c r="J23" s="97">
        <v>25</v>
      </c>
      <c r="K23" s="97">
        <v>20</v>
      </c>
      <c r="L23" s="99">
        <v>209</v>
      </c>
      <c r="M23" s="100">
        <v>288</v>
      </c>
      <c r="N23" s="101">
        <v>0</v>
      </c>
      <c r="O23" s="102">
        <v>1</v>
      </c>
      <c r="P23" s="103">
        <v>1</v>
      </c>
      <c r="Q23" s="413">
        <v>0</v>
      </c>
      <c r="R23" s="102">
        <v>1</v>
      </c>
      <c r="S23" s="102">
        <v>0</v>
      </c>
      <c r="T23" s="102">
        <v>0</v>
      </c>
      <c r="U23" s="102">
        <v>0</v>
      </c>
      <c r="V23" s="102">
        <v>0</v>
      </c>
      <c r="W23" s="103">
        <v>1</v>
      </c>
      <c r="X23" s="104">
        <v>2</v>
      </c>
      <c r="Y23" s="101">
        <v>3</v>
      </c>
      <c r="Z23" s="102">
        <v>2</v>
      </c>
      <c r="AA23" s="103">
        <v>5</v>
      </c>
      <c r="AB23" s="413">
        <v>0</v>
      </c>
      <c r="AC23" s="102">
        <v>10</v>
      </c>
      <c r="AD23" s="102">
        <v>7</v>
      </c>
      <c r="AE23" s="102">
        <v>3</v>
      </c>
      <c r="AF23" s="102">
        <v>2</v>
      </c>
      <c r="AG23" s="102">
        <v>1</v>
      </c>
      <c r="AH23" s="103">
        <v>23</v>
      </c>
      <c r="AI23" s="104">
        <v>28</v>
      </c>
      <c r="AJ23" s="101">
        <v>5</v>
      </c>
      <c r="AK23" s="102">
        <v>8</v>
      </c>
      <c r="AL23" s="103">
        <v>13</v>
      </c>
      <c r="AM23" s="413">
        <v>0</v>
      </c>
      <c r="AN23" s="102">
        <v>11</v>
      </c>
      <c r="AO23" s="102">
        <v>4</v>
      </c>
      <c r="AP23" s="102">
        <v>4</v>
      </c>
      <c r="AQ23" s="102">
        <v>3</v>
      </c>
      <c r="AR23" s="102">
        <v>3</v>
      </c>
      <c r="AS23" s="103">
        <v>25</v>
      </c>
      <c r="AT23" s="104">
        <v>38</v>
      </c>
      <c r="AU23" s="101">
        <v>11</v>
      </c>
      <c r="AV23" s="102">
        <v>7</v>
      </c>
      <c r="AW23" s="103">
        <v>18</v>
      </c>
      <c r="AX23" s="413">
        <v>0</v>
      </c>
      <c r="AY23" s="102">
        <v>21</v>
      </c>
      <c r="AZ23" s="102">
        <v>7</v>
      </c>
      <c r="BA23" s="102">
        <v>12</v>
      </c>
      <c r="BB23" s="102">
        <v>10</v>
      </c>
      <c r="BC23" s="102">
        <v>7</v>
      </c>
      <c r="BD23" s="103">
        <v>57</v>
      </c>
      <c r="BE23" s="104">
        <v>75</v>
      </c>
      <c r="BF23" s="101">
        <v>9</v>
      </c>
      <c r="BG23" s="102">
        <v>16</v>
      </c>
      <c r="BH23" s="103">
        <v>25</v>
      </c>
      <c r="BI23" s="413">
        <v>0</v>
      </c>
      <c r="BJ23" s="102">
        <v>24</v>
      </c>
      <c r="BK23" s="102">
        <v>22</v>
      </c>
      <c r="BL23" s="102">
        <v>8</v>
      </c>
      <c r="BM23" s="102">
        <v>7</v>
      </c>
      <c r="BN23" s="102">
        <v>4</v>
      </c>
      <c r="BO23" s="103">
        <v>65</v>
      </c>
      <c r="BP23" s="104">
        <v>90</v>
      </c>
      <c r="BQ23" s="101">
        <v>5</v>
      </c>
      <c r="BR23" s="102">
        <v>12</v>
      </c>
      <c r="BS23" s="103">
        <v>17</v>
      </c>
      <c r="BT23" s="413">
        <v>0</v>
      </c>
      <c r="BU23" s="102">
        <v>13</v>
      </c>
      <c r="BV23" s="102">
        <v>12</v>
      </c>
      <c r="BW23" s="102">
        <v>5</v>
      </c>
      <c r="BX23" s="102">
        <v>3</v>
      </c>
      <c r="BY23" s="102">
        <v>5</v>
      </c>
      <c r="BZ23" s="103">
        <v>38</v>
      </c>
      <c r="CA23" s="104">
        <v>55</v>
      </c>
      <c r="CB23" s="101">
        <v>0</v>
      </c>
      <c r="CC23" s="102">
        <v>0</v>
      </c>
      <c r="CD23" s="103">
        <v>0</v>
      </c>
      <c r="CE23" s="413">
        <v>0</v>
      </c>
      <c r="CF23" s="102">
        <v>0</v>
      </c>
      <c r="CG23" s="102">
        <v>0</v>
      </c>
      <c r="CH23" s="102">
        <v>0</v>
      </c>
      <c r="CI23" s="102">
        <v>0</v>
      </c>
      <c r="CJ23" s="102">
        <v>0</v>
      </c>
      <c r="CK23" s="103">
        <v>0</v>
      </c>
      <c r="CL23" s="104">
        <v>0</v>
      </c>
      <c r="CM23" s="101">
        <v>33</v>
      </c>
      <c r="CN23" s="102">
        <v>46</v>
      </c>
      <c r="CO23" s="103">
        <v>79</v>
      </c>
      <c r="CP23" s="413">
        <v>0</v>
      </c>
      <c r="CQ23" s="102">
        <v>80</v>
      </c>
      <c r="CR23" s="102">
        <v>52</v>
      </c>
      <c r="CS23" s="102">
        <v>32</v>
      </c>
      <c r="CT23" s="102">
        <v>25</v>
      </c>
      <c r="CU23" s="102">
        <v>20</v>
      </c>
      <c r="CV23" s="103">
        <v>209</v>
      </c>
      <c r="CW23" s="104">
        <v>288</v>
      </c>
      <c r="CX23" s="105">
        <v>15</v>
      </c>
      <c r="CY23" s="97">
        <v>16</v>
      </c>
      <c r="CZ23" s="98">
        <v>31</v>
      </c>
      <c r="DA23" s="413">
        <v>0</v>
      </c>
      <c r="DB23" s="97">
        <v>21</v>
      </c>
      <c r="DC23" s="97">
        <v>26</v>
      </c>
      <c r="DD23" s="97">
        <v>12</v>
      </c>
      <c r="DE23" s="97">
        <v>10</v>
      </c>
      <c r="DF23" s="97">
        <v>7</v>
      </c>
      <c r="DG23" s="99">
        <v>76</v>
      </c>
      <c r="DH23" s="100">
        <v>107</v>
      </c>
      <c r="DI23" s="101">
        <v>1</v>
      </c>
      <c r="DJ23" s="102">
        <v>0</v>
      </c>
      <c r="DK23" s="103">
        <v>1</v>
      </c>
      <c r="DL23" s="413">
        <v>0</v>
      </c>
      <c r="DM23" s="102">
        <v>0</v>
      </c>
      <c r="DN23" s="102">
        <v>1</v>
      </c>
      <c r="DO23" s="102">
        <v>0</v>
      </c>
      <c r="DP23" s="102">
        <v>0</v>
      </c>
      <c r="DQ23" s="102">
        <v>1</v>
      </c>
      <c r="DR23" s="103">
        <v>2</v>
      </c>
      <c r="DS23" s="104">
        <v>3</v>
      </c>
      <c r="DT23" s="101">
        <v>2</v>
      </c>
      <c r="DU23" s="102">
        <v>1</v>
      </c>
      <c r="DV23" s="103">
        <v>3</v>
      </c>
      <c r="DW23" s="413">
        <v>0</v>
      </c>
      <c r="DX23" s="102">
        <v>0</v>
      </c>
      <c r="DY23" s="102">
        <v>1</v>
      </c>
      <c r="DZ23" s="102">
        <v>1</v>
      </c>
      <c r="EA23" s="102">
        <v>0</v>
      </c>
      <c r="EB23" s="102">
        <v>0</v>
      </c>
      <c r="EC23" s="103">
        <v>2</v>
      </c>
      <c r="ED23" s="104">
        <v>5</v>
      </c>
      <c r="EE23" s="101">
        <v>2</v>
      </c>
      <c r="EF23" s="102">
        <v>1</v>
      </c>
      <c r="EG23" s="103">
        <v>3</v>
      </c>
      <c r="EH23" s="413">
        <v>0</v>
      </c>
      <c r="EI23" s="102">
        <v>2</v>
      </c>
      <c r="EJ23" s="102">
        <v>2</v>
      </c>
      <c r="EK23" s="102">
        <v>3</v>
      </c>
      <c r="EL23" s="102">
        <v>2</v>
      </c>
      <c r="EM23" s="102">
        <v>0</v>
      </c>
      <c r="EN23" s="103">
        <v>9</v>
      </c>
      <c r="EO23" s="104">
        <v>12</v>
      </c>
      <c r="EP23" s="101">
        <v>3</v>
      </c>
      <c r="EQ23" s="102">
        <v>7</v>
      </c>
      <c r="ER23" s="103">
        <v>10</v>
      </c>
      <c r="ES23" s="413">
        <v>0</v>
      </c>
      <c r="ET23" s="102">
        <v>4</v>
      </c>
      <c r="EU23" s="102">
        <v>8</v>
      </c>
      <c r="EV23" s="102">
        <v>0</v>
      </c>
      <c r="EW23" s="102">
        <v>2</v>
      </c>
      <c r="EX23" s="102">
        <v>1</v>
      </c>
      <c r="EY23" s="103">
        <v>15</v>
      </c>
      <c r="EZ23" s="104">
        <v>25</v>
      </c>
      <c r="FA23" s="101">
        <v>4</v>
      </c>
      <c r="FB23" s="102">
        <v>2</v>
      </c>
      <c r="FC23" s="103">
        <v>6</v>
      </c>
      <c r="FD23" s="413">
        <v>0</v>
      </c>
      <c r="FE23" s="102">
        <v>8</v>
      </c>
      <c r="FF23" s="102">
        <v>7</v>
      </c>
      <c r="FG23" s="102">
        <v>3</v>
      </c>
      <c r="FH23" s="102">
        <v>1</v>
      </c>
      <c r="FI23" s="102">
        <v>2</v>
      </c>
      <c r="FJ23" s="103">
        <v>21</v>
      </c>
      <c r="FK23" s="104">
        <v>27</v>
      </c>
      <c r="FL23" s="101">
        <v>3</v>
      </c>
      <c r="FM23" s="102">
        <v>5</v>
      </c>
      <c r="FN23" s="103">
        <v>8</v>
      </c>
      <c r="FO23" s="413">
        <v>0</v>
      </c>
      <c r="FP23" s="102">
        <v>7</v>
      </c>
      <c r="FQ23" s="102">
        <v>7</v>
      </c>
      <c r="FR23" s="102">
        <v>5</v>
      </c>
      <c r="FS23" s="102">
        <v>5</v>
      </c>
      <c r="FT23" s="102">
        <v>3</v>
      </c>
      <c r="FU23" s="103">
        <v>27</v>
      </c>
      <c r="FV23" s="104">
        <v>35</v>
      </c>
      <c r="FW23" s="101">
        <v>0</v>
      </c>
      <c r="FX23" s="102">
        <v>0</v>
      </c>
      <c r="FY23" s="103">
        <v>0</v>
      </c>
      <c r="FZ23" s="413">
        <v>0</v>
      </c>
      <c r="GA23" s="102">
        <v>0</v>
      </c>
      <c r="GB23" s="102">
        <v>0</v>
      </c>
      <c r="GC23" s="102">
        <v>0</v>
      </c>
      <c r="GD23" s="102">
        <v>0</v>
      </c>
      <c r="GE23" s="102">
        <v>0</v>
      </c>
      <c r="GF23" s="103">
        <v>0</v>
      </c>
      <c r="GG23" s="104">
        <v>0</v>
      </c>
      <c r="GH23" s="101">
        <v>15</v>
      </c>
      <c r="GI23" s="102">
        <v>16</v>
      </c>
      <c r="GJ23" s="103">
        <v>31</v>
      </c>
      <c r="GK23" s="413">
        <v>0</v>
      </c>
      <c r="GL23" s="102">
        <v>21</v>
      </c>
      <c r="GM23" s="102">
        <v>26</v>
      </c>
      <c r="GN23" s="102">
        <v>12</v>
      </c>
      <c r="GO23" s="102">
        <v>10</v>
      </c>
      <c r="GP23" s="102">
        <v>7</v>
      </c>
      <c r="GQ23" s="103">
        <v>76</v>
      </c>
      <c r="GR23" s="104">
        <v>107</v>
      </c>
      <c r="GS23" s="105">
        <v>48</v>
      </c>
      <c r="GT23" s="97">
        <v>62</v>
      </c>
      <c r="GU23" s="98">
        <v>110</v>
      </c>
      <c r="GV23" s="413">
        <v>0</v>
      </c>
      <c r="GW23" s="97">
        <v>101</v>
      </c>
      <c r="GX23" s="97">
        <v>78</v>
      </c>
      <c r="GY23" s="97">
        <v>44</v>
      </c>
      <c r="GZ23" s="97">
        <v>35</v>
      </c>
      <c r="HA23" s="97">
        <v>27</v>
      </c>
      <c r="HB23" s="99">
        <v>285</v>
      </c>
      <c r="HC23" s="100">
        <v>395</v>
      </c>
      <c r="HD23" s="101">
        <v>1</v>
      </c>
      <c r="HE23" s="102">
        <v>1</v>
      </c>
      <c r="HF23" s="103">
        <v>2</v>
      </c>
      <c r="HG23" s="413">
        <v>0</v>
      </c>
      <c r="HH23" s="102">
        <v>1</v>
      </c>
      <c r="HI23" s="102">
        <v>1</v>
      </c>
      <c r="HJ23" s="102">
        <v>0</v>
      </c>
      <c r="HK23" s="102">
        <v>0</v>
      </c>
      <c r="HL23" s="102">
        <v>1</v>
      </c>
      <c r="HM23" s="103">
        <v>3</v>
      </c>
      <c r="HN23" s="104">
        <v>5</v>
      </c>
      <c r="HO23" s="101">
        <v>5</v>
      </c>
      <c r="HP23" s="102">
        <v>3</v>
      </c>
      <c r="HQ23" s="103">
        <v>8</v>
      </c>
      <c r="HR23" s="413">
        <v>0</v>
      </c>
      <c r="HS23" s="102">
        <v>10</v>
      </c>
      <c r="HT23" s="102">
        <v>8</v>
      </c>
      <c r="HU23" s="102">
        <v>4</v>
      </c>
      <c r="HV23" s="102">
        <v>2</v>
      </c>
      <c r="HW23" s="102">
        <v>1</v>
      </c>
      <c r="HX23" s="103">
        <v>25</v>
      </c>
      <c r="HY23" s="104">
        <v>33</v>
      </c>
      <c r="HZ23" s="101">
        <v>7</v>
      </c>
      <c r="IA23" s="102">
        <v>9</v>
      </c>
      <c r="IB23" s="103">
        <v>16</v>
      </c>
      <c r="IC23" s="413">
        <v>0</v>
      </c>
      <c r="ID23" s="102">
        <v>13</v>
      </c>
      <c r="IE23" s="102">
        <v>6</v>
      </c>
      <c r="IF23" s="102">
        <v>7</v>
      </c>
      <c r="IG23" s="102">
        <v>5</v>
      </c>
      <c r="IH23" s="102">
        <v>3</v>
      </c>
      <c r="II23" s="103">
        <v>34</v>
      </c>
      <c r="IJ23" s="104">
        <v>50</v>
      </c>
      <c r="IK23" s="101">
        <v>14</v>
      </c>
      <c r="IL23" s="102">
        <v>14</v>
      </c>
      <c r="IM23" s="103">
        <v>28</v>
      </c>
      <c r="IN23" s="413">
        <v>0</v>
      </c>
      <c r="IO23" s="102">
        <v>25</v>
      </c>
      <c r="IP23" s="102">
        <v>15</v>
      </c>
      <c r="IQ23" s="102">
        <v>12</v>
      </c>
      <c r="IR23" s="102">
        <v>12</v>
      </c>
      <c r="IS23" s="102">
        <v>8</v>
      </c>
      <c r="IT23" s="103">
        <v>72</v>
      </c>
      <c r="IU23" s="104">
        <v>100</v>
      </c>
      <c r="IV23" s="101">
        <v>13</v>
      </c>
      <c r="IW23" s="102">
        <v>18</v>
      </c>
      <c r="IX23" s="103">
        <v>31</v>
      </c>
      <c r="IY23" s="413">
        <v>0</v>
      </c>
      <c r="IZ23" s="102">
        <v>32</v>
      </c>
      <c r="JA23" s="102">
        <v>29</v>
      </c>
      <c r="JB23" s="102">
        <v>11</v>
      </c>
      <c r="JC23" s="102">
        <v>8</v>
      </c>
      <c r="JD23" s="102">
        <v>6</v>
      </c>
      <c r="JE23" s="103">
        <v>86</v>
      </c>
      <c r="JF23" s="104">
        <v>117</v>
      </c>
      <c r="JG23" s="101">
        <v>8</v>
      </c>
      <c r="JH23" s="102">
        <v>17</v>
      </c>
      <c r="JI23" s="103">
        <v>25</v>
      </c>
      <c r="JJ23" s="413">
        <v>0</v>
      </c>
      <c r="JK23" s="102">
        <v>20</v>
      </c>
      <c r="JL23" s="102">
        <v>19</v>
      </c>
      <c r="JM23" s="102">
        <v>10</v>
      </c>
      <c r="JN23" s="102">
        <v>8</v>
      </c>
      <c r="JO23" s="102">
        <v>8</v>
      </c>
      <c r="JP23" s="103">
        <v>65</v>
      </c>
      <c r="JQ23" s="104">
        <v>90</v>
      </c>
      <c r="JR23" s="101">
        <v>0</v>
      </c>
      <c r="JS23" s="102">
        <v>0</v>
      </c>
      <c r="JT23" s="103">
        <v>0</v>
      </c>
      <c r="JU23" s="413">
        <v>0</v>
      </c>
      <c r="JV23" s="102">
        <v>0</v>
      </c>
      <c r="JW23" s="102">
        <v>0</v>
      </c>
      <c r="JX23" s="102">
        <v>0</v>
      </c>
      <c r="JY23" s="102">
        <v>0</v>
      </c>
      <c r="JZ23" s="102">
        <v>0</v>
      </c>
      <c r="KA23" s="103">
        <v>0</v>
      </c>
      <c r="KB23" s="104">
        <v>0</v>
      </c>
      <c r="KC23" s="101">
        <v>48</v>
      </c>
      <c r="KD23" s="102">
        <v>62</v>
      </c>
      <c r="KE23" s="103">
        <v>110</v>
      </c>
      <c r="KF23" s="413">
        <v>0</v>
      </c>
      <c r="KG23" s="102">
        <v>101</v>
      </c>
      <c r="KH23" s="102">
        <v>78</v>
      </c>
      <c r="KI23" s="102">
        <v>44</v>
      </c>
      <c r="KJ23" s="102">
        <v>35</v>
      </c>
      <c r="KK23" s="102">
        <v>27</v>
      </c>
      <c r="KL23" s="103">
        <v>285</v>
      </c>
      <c r="KM23" s="104">
        <v>395</v>
      </c>
    </row>
    <row r="24" spans="2:299" s="70" customFormat="1" ht="21" customHeight="1" x14ac:dyDescent="0.2">
      <c r="B24" s="106" t="s">
        <v>21</v>
      </c>
      <c r="C24" s="96">
        <v>37</v>
      </c>
      <c r="D24" s="97">
        <v>25</v>
      </c>
      <c r="E24" s="98">
        <v>62</v>
      </c>
      <c r="F24" s="413">
        <v>0</v>
      </c>
      <c r="G24" s="97">
        <v>52</v>
      </c>
      <c r="H24" s="97">
        <v>37</v>
      </c>
      <c r="I24" s="97">
        <v>23</v>
      </c>
      <c r="J24" s="97">
        <v>20</v>
      </c>
      <c r="K24" s="97">
        <v>14</v>
      </c>
      <c r="L24" s="99">
        <v>146</v>
      </c>
      <c r="M24" s="100">
        <v>208</v>
      </c>
      <c r="N24" s="101">
        <v>2</v>
      </c>
      <c r="O24" s="102">
        <v>1</v>
      </c>
      <c r="P24" s="103">
        <v>3</v>
      </c>
      <c r="Q24" s="413">
        <v>0</v>
      </c>
      <c r="R24" s="102">
        <v>2</v>
      </c>
      <c r="S24" s="102">
        <v>1</v>
      </c>
      <c r="T24" s="102">
        <v>2</v>
      </c>
      <c r="U24" s="102">
        <v>0</v>
      </c>
      <c r="V24" s="102">
        <v>2</v>
      </c>
      <c r="W24" s="103">
        <v>7</v>
      </c>
      <c r="X24" s="104">
        <v>10</v>
      </c>
      <c r="Y24" s="101">
        <v>1</v>
      </c>
      <c r="Z24" s="102">
        <v>5</v>
      </c>
      <c r="AA24" s="103">
        <v>6</v>
      </c>
      <c r="AB24" s="413">
        <v>0</v>
      </c>
      <c r="AC24" s="102">
        <v>6</v>
      </c>
      <c r="AD24" s="102">
        <v>6</v>
      </c>
      <c r="AE24" s="102">
        <v>0</v>
      </c>
      <c r="AF24" s="102">
        <v>1</v>
      </c>
      <c r="AG24" s="102">
        <v>1</v>
      </c>
      <c r="AH24" s="103">
        <v>14</v>
      </c>
      <c r="AI24" s="104">
        <v>20</v>
      </c>
      <c r="AJ24" s="101">
        <v>7</v>
      </c>
      <c r="AK24" s="102">
        <v>2</v>
      </c>
      <c r="AL24" s="103">
        <v>9</v>
      </c>
      <c r="AM24" s="413">
        <v>0</v>
      </c>
      <c r="AN24" s="102">
        <v>10</v>
      </c>
      <c r="AO24" s="102">
        <v>3</v>
      </c>
      <c r="AP24" s="102">
        <v>7</v>
      </c>
      <c r="AQ24" s="102">
        <v>4</v>
      </c>
      <c r="AR24" s="102">
        <v>2</v>
      </c>
      <c r="AS24" s="103">
        <v>26</v>
      </c>
      <c r="AT24" s="104">
        <v>35</v>
      </c>
      <c r="AU24" s="101">
        <v>8</v>
      </c>
      <c r="AV24" s="102">
        <v>7</v>
      </c>
      <c r="AW24" s="103">
        <v>15</v>
      </c>
      <c r="AX24" s="413">
        <v>0</v>
      </c>
      <c r="AY24" s="102">
        <v>10</v>
      </c>
      <c r="AZ24" s="102">
        <v>9</v>
      </c>
      <c r="BA24" s="102">
        <v>3</v>
      </c>
      <c r="BB24" s="102">
        <v>5</v>
      </c>
      <c r="BC24" s="102">
        <v>5</v>
      </c>
      <c r="BD24" s="103">
        <v>32</v>
      </c>
      <c r="BE24" s="104">
        <v>47</v>
      </c>
      <c r="BF24" s="101">
        <v>14</v>
      </c>
      <c r="BG24" s="102">
        <v>5</v>
      </c>
      <c r="BH24" s="103">
        <v>19</v>
      </c>
      <c r="BI24" s="413">
        <v>0</v>
      </c>
      <c r="BJ24" s="102">
        <v>14</v>
      </c>
      <c r="BK24" s="102">
        <v>11</v>
      </c>
      <c r="BL24" s="102">
        <v>4</v>
      </c>
      <c r="BM24" s="102">
        <v>7</v>
      </c>
      <c r="BN24" s="102">
        <v>4</v>
      </c>
      <c r="BO24" s="103">
        <v>40</v>
      </c>
      <c r="BP24" s="104">
        <v>59</v>
      </c>
      <c r="BQ24" s="101">
        <v>5</v>
      </c>
      <c r="BR24" s="102">
        <v>5</v>
      </c>
      <c r="BS24" s="103">
        <v>10</v>
      </c>
      <c r="BT24" s="413">
        <v>0</v>
      </c>
      <c r="BU24" s="102">
        <v>10</v>
      </c>
      <c r="BV24" s="102">
        <v>7</v>
      </c>
      <c r="BW24" s="102">
        <v>7</v>
      </c>
      <c r="BX24" s="102">
        <v>3</v>
      </c>
      <c r="BY24" s="102">
        <v>0</v>
      </c>
      <c r="BZ24" s="103">
        <v>27</v>
      </c>
      <c r="CA24" s="104">
        <v>37</v>
      </c>
      <c r="CB24" s="101">
        <v>0</v>
      </c>
      <c r="CC24" s="102">
        <v>0</v>
      </c>
      <c r="CD24" s="103">
        <v>0</v>
      </c>
      <c r="CE24" s="413">
        <v>0</v>
      </c>
      <c r="CF24" s="102">
        <v>0</v>
      </c>
      <c r="CG24" s="102">
        <v>0</v>
      </c>
      <c r="CH24" s="102">
        <v>0</v>
      </c>
      <c r="CI24" s="102">
        <v>0</v>
      </c>
      <c r="CJ24" s="102">
        <v>0</v>
      </c>
      <c r="CK24" s="103">
        <v>0</v>
      </c>
      <c r="CL24" s="104">
        <v>0</v>
      </c>
      <c r="CM24" s="101">
        <v>37</v>
      </c>
      <c r="CN24" s="102">
        <v>25</v>
      </c>
      <c r="CO24" s="103">
        <v>62</v>
      </c>
      <c r="CP24" s="413">
        <v>0</v>
      </c>
      <c r="CQ24" s="102">
        <v>52</v>
      </c>
      <c r="CR24" s="102">
        <v>37</v>
      </c>
      <c r="CS24" s="102">
        <v>23</v>
      </c>
      <c r="CT24" s="102">
        <v>20</v>
      </c>
      <c r="CU24" s="102">
        <v>14</v>
      </c>
      <c r="CV24" s="103">
        <v>146</v>
      </c>
      <c r="CW24" s="104">
        <v>208</v>
      </c>
      <c r="CX24" s="105">
        <v>7</v>
      </c>
      <c r="CY24" s="97">
        <v>11</v>
      </c>
      <c r="CZ24" s="98">
        <v>18</v>
      </c>
      <c r="DA24" s="413">
        <v>0</v>
      </c>
      <c r="DB24" s="97">
        <v>17</v>
      </c>
      <c r="DC24" s="97">
        <v>17</v>
      </c>
      <c r="DD24" s="97">
        <v>11</v>
      </c>
      <c r="DE24" s="97">
        <v>6</v>
      </c>
      <c r="DF24" s="97">
        <v>5</v>
      </c>
      <c r="DG24" s="99">
        <v>56</v>
      </c>
      <c r="DH24" s="100">
        <v>74</v>
      </c>
      <c r="DI24" s="101">
        <v>0</v>
      </c>
      <c r="DJ24" s="102">
        <v>0</v>
      </c>
      <c r="DK24" s="103">
        <v>0</v>
      </c>
      <c r="DL24" s="413">
        <v>0</v>
      </c>
      <c r="DM24" s="102">
        <v>0</v>
      </c>
      <c r="DN24" s="102">
        <v>0</v>
      </c>
      <c r="DO24" s="102">
        <v>0</v>
      </c>
      <c r="DP24" s="102">
        <v>0</v>
      </c>
      <c r="DQ24" s="102">
        <v>0</v>
      </c>
      <c r="DR24" s="103">
        <v>0</v>
      </c>
      <c r="DS24" s="104">
        <v>0</v>
      </c>
      <c r="DT24" s="101">
        <v>0</v>
      </c>
      <c r="DU24" s="102">
        <v>2</v>
      </c>
      <c r="DV24" s="103">
        <v>2</v>
      </c>
      <c r="DW24" s="413">
        <v>0</v>
      </c>
      <c r="DX24" s="102">
        <v>1</v>
      </c>
      <c r="DY24" s="102">
        <v>1</v>
      </c>
      <c r="DZ24" s="102">
        <v>1</v>
      </c>
      <c r="EA24" s="102">
        <v>0</v>
      </c>
      <c r="EB24" s="102">
        <v>1</v>
      </c>
      <c r="EC24" s="103">
        <v>4</v>
      </c>
      <c r="ED24" s="104">
        <v>6</v>
      </c>
      <c r="EE24" s="101">
        <v>0</v>
      </c>
      <c r="EF24" s="102">
        <v>2</v>
      </c>
      <c r="EG24" s="103">
        <v>2</v>
      </c>
      <c r="EH24" s="413">
        <v>0</v>
      </c>
      <c r="EI24" s="102">
        <v>2</v>
      </c>
      <c r="EJ24" s="102">
        <v>2</v>
      </c>
      <c r="EK24" s="102">
        <v>0</v>
      </c>
      <c r="EL24" s="102">
        <v>0</v>
      </c>
      <c r="EM24" s="102">
        <v>1</v>
      </c>
      <c r="EN24" s="103">
        <v>5</v>
      </c>
      <c r="EO24" s="104">
        <v>7</v>
      </c>
      <c r="EP24" s="101">
        <v>5</v>
      </c>
      <c r="EQ24" s="102">
        <v>2</v>
      </c>
      <c r="ER24" s="103">
        <v>7</v>
      </c>
      <c r="ES24" s="413">
        <v>0</v>
      </c>
      <c r="ET24" s="102">
        <v>3</v>
      </c>
      <c r="EU24" s="102">
        <v>2</v>
      </c>
      <c r="EV24" s="102">
        <v>1</v>
      </c>
      <c r="EW24" s="102">
        <v>1</v>
      </c>
      <c r="EX24" s="102">
        <v>1</v>
      </c>
      <c r="EY24" s="103">
        <v>8</v>
      </c>
      <c r="EZ24" s="104">
        <v>15</v>
      </c>
      <c r="FA24" s="101">
        <v>0</v>
      </c>
      <c r="FB24" s="102">
        <v>4</v>
      </c>
      <c r="FC24" s="103">
        <v>4</v>
      </c>
      <c r="FD24" s="413">
        <v>0</v>
      </c>
      <c r="FE24" s="102">
        <v>3</v>
      </c>
      <c r="FF24" s="102">
        <v>5</v>
      </c>
      <c r="FG24" s="102">
        <v>4</v>
      </c>
      <c r="FH24" s="102">
        <v>1</v>
      </c>
      <c r="FI24" s="102">
        <v>1</v>
      </c>
      <c r="FJ24" s="103">
        <v>14</v>
      </c>
      <c r="FK24" s="104">
        <v>18</v>
      </c>
      <c r="FL24" s="101">
        <v>2</v>
      </c>
      <c r="FM24" s="102">
        <v>1</v>
      </c>
      <c r="FN24" s="103">
        <v>3</v>
      </c>
      <c r="FO24" s="413">
        <v>0</v>
      </c>
      <c r="FP24" s="102">
        <v>8</v>
      </c>
      <c r="FQ24" s="102">
        <v>7</v>
      </c>
      <c r="FR24" s="102">
        <v>5</v>
      </c>
      <c r="FS24" s="102">
        <v>4</v>
      </c>
      <c r="FT24" s="102">
        <v>1</v>
      </c>
      <c r="FU24" s="103">
        <v>25</v>
      </c>
      <c r="FV24" s="104">
        <v>28</v>
      </c>
      <c r="FW24" s="101">
        <v>0</v>
      </c>
      <c r="FX24" s="102">
        <v>0</v>
      </c>
      <c r="FY24" s="103">
        <v>0</v>
      </c>
      <c r="FZ24" s="413">
        <v>0</v>
      </c>
      <c r="GA24" s="102">
        <v>0</v>
      </c>
      <c r="GB24" s="102">
        <v>0</v>
      </c>
      <c r="GC24" s="102">
        <v>0</v>
      </c>
      <c r="GD24" s="102">
        <v>0</v>
      </c>
      <c r="GE24" s="102">
        <v>0</v>
      </c>
      <c r="GF24" s="103">
        <v>0</v>
      </c>
      <c r="GG24" s="104">
        <v>0</v>
      </c>
      <c r="GH24" s="101">
        <v>7</v>
      </c>
      <c r="GI24" s="102">
        <v>11</v>
      </c>
      <c r="GJ24" s="103">
        <v>18</v>
      </c>
      <c r="GK24" s="413">
        <v>0</v>
      </c>
      <c r="GL24" s="102">
        <v>17</v>
      </c>
      <c r="GM24" s="102">
        <v>17</v>
      </c>
      <c r="GN24" s="102">
        <v>11</v>
      </c>
      <c r="GO24" s="102">
        <v>6</v>
      </c>
      <c r="GP24" s="102">
        <v>5</v>
      </c>
      <c r="GQ24" s="103">
        <v>56</v>
      </c>
      <c r="GR24" s="104">
        <v>74</v>
      </c>
      <c r="GS24" s="105">
        <v>44</v>
      </c>
      <c r="GT24" s="97">
        <v>36</v>
      </c>
      <c r="GU24" s="98">
        <v>80</v>
      </c>
      <c r="GV24" s="413">
        <v>0</v>
      </c>
      <c r="GW24" s="97">
        <v>69</v>
      </c>
      <c r="GX24" s="97">
        <v>54</v>
      </c>
      <c r="GY24" s="97">
        <v>34</v>
      </c>
      <c r="GZ24" s="97">
        <v>26</v>
      </c>
      <c r="HA24" s="97">
        <v>19</v>
      </c>
      <c r="HB24" s="99">
        <v>202</v>
      </c>
      <c r="HC24" s="100">
        <v>282</v>
      </c>
      <c r="HD24" s="101">
        <v>2</v>
      </c>
      <c r="HE24" s="102">
        <v>1</v>
      </c>
      <c r="HF24" s="103">
        <v>3</v>
      </c>
      <c r="HG24" s="413">
        <v>0</v>
      </c>
      <c r="HH24" s="102">
        <v>2</v>
      </c>
      <c r="HI24" s="102">
        <v>1</v>
      </c>
      <c r="HJ24" s="102">
        <v>2</v>
      </c>
      <c r="HK24" s="102">
        <v>0</v>
      </c>
      <c r="HL24" s="102">
        <v>2</v>
      </c>
      <c r="HM24" s="103">
        <v>7</v>
      </c>
      <c r="HN24" s="104">
        <v>10</v>
      </c>
      <c r="HO24" s="101">
        <v>1</v>
      </c>
      <c r="HP24" s="102">
        <v>7</v>
      </c>
      <c r="HQ24" s="103">
        <v>8</v>
      </c>
      <c r="HR24" s="413">
        <v>0</v>
      </c>
      <c r="HS24" s="102">
        <v>7</v>
      </c>
      <c r="HT24" s="102">
        <v>7</v>
      </c>
      <c r="HU24" s="102">
        <v>1</v>
      </c>
      <c r="HV24" s="102">
        <v>1</v>
      </c>
      <c r="HW24" s="102">
        <v>2</v>
      </c>
      <c r="HX24" s="103">
        <v>18</v>
      </c>
      <c r="HY24" s="104">
        <v>26</v>
      </c>
      <c r="HZ24" s="101">
        <v>7</v>
      </c>
      <c r="IA24" s="102">
        <v>4</v>
      </c>
      <c r="IB24" s="103">
        <v>11</v>
      </c>
      <c r="IC24" s="413">
        <v>0</v>
      </c>
      <c r="ID24" s="102">
        <v>12</v>
      </c>
      <c r="IE24" s="102">
        <v>5</v>
      </c>
      <c r="IF24" s="102">
        <v>7</v>
      </c>
      <c r="IG24" s="102">
        <v>4</v>
      </c>
      <c r="IH24" s="102">
        <v>3</v>
      </c>
      <c r="II24" s="103">
        <v>31</v>
      </c>
      <c r="IJ24" s="104">
        <v>42</v>
      </c>
      <c r="IK24" s="101">
        <v>13</v>
      </c>
      <c r="IL24" s="102">
        <v>9</v>
      </c>
      <c r="IM24" s="103">
        <v>22</v>
      </c>
      <c r="IN24" s="413">
        <v>0</v>
      </c>
      <c r="IO24" s="102">
        <v>13</v>
      </c>
      <c r="IP24" s="102">
        <v>11</v>
      </c>
      <c r="IQ24" s="102">
        <v>4</v>
      </c>
      <c r="IR24" s="102">
        <v>6</v>
      </c>
      <c r="IS24" s="102">
        <v>6</v>
      </c>
      <c r="IT24" s="103">
        <v>40</v>
      </c>
      <c r="IU24" s="104">
        <v>62</v>
      </c>
      <c r="IV24" s="101">
        <v>14</v>
      </c>
      <c r="IW24" s="102">
        <v>9</v>
      </c>
      <c r="IX24" s="103">
        <v>23</v>
      </c>
      <c r="IY24" s="413">
        <v>0</v>
      </c>
      <c r="IZ24" s="102">
        <v>17</v>
      </c>
      <c r="JA24" s="102">
        <v>16</v>
      </c>
      <c r="JB24" s="102">
        <v>8</v>
      </c>
      <c r="JC24" s="102">
        <v>8</v>
      </c>
      <c r="JD24" s="102">
        <v>5</v>
      </c>
      <c r="JE24" s="103">
        <v>54</v>
      </c>
      <c r="JF24" s="104">
        <v>77</v>
      </c>
      <c r="JG24" s="101">
        <v>7</v>
      </c>
      <c r="JH24" s="102">
        <v>6</v>
      </c>
      <c r="JI24" s="103">
        <v>13</v>
      </c>
      <c r="JJ24" s="413">
        <v>0</v>
      </c>
      <c r="JK24" s="102">
        <v>18</v>
      </c>
      <c r="JL24" s="102">
        <v>14</v>
      </c>
      <c r="JM24" s="102">
        <v>12</v>
      </c>
      <c r="JN24" s="102">
        <v>7</v>
      </c>
      <c r="JO24" s="102">
        <v>1</v>
      </c>
      <c r="JP24" s="103">
        <v>52</v>
      </c>
      <c r="JQ24" s="104">
        <v>65</v>
      </c>
      <c r="JR24" s="101">
        <v>0</v>
      </c>
      <c r="JS24" s="102">
        <v>0</v>
      </c>
      <c r="JT24" s="103">
        <v>0</v>
      </c>
      <c r="JU24" s="413">
        <v>0</v>
      </c>
      <c r="JV24" s="102">
        <v>0</v>
      </c>
      <c r="JW24" s="102">
        <v>0</v>
      </c>
      <c r="JX24" s="102">
        <v>0</v>
      </c>
      <c r="JY24" s="102">
        <v>0</v>
      </c>
      <c r="JZ24" s="102">
        <v>0</v>
      </c>
      <c r="KA24" s="103">
        <v>0</v>
      </c>
      <c r="KB24" s="104">
        <v>0</v>
      </c>
      <c r="KC24" s="101">
        <v>44</v>
      </c>
      <c r="KD24" s="102">
        <v>36</v>
      </c>
      <c r="KE24" s="103">
        <v>80</v>
      </c>
      <c r="KF24" s="413">
        <v>0</v>
      </c>
      <c r="KG24" s="102">
        <v>69</v>
      </c>
      <c r="KH24" s="102">
        <v>54</v>
      </c>
      <c r="KI24" s="102">
        <v>34</v>
      </c>
      <c r="KJ24" s="102">
        <v>26</v>
      </c>
      <c r="KK24" s="102">
        <v>19</v>
      </c>
      <c r="KL24" s="103">
        <v>202</v>
      </c>
      <c r="KM24" s="104">
        <v>282</v>
      </c>
    </row>
    <row r="25" spans="2:299" s="70" customFormat="1" ht="21" customHeight="1" x14ac:dyDescent="0.2">
      <c r="B25" s="106" t="s">
        <v>22</v>
      </c>
      <c r="C25" s="96">
        <v>16</v>
      </c>
      <c r="D25" s="97">
        <v>12</v>
      </c>
      <c r="E25" s="98">
        <v>28</v>
      </c>
      <c r="F25" s="413">
        <v>0</v>
      </c>
      <c r="G25" s="97">
        <v>30</v>
      </c>
      <c r="H25" s="97">
        <v>19</v>
      </c>
      <c r="I25" s="97">
        <v>12</v>
      </c>
      <c r="J25" s="97">
        <v>8</v>
      </c>
      <c r="K25" s="97">
        <v>8</v>
      </c>
      <c r="L25" s="99">
        <v>77</v>
      </c>
      <c r="M25" s="100">
        <v>105</v>
      </c>
      <c r="N25" s="101">
        <v>1</v>
      </c>
      <c r="O25" s="102">
        <v>0</v>
      </c>
      <c r="P25" s="103">
        <v>1</v>
      </c>
      <c r="Q25" s="413">
        <v>0</v>
      </c>
      <c r="R25" s="102">
        <v>0</v>
      </c>
      <c r="S25" s="102">
        <v>0</v>
      </c>
      <c r="T25" s="102">
        <v>0</v>
      </c>
      <c r="U25" s="102">
        <v>0</v>
      </c>
      <c r="V25" s="102">
        <v>0</v>
      </c>
      <c r="W25" s="103">
        <v>0</v>
      </c>
      <c r="X25" s="104">
        <v>1</v>
      </c>
      <c r="Y25" s="101">
        <v>0</v>
      </c>
      <c r="Z25" s="102">
        <v>1</v>
      </c>
      <c r="AA25" s="103">
        <v>1</v>
      </c>
      <c r="AB25" s="413">
        <v>0</v>
      </c>
      <c r="AC25" s="102">
        <v>2</v>
      </c>
      <c r="AD25" s="102">
        <v>1</v>
      </c>
      <c r="AE25" s="102">
        <v>3</v>
      </c>
      <c r="AF25" s="102">
        <v>1</v>
      </c>
      <c r="AG25" s="102">
        <v>1</v>
      </c>
      <c r="AH25" s="103">
        <v>8</v>
      </c>
      <c r="AI25" s="104">
        <v>9</v>
      </c>
      <c r="AJ25" s="101">
        <v>2</v>
      </c>
      <c r="AK25" s="102">
        <v>2</v>
      </c>
      <c r="AL25" s="103">
        <v>4</v>
      </c>
      <c r="AM25" s="413">
        <v>0</v>
      </c>
      <c r="AN25" s="102">
        <v>4</v>
      </c>
      <c r="AO25" s="102">
        <v>3</v>
      </c>
      <c r="AP25" s="102">
        <v>1</v>
      </c>
      <c r="AQ25" s="102">
        <v>0</v>
      </c>
      <c r="AR25" s="102">
        <v>2</v>
      </c>
      <c r="AS25" s="103">
        <v>10</v>
      </c>
      <c r="AT25" s="104">
        <v>14</v>
      </c>
      <c r="AU25" s="101">
        <v>5</v>
      </c>
      <c r="AV25" s="102">
        <v>6</v>
      </c>
      <c r="AW25" s="103">
        <v>11</v>
      </c>
      <c r="AX25" s="413">
        <v>0</v>
      </c>
      <c r="AY25" s="102">
        <v>8</v>
      </c>
      <c r="AZ25" s="102">
        <v>3</v>
      </c>
      <c r="BA25" s="102">
        <v>1</v>
      </c>
      <c r="BB25" s="102">
        <v>2</v>
      </c>
      <c r="BC25" s="102">
        <v>1</v>
      </c>
      <c r="BD25" s="103">
        <v>15</v>
      </c>
      <c r="BE25" s="104">
        <v>26</v>
      </c>
      <c r="BF25" s="101">
        <v>5</v>
      </c>
      <c r="BG25" s="102">
        <v>1</v>
      </c>
      <c r="BH25" s="103">
        <v>6</v>
      </c>
      <c r="BI25" s="413">
        <v>0</v>
      </c>
      <c r="BJ25" s="102">
        <v>5</v>
      </c>
      <c r="BK25" s="102">
        <v>5</v>
      </c>
      <c r="BL25" s="102">
        <v>5</v>
      </c>
      <c r="BM25" s="102">
        <v>2</v>
      </c>
      <c r="BN25" s="102">
        <v>2</v>
      </c>
      <c r="BO25" s="103">
        <v>19</v>
      </c>
      <c r="BP25" s="104">
        <v>25</v>
      </c>
      <c r="BQ25" s="101">
        <v>3</v>
      </c>
      <c r="BR25" s="102">
        <v>2</v>
      </c>
      <c r="BS25" s="103">
        <v>5</v>
      </c>
      <c r="BT25" s="413">
        <v>0</v>
      </c>
      <c r="BU25" s="102">
        <v>11</v>
      </c>
      <c r="BV25" s="102">
        <v>7</v>
      </c>
      <c r="BW25" s="102">
        <v>2</v>
      </c>
      <c r="BX25" s="102">
        <v>3</v>
      </c>
      <c r="BY25" s="102">
        <v>2</v>
      </c>
      <c r="BZ25" s="103">
        <v>25</v>
      </c>
      <c r="CA25" s="104">
        <v>30</v>
      </c>
      <c r="CB25" s="101">
        <v>0</v>
      </c>
      <c r="CC25" s="102">
        <v>0</v>
      </c>
      <c r="CD25" s="103">
        <v>0</v>
      </c>
      <c r="CE25" s="413">
        <v>0</v>
      </c>
      <c r="CF25" s="102">
        <v>0</v>
      </c>
      <c r="CG25" s="102">
        <v>0</v>
      </c>
      <c r="CH25" s="102">
        <v>0</v>
      </c>
      <c r="CI25" s="102">
        <v>0</v>
      </c>
      <c r="CJ25" s="102">
        <v>0</v>
      </c>
      <c r="CK25" s="103">
        <v>0</v>
      </c>
      <c r="CL25" s="104">
        <v>0</v>
      </c>
      <c r="CM25" s="101">
        <v>16</v>
      </c>
      <c r="CN25" s="102">
        <v>12</v>
      </c>
      <c r="CO25" s="103">
        <v>28</v>
      </c>
      <c r="CP25" s="413">
        <v>0</v>
      </c>
      <c r="CQ25" s="102">
        <v>30</v>
      </c>
      <c r="CR25" s="102">
        <v>19</v>
      </c>
      <c r="CS25" s="102">
        <v>12</v>
      </c>
      <c r="CT25" s="102">
        <v>8</v>
      </c>
      <c r="CU25" s="102">
        <v>8</v>
      </c>
      <c r="CV25" s="103">
        <v>77</v>
      </c>
      <c r="CW25" s="104">
        <v>105</v>
      </c>
      <c r="CX25" s="105">
        <v>5</v>
      </c>
      <c r="CY25" s="97">
        <v>6</v>
      </c>
      <c r="CZ25" s="98">
        <v>11</v>
      </c>
      <c r="DA25" s="413">
        <v>0</v>
      </c>
      <c r="DB25" s="97">
        <v>4</v>
      </c>
      <c r="DC25" s="97">
        <v>4</v>
      </c>
      <c r="DD25" s="97">
        <v>0</v>
      </c>
      <c r="DE25" s="97">
        <v>3</v>
      </c>
      <c r="DF25" s="97">
        <v>4</v>
      </c>
      <c r="DG25" s="99">
        <v>15</v>
      </c>
      <c r="DH25" s="100">
        <v>26</v>
      </c>
      <c r="DI25" s="101">
        <v>0</v>
      </c>
      <c r="DJ25" s="102">
        <v>1</v>
      </c>
      <c r="DK25" s="103">
        <v>1</v>
      </c>
      <c r="DL25" s="413">
        <v>0</v>
      </c>
      <c r="DM25" s="102">
        <v>0</v>
      </c>
      <c r="DN25" s="102">
        <v>0</v>
      </c>
      <c r="DO25" s="102">
        <v>0</v>
      </c>
      <c r="DP25" s="102">
        <v>0</v>
      </c>
      <c r="DQ25" s="102">
        <v>0</v>
      </c>
      <c r="DR25" s="103">
        <v>0</v>
      </c>
      <c r="DS25" s="104">
        <v>1</v>
      </c>
      <c r="DT25" s="101">
        <v>0</v>
      </c>
      <c r="DU25" s="102">
        <v>0</v>
      </c>
      <c r="DV25" s="103">
        <v>0</v>
      </c>
      <c r="DW25" s="413">
        <v>0</v>
      </c>
      <c r="DX25" s="102">
        <v>0</v>
      </c>
      <c r="DY25" s="102">
        <v>0</v>
      </c>
      <c r="DZ25" s="102">
        <v>0</v>
      </c>
      <c r="EA25" s="102">
        <v>0</v>
      </c>
      <c r="EB25" s="102">
        <v>0</v>
      </c>
      <c r="EC25" s="103">
        <v>0</v>
      </c>
      <c r="ED25" s="104">
        <v>0</v>
      </c>
      <c r="EE25" s="101">
        <v>1</v>
      </c>
      <c r="EF25" s="102">
        <v>1</v>
      </c>
      <c r="EG25" s="103">
        <v>2</v>
      </c>
      <c r="EH25" s="413">
        <v>0</v>
      </c>
      <c r="EI25" s="102">
        <v>0</v>
      </c>
      <c r="EJ25" s="102">
        <v>1</v>
      </c>
      <c r="EK25" s="102">
        <v>0</v>
      </c>
      <c r="EL25" s="102">
        <v>0</v>
      </c>
      <c r="EM25" s="102">
        <v>2</v>
      </c>
      <c r="EN25" s="103">
        <v>3</v>
      </c>
      <c r="EO25" s="104">
        <v>5</v>
      </c>
      <c r="EP25" s="101">
        <v>4</v>
      </c>
      <c r="EQ25" s="102">
        <v>2</v>
      </c>
      <c r="ER25" s="103">
        <v>6</v>
      </c>
      <c r="ES25" s="413">
        <v>0</v>
      </c>
      <c r="ET25" s="102">
        <v>1</v>
      </c>
      <c r="EU25" s="102">
        <v>0</v>
      </c>
      <c r="EV25" s="102">
        <v>0</v>
      </c>
      <c r="EW25" s="102">
        <v>0</v>
      </c>
      <c r="EX25" s="102">
        <v>1</v>
      </c>
      <c r="EY25" s="103">
        <v>2</v>
      </c>
      <c r="EZ25" s="104">
        <v>8</v>
      </c>
      <c r="FA25" s="101">
        <v>0</v>
      </c>
      <c r="FB25" s="102">
        <v>1</v>
      </c>
      <c r="FC25" s="103">
        <v>1</v>
      </c>
      <c r="FD25" s="413">
        <v>0</v>
      </c>
      <c r="FE25" s="102">
        <v>1</v>
      </c>
      <c r="FF25" s="102">
        <v>2</v>
      </c>
      <c r="FG25" s="102">
        <v>0</v>
      </c>
      <c r="FH25" s="102">
        <v>0</v>
      </c>
      <c r="FI25" s="102">
        <v>0</v>
      </c>
      <c r="FJ25" s="103">
        <v>3</v>
      </c>
      <c r="FK25" s="104">
        <v>4</v>
      </c>
      <c r="FL25" s="101">
        <v>0</v>
      </c>
      <c r="FM25" s="102">
        <v>1</v>
      </c>
      <c r="FN25" s="103">
        <v>1</v>
      </c>
      <c r="FO25" s="413">
        <v>0</v>
      </c>
      <c r="FP25" s="102">
        <v>2</v>
      </c>
      <c r="FQ25" s="102">
        <v>1</v>
      </c>
      <c r="FR25" s="102">
        <v>0</v>
      </c>
      <c r="FS25" s="102">
        <v>3</v>
      </c>
      <c r="FT25" s="102">
        <v>1</v>
      </c>
      <c r="FU25" s="103">
        <v>7</v>
      </c>
      <c r="FV25" s="104">
        <v>8</v>
      </c>
      <c r="FW25" s="101">
        <v>0</v>
      </c>
      <c r="FX25" s="102">
        <v>0</v>
      </c>
      <c r="FY25" s="103">
        <v>0</v>
      </c>
      <c r="FZ25" s="413">
        <v>0</v>
      </c>
      <c r="GA25" s="102">
        <v>0</v>
      </c>
      <c r="GB25" s="102">
        <v>0</v>
      </c>
      <c r="GC25" s="102">
        <v>0</v>
      </c>
      <c r="GD25" s="102">
        <v>0</v>
      </c>
      <c r="GE25" s="102">
        <v>0</v>
      </c>
      <c r="GF25" s="103">
        <v>0</v>
      </c>
      <c r="GG25" s="104">
        <v>0</v>
      </c>
      <c r="GH25" s="101">
        <v>5</v>
      </c>
      <c r="GI25" s="102">
        <v>6</v>
      </c>
      <c r="GJ25" s="103">
        <v>11</v>
      </c>
      <c r="GK25" s="413">
        <v>0</v>
      </c>
      <c r="GL25" s="102">
        <v>4</v>
      </c>
      <c r="GM25" s="102">
        <v>4</v>
      </c>
      <c r="GN25" s="102">
        <v>0</v>
      </c>
      <c r="GO25" s="102">
        <v>3</v>
      </c>
      <c r="GP25" s="102">
        <v>4</v>
      </c>
      <c r="GQ25" s="103">
        <v>15</v>
      </c>
      <c r="GR25" s="104">
        <v>26</v>
      </c>
      <c r="GS25" s="105">
        <v>21</v>
      </c>
      <c r="GT25" s="97">
        <v>18</v>
      </c>
      <c r="GU25" s="98">
        <v>39</v>
      </c>
      <c r="GV25" s="413">
        <v>0</v>
      </c>
      <c r="GW25" s="97">
        <v>34</v>
      </c>
      <c r="GX25" s="97">
        <v>23</v>
      </c>
      <c r="GY25" s="97">
        <v>12</v>
      </c>
      <c r="GZ25" s="97">
        <v>11</v>
      </c>
      <c r="HA25" s="97">
        <v>12</v>
      </c>
      <c r="HB25" s="99">
        <v>92</v>
      </c>
      <c r="HC25" s="100">
        <v>131</v>
      </c>
      <c r="HD25" s="101">
        <v>1</v>
      </c>
      <c r="HE25" s="102">
        <v>1</v>
      </c>
      <c r="HF25" s="103">
        <v>2</v>
      </c>
      <c r="HG25" s="413">
        <v>0</v>
      </c>
      <c r="HH25" s="102">
        <v>0</v>
      </c>
      <c r="HI25" s="102">
        <v>0</v>
      </c>
      <c r="HJ25" s="102">
        <v>0</v>
      </c>
      <c r="HK25" s="102">
        <v>0</v>
      </c>
      <c r="HL25" s="102">
        <v>0</v>
      </c>
      <c r="HM25" s="103">
        <v>0</v>
      </c>
      <c r="HN25" s="104">
        <v>2</v>
      </c>
      <c r="HO25" s="101">
        <v>0</v>
      </c>
      <c r="HP25" s="102">
        <v>1</v>
      </c>
      <c r="HQ25" s="103">
        <v>1</v>
      </c>
      <c r="HR25" s="413">
        <v>0</v>
      </c>
      <c r="HS25" s="102">
        <v>2</v>
      </c>
      <c r="HT25" s="102">
        <v>1</v>
      </c>
      <c r="HU25" s="102">
        <v>3</v>
      </c>
      <c r="HV25" s="102">
        <v>1</v>
      </c>
      <c r="HW25" s="102">
        <v>1</v>
      </c>
      <c r="HX25" s="103">
        <v>8</v>
      </c>
      <c r="HY25" s="104">
        <v>9</v>
      </c>
      <c r="HZ25" s="101">
        <v>3</v>
      </c>
      <c r="IA25" s="102">
        <v>3</v>
      </c>
      <c r="IB25" s="103">
        <v>6</v>
      </c>
      <c r="IC25" s="413">
        <v>0</v>
      </c>
      <c r="ID25" s="102">
        <v>4</v>
      </c>
      <c r="IE25" s="102">
        <v>4</v>
      </c>
      <c r="IF25" s="102">
        <v>1</v>
      </c>
      <c r="IG25" s="102">
        <v>0</v>
      </c>
      <c r="IH25" s="102">
        <v>4</v>
      </c>
      <c r="II25" s="103">
        <v>13</v>
      </c>
      <c r="IJ25" s="104">
        <v>19</v>
      </c>
      <c r="IK25" s="101">
        <v>9</v>
      </c>
      <c r="IL25" s="102">
        <v>8</v>
      </c>
      <c r="IM25" s="103">
        <v>17</v>
      </c>
      <c r="IN25" s="413">
        <v>0</v>
      </c>
      <c r="IO25" s="102">
        <v>9</v>
      </c>
      <c r="IP25" s="102">
        <v>3</v>
      </c>
      <c r="IQ25" s="102">
        <v>1</v>
      </c>
      <c r="IR25" s="102">
        <v>2</v>
      </c>
      <c r="IS25" s="102">
        <v>2</v>
      </c>
      <c r="IT25" s="103">
        <v>17</v>
      </c>
      <c r="IU25" s="104">
        <v>34</v>
      </c>
      <c r="IV25" s="101">
        <v>5</v>
      </c>
      <c r="IW25" s="102">
        <v>2</v>
      </c>
      <c r="IX25" s="103">
        <v>7</v>
      </c>
      <c r="IY25" s="413">
        <v>0</v>
      </c>
      <c r="IZ25" s="102">
        <v>6</v>
      </c>
      <c r="JA25" s="102">
        <v>7</v>
      </c>
      <c r="JB25" s="102">
        <v>5</v>
      </c>
      <c r="JC25" s="102">
        <v>2</v>
      </c>
      <c r="JD25" s="102">
        <v>2</v>
      </c>
      <c r="JE25" s="103">
        <v>22</v>
      </c>
      <c r="JF25" s="104">
        <v>29</v>
      </c>
      <c r="JG25" s="101">
        <v>3</v>
      </c>
      <c r="JH25" s="102">
        <v>3</v>
      </c>
      <c r="JI25" s="103">
        <v>6</v>
      </c>
      <c r="JJ25" s="413">
        <v>0</v>
      </c>
      <c r="JK25" s="102">
        <v>13</v>
      </c>
      <c r="JL25" s="102">
        <v>8</v>
      </c>
      <c r="JM25" s="102">
        <v>2</v>
      </c>
      <c r="JN25" s="102">
        <v>6</v>
      </c>
      <c r="JO25" s="102">
        <v>3</v>
      </c>
      <c r="JP25" s="103">
        <v>32</v>
      </c>
      <c r="JQ25" s="104">
        <v>38</v>
      </c>
      <c r="JR25" s="101">
        <v>0</v>
      </c>
      <c r="JS25" s="102">
        <v>0</v>
      </c>
      <c r="JT25" s="103">
        <v>0</v>
      </c>
      <c r="JU25" s="413">
        <v>0</v>
      </c>
      <c r="JV25" s="102">
        <v>0</v>
      </c>
      <c r="JW25" s="102">
        <v>0</v>
      </c>
      <c r="JX25" s="102">
        <v>0</v>
      </c>
      <c r="JY25" s="102">
        <v>0</v>
      </c>
      <c r="JZ25" s="102">
        <v>0</v>
      </c>
      <c r="KA25" s="103">
        <v>0</v>
      </c>
      <c r="KB25" s="104">
        <v>0</v>
      </c>
      <c r="KC25" s="101">
        <v>21</v>
      </c>
      <c r="KD25" s="102">
        <v>18</v>
      </c>
      <c r="KE25" s="103">
        <v>39</v>
      </c>
      <c r="KF25" s="413">
        <v>0</v>
      </c>
      <c r="KG25" s="102">
        <v>34</v>
      </c>
      <c r="KH25" s="102">
        <v>23</v>
      </c>
      <c r="KI25" s="102">
        <v>12</v>
      </c>
      <c r="KJ25" s="102">
        <v>11</v>
      </c>
      <c r="KK25" s="102">
        <v>12</v>
      </c>
      <c r="KL25" s="103">
        <v>92</v>
      </c>
      <c r="KM25" s="104">
        <v>131</v>
      </c>
    </row>
    <row r="26" spans="2:299" s="70" customFormat="1" ht="21" customHeight="1" x14ac:dyDescent="0.2">
      <c r="B26" s="106" t="s">
        <v>23</v>
      </c>
      <c r="C26" s="96">
        <v>25</v>
      </c>
      <c r="D26" s="97">
        <v>22</v>
      </c>
      <c r="E26" s="98">
        <v>47</v>
      </c>
      <c r="F26" s="413">
        <v>0</v>
      </c>
      <c r="G26" s="97">
        <v>25</v>
      </c>
      <c r="H26" s="97">
        <v>30</v>
      </c>
      <c r="I26" s="97">
        <v>25</v>
      </c>
      <c r="J26" s="97">
        <v>11</v>
      </c>
      <c r="K26" s="97">
        <v>11</v>
      </c>
      <c r="L26" s="99">
        <v>102</v>
      </c>
      <c r="M26" s="100">
        <v>149</v>
      </c>
      <c r="N26" s="101">
        <v>0</v>
      </c>
      <c r="O26" s="102">
        <v>2</v>
      </c>
      <c r="P26" s="103">
        <v>2</v>
      </c>
      <c r="Q26" s="413">
        <v>0</v>
      </c>
      <c r="R26" s="102">
        <v>0</v>
      </c>
      <c r="S26" s="102">
        <v>0</v>
      </c>
      <c r="T26" s="102">
        <v>0</v>
      </c>
      <c r="U26" s="102">
        <v>0</v>
      </c>
      <c r="V26" s="102">
        <v>0</v>
      </c>
      <c r="W26" s="103">
        <v>0</v>
      </c>
      <c r="X26" s="104">
        <v>2</v>
      </c>
      <c r="Y26" s="101">
        <v>1</v>
      </c>
      <c r="Z26" s="102">
        <v>0</v>
      </c>
      <c r="AA26" s="103">
        <v>1</v>
      </c>
      <c r="AB26" s="413">
        <v>0</v>
      </c>
      <c r="AC26" s="102">
        <v>1</v>
      </c>
      <c r="AD26" s="102">
        <v>5</v>
      </c>
      <c r="AE26" s="102">
        <v>3</v>
      </c>
      <c r="AF26" s="102">
        <v>0</v>
      </c>
      <c r="AG26" s="102">
        <v>2</v>
      </c>
      <c r="AH26" s="103">
        <v>11</v>
      </c>
      <c r="AI26" s="104">
        <v>12</v>
      </c>
      <c r="AJ26" s="101">
        <v>8</v>
      </c>
      <c r="AK26" s="102">
        <v>1</v>
      </c>
      <c r="AL26" s="103">
        <v>9</v>
      </c>
      <c r="AM26" s="413">
        <v>0</v>
      </c>
      <c r="AN26" s="102">
        <v>4</v>
      </c>
      <c r="AO26" s="102">
        <v>3</v>
      </c>
      <c r="AP26" s="102">
        <v>5</v>
      </c>
      <c r="AQ26" s="102">
        <v>0</v>
      </c>
      <c r="AR26" s="102">
        <v>3</v>
      </c>
      <c r="AS26" s="103">
        <v>15</v>
      </c>
      <c r="AT26" s="104">
        <v>24</v>
      </c>
      <c r="AU26" s="101">
        <v>8</v>
      </c>
      <c r="AV26" s="102">
        <v>9</v>
      </c>
      <c r="AW26" s="103">
        <v>17</v>
      </c>
      <c r="AX26" s="413">
        <v>0</v>
      </c>
      <c r="AY26" s="102">
        <v>4</v>
      </c>
      <c r="AZ26" s="102">
        <v>7</v>
      </c>
      <c r="BA26" s="102">
        <v>5</v>
      </c>
      <c r="BB26" s="102">
        <v>4</v>
      </c>
      <c r="BC26" s="102">
        <v>1</v>
      </c>
      <c r="BD26" s="103">
        <v>21</v>
      </c>
      <c r="BE26" s="104">
        <v>38</v>
      </c>
      <c r="BF26" s="101">
        <v>6</v>
      </c>
      <c r="BG26" s="102">
        <v>6</v>
      </c>
      <c r="BH26" s="103">
        <v>12</v>
      </c>
      <c r="BI26" s="413">
        <v>0</v>
      </c>
      <c r="BJ26" s="102">
        <v>10</v>
      </c>
      <c r="BK26" s="102">
        <v>10</v>
      </c>
      <c r="BL26" s="102">
        <v>6</v>
      </c>
      <c r="BM26" s="102">
        <v>3</v>
      </c>
      <c r="BN26" s="102">
        <v>2</v>
      </c>
      <c r="BO26" s="103">
        <v>31</v>
      </c>
      <c r="BP26" s="104">
        <v>43</v>
      </c>
      <c r="BQ26" s="101">
        <v>2</v>
      </c>
      <c r="BR26" s="102">
        <v>4</v>
      </c>
      <c r="BS26" s="103">
        <v>6</v>
      </c>
      <c r="BT26" s="413">
        <v>0</v>
      </c>
      <c r="BU26" s="102">
        <v>6</v>
      </c>
      <c r="BV26" s="102">
        <v>5</v>
      </c>
      <c r="BW26" s="102">
        <v>6</v>
      </c>
      <c r="BX26" s="102">
        <v>4</v>
      </c>
      <c r="BY26" s="102">
        <v>3</v>
      </c>
      <c r="BZ26" s="103">
        <v>24</v>
      </c>
      <c r="CA26" s="104">
        <v>30</v>
      </c>
      <c r="CB26" s="101">
        <v>0</v>
      </c>
      <c r="CC26" s="102">
        <v>0</v>
      </c>
      <c r="CD26" s="103">
        <v>0</v>
      </c>
      <c r="CE26" s="413">
        <v>0</v>
      </c>
      <c r="CF26" s="102">
        <v>0</v>
      </c>
      <c r="CG26" s="102">
        <v>0</v>
      </c>
      <c r="CH26" s="102">
        <v>0</v>
      </c>
      <c r="CI26" s="102">
        <v>0</v>
      </c>
      <c r="CJ26" s="102">
        <v>0</v>
      </c>
      <c r="CK26" s="103">
        <v>0</v>
      </c>
      <c r="CL26" s="104">
        <v>0</v>
      </c>
      <c r="CM26" s="101">
        <v>25</v>
      </c>
      <c r="CN26" s="102">
        <v>22</v>
      </c>
      <c r="CO26" s="103">
        <v>47</v>
      </c>
      <c r="CP26" s="413">
        <v>0</v>
      </c>
      <c r="CQ26" s="102">
        <v>25</v>
      </c>
      <c r="CR26" s="102">
        <v>30</v>
      </c>
      <c r="CS26" s="102">
        <v>25</v>
      </c>
      <c r="CT26" s="102">
        <v>11</v>
      </c>
      <c r="CU26" s="102">
        <v>11</v>
      </c>
      <c r="CV26" s="103">
        <v>102</v>
      </c>
      <c r="CW26" s="104">
        <v>149</v>
      </c>
      <c r="CX26" s="105">
        <v>6</v>
      </c>
      <c r="CY26" s="97">
        <v>9</v>
      </c>
      <c r="CZ26" s="98">
        <v>15</v>
      </c>
      <c r="DA26" s="413">
        <v>0</v>
      </c>
      <c r="DB26" s="97">
        <v>10</v>
      </c>
      <c r="DC26" s="97">
        <v>10</v>
      </c>
      <c r="DD26" s="97">
        <v>5</v>
      </c>
      <c r="DE26" s="97">
        <v>7</v>
      </c>
      <c r="DF26" s="97">
        <v>6</v>
      </c>
      <c r="DG26" s="99">
        <v>38</v>
      </c>
      <c r="DH26" s="100">
        <v>53</v>
      </c>
      <c r="DI26" s="101">
        <v>0</v>
      </c>
      <c r="DJ26" s="102">
        <v>0</v>
      </c>
      <c r="DK26" s="103">
        <v>0</v>
      </c>
      <c r="DL26" s="413">
        <v>0</v>
      </c>
      <c r="DM26" s="102">
        <v>0</v>
      </c>
      <c r="DN26" s="102">
        <v>0</v>
      </c>
      <c r="DO26" s="102">
        <v>0</v>
      </c>
      <c r="DP26" s="102">
        <v>0</v>
      </c>
      <c r="DQ26" s="102">
        <v>0</v>
      </c>
      <c r="DR26" s="103">
        <v>0</v>
      </c>
      <c r="DS26" s="104">
        <v>0</v>
      </c>
      <c r="DT26" s="101">
        <v>1</v>
      </c>
      <c r="DU26" s="102">
        <v>0</v>
      </c>
      <c r="DV26" s="103">
        <v>1</v>
      </c>
      <c r="DW26" s="413">
        <v>0</v>
      </c>
      <c r="DX26" s="102">
        <v>1</v>
      </c>
      <c r="DY26" s="102">
        <v>1</v>
      </c>
      <c r="DZ26" s="102">
        <v>1</v>
      </c>
      <c r="EA26" s="102">
        <v>0</v>
      </c>
      <c r="EB26" s="102">
        <v>0</v>
      </c>
      <c r="EC26" s="103">
        <v>3</v>
      </c>
      <c r="ED26" s="104">
        <v>4</v>
      </c>
      <c r="EE26" s="101">
        <v>1</v>
      </c>
      <c r="EF26" s="102">
        <v>0</v>
      </c>
      <c r="EG26" s="103">
        <v>1</v>
      </c>
      <c r="EH26" s="413">
        <v>0</v>
      </c>
      <c r="EI26" s="102">
        <v>1</v>
      </c>
      <c r="EJ26" s="102">
        <v>0</v>
      </c>
      <c r="EK26" s="102">
        <v>0</v>
      </c>
      <c r="EL26" s="102">
        <v>0</v>
      </c>
      <c r="EM26" s="102">
        <v>1</v>
      </c>
      <c r="EN26" s="103">
        <v>2</v>
      </c>
      <c r="EO26" s="104">
        <v>3</v>
      </c>
      <c r="EP26" s="101">
        <v>2</v>
      </c>
      <c r="EQ26" s="102">
        <v>6</v>
      </c>
      <c r="ER26" s="103">
        <v>8</v>
      </c>
      <c r="ES26" s="413">
        <v>0</v>
      </c>
      <c r="ET26" s="102">
        <v>0</v>
      </c>
      <c r="EU26" s="102">
        <v>3</v>
      </c>
      <c r="EV26" s="102">
        <v>1</v>
      </c>
      <c r="EW26" s="102">
        <v>1</v>
      </c>
      <c r="EX26" s="102">
        <v>0</v>
      </c>
      <c r="EY26" s="103">
        <v>5</v>
      </c>
      <c r="EZ26" s="104">
        <v>13</v>
      </c>
      <c r="FA26" s="101">
        <v>1</v>
      </c>
      <c r="FB26" s="102">
        <v>1</v>
      </c>
      <c r="FC26" s="103">
        <v>2</v>
      </c>
      <c r="FD26" s="413">
        <v>0</v>
      </c>
      <c r="FE26" s="102">
        <v>2</v>
      </c>
      <c r="FF26" s="102">
        <v>1</v>
      </c>
      <c r="FG26" s="102">
        <v>2</v>
      </c>
      <c r="FH26" s="102">
        <v>1</v>
      </c>
      <c r="FI26" s="102">
        <v>1</v>
      </c>
      <c r="FJ26" s="103">
        <v>7</v>
      </c>
      <c r="FK26" s="104">
        <v>9</v>
      </c>
      <c r="FL26" s="101">
        <v>1</v>
      </c>
      <c r="FM26" s="102">
        <v>2</v>
      </c>
      <c r="FN26" s="103">
        <v>3</v>
      </c>
      <c r="FO26" s="413">
        <v>0</v>
      </c>
      <c r="FP26" s="102">
        <v>6</v>
      </c>
      <c r="FQ26" s="102">
        <v>5</v>
      </c>
      <c r="FR26" s="102">
        <v>1</v>
      </c>
      <c r="FS26" s="102">
        <v>5</v>
      </c>
      <c r="FT26" s="102">
        <v>4</v>
      </c>
      <c r="FU26" s="103">
        <v>21</v>
      </c>
      <c r="FV26" s="104">
        <v>24</v>
      </c>
      <c r="FW26" s="101">
        <v>0</v>
      </c>
      <c r="FX26" s="102">
        <v>0</v>
      </c>
      <c r="FY26" s="103">
        <v>0</v>
      </c>
      <c r="FZ26" s="413">
        <v>0</v>
      </c>
      <c r="GA26" s="102">
        <v>0</v>
      </c>
      <c r="GB26" s="102">
        <v>0</v>
      </c>
      <c r="GC26" s="102">
        <v>0</v>
      </c>
      <c r="GD26" s="102">
        <v>0</v>
      </c>
      <c r="GE26" s="102">
        <v>0</v>
      </c>
      <c r="GF26" s="103">
        <v>0</v>
      </c>
      <c r="GG26" s="104">
        <v>0</v>
      </c>
      <c r="GH26" s="101">
        <v>6</v>
      </c>
      <c r="GI26" s="102">
        <v>9</v>
      </c>
      <c r="GJ26" s="103">
        <v>15</v>
      </c>
      <c r="GK26" s="413">
        <v>0</v>
      </c>
      <c r="GL26" s="102">
        <v>10</v>
      </c>
      <c r="GM26" s="102">
        <v>10</v>
      </c>
      <c r="GN26" s="102">
        <v>5</v>
      </c>
      <c r="GO26" s="102">
        <v>7</v>
      </c>
      <c r="GP26" s="102">
        <v>6</v>
      </c>
      <c r="GQ26" s="103">
        <v>38</v>
      </c>
      <c r="GR26" s="104">
        <v>53</v>
      </c>
      <c r="GS26" s="105">
        <v>31</v>
      </c>
      <c r="GT26" s="97">
        <v>31</v>
      </c>
      <c r="GU26" s="98">
        <v>62</v>
      </c>
      <c r="GV26" s="413">
        <v>0</v>
      </c>
      <c r="GW26" s="97">
        <v>35</v>
      </c>
      <c r="GX26" s="97">
        <v>40</v>
      </c>
      <c r="GY26" s="97">
        <v>30</v>
      </c>
      <c r="GZ26" s="97">
        <v>18</v>
      </c>
      <c r="HA26" s="97">
        <v>17</v>
      </c>
      <c r="HB26" s="99">
        <v>140</v>
      </c>
      <c r="HC26" s="100">
        <v>202</v>
      </c>
      <c r="HD26" s="101">
        <v>0</v>
      </c>
      <c r="HE26" s="102">
        <v>2</v>
      </c>
      <c r="HF26" s="103">
        <v>2</v>
      </c>
      <c r="HG26" s="413">
        <v>0</v>
      </c>
      <c r="HH26" s="102">
        <v>0</v>
      </c>
      <c r="HI26" s="102">
        <v>0</v>
      </c>
      <c r="HJ26" s="102">
        <v>0</v>
      </c>
      <c r="HK26" s="102">
        <v>0</v>
      </c>
      <c r="HL26" s="102">
        <v>0</v>
      </c>
      <c r="HM26" s="103">
        <v>0</v>
      </c>
      <c r="HN26" s="104">
        <v>2</v>
      </c>
      <c r="HO26" s="101">
        <v>2</v>
      </c>
      <c r="HP26" s="102">
        <v>0</v>
      </c>
      <c r="HQ26" s="103">
        <v>2</v>
      </c>
      <c r="HR26" s="413">
        <v>0</v>
      </c>
      <c r="HS26" s="102">
        <v>2</v>
      </c>
      <c r="HT26" s="102">
        <v>6</v>
      </c>
      <c r="HU26" s="102">
        <v>4</v>
      </c>
      <c r="HV26" s="102">
        <v>0</v>
      </c>
      <c r="HW26" s="102">
        <v>2</v>
      </c>
      <c r="HX26" s="103">
        <v>14</v>
      </c>
      <c r="HY26" s="104">
        <v>16</v>
      </c>
      <c r="HZ26" s="101">
        <v>9</v>
      </c>
      <c r="IA26" s="102">
        <v>1</v>
      </c>
      <c r="IB26" s="103">
        <v>10</v>
      </c>
      <c r="IC26" s="413">
        <v>0</v>
      </c>
      <c r="ID26" s="102">
        <v>5</v>
      </c>
      <c r="IE26" s="102">
        <v>3</v>
      </c>
      <c r="IF26" s="102">
        <v>5</v>
      </c>
      <c r="IG26" s="102">
        <v>0</v>
      </c>
      <c r="IH26" s="102">
        <v>4</v>
      </c>
      <c r="II26" s="103">
        <v>17</v>
      </c>
      <c r="IJ26" s="104">
        <v>27</v>
      </c>
      <c r="IK26" s="101">
        <v>10</v>
      </c>
      <c r="IL26" s="102">
        <v>15</v>
      </c>
      <c r="IM26" s="103">
        <v>25</v>
      </c>
      <c r="IN26" s="413">
        <v>0</v>
      </c>
      <c r="IO26" s="102">
        <v>4</v>
      </c>
      <c r="IP26" s="102">
        <v>10</v>
      </c>
      <c r="IQ26" s="102">
        <v>6</v>
      </c>
      <c r="IR26" s="102">
        <v>5</v>
      </c>
      <c r="IS26" s="102">
        <v>1</v>
      </c>
      <c r="IT26" s="103">
        <v>26</v>
      </c>
      <c r="IU26" s="104">
        <v>51</v>
      </c>
      <c r="IV26" s="101">
        <v>7</v>
      </c>
      <c r="IW26" s="102">
        <v>7</v>
      </c>
      <c r="IX26" s="103">
        <v>14</v>
      </c>
      <c r="IY26" s="413">
        <v>0</v>
      </c>
      <c r="IZ26" s="102">
        <v>12</v>
      </c>
      <c r="JA26" s="102">
        <v>11</v>
      </c>
      <c r="JB26" s="102">
        <v>8</v>
      </c>
      <c r="JC26" s="102">
        <v>4</v>
      </c>
      <c r="JD26" s="102">
        <v>3</v>
      </c>
      <c r="JE26" s="103">
        <v>38</v>
      </c>
      <c r="JF26" s="104">
        <v>52</v>
      </c>
      <c r="JG26" s="101">
        <v>3</v>
      </c>
      <c r="JH26" s="102">
        <v>6</v>
      </c>
      <c r="JI26" s="103">
        <v>9</v>
      </c>
      <c r="JJ26" s="413">
        <v>0</v>
      </c>
      <c r="JK26" s="102">
        <v>12</v>
      </c>
      <c r="JL26" s="102">
        <v>10</v>
      </c>
      <c r="JM26" s="102">
        <v>7</v>
      </c>
      <c r="JN26" s="102">
        <v>9</v>
      </c>
      <c r="JO26" s="102">
        <v>7</v>
      </c>
      <c r="JP26" s="103">
        <v>45</v>
      </c>
      <c r="JQ26" s="104">
        <v>54</v>
      </c>
      <c r="JR26" s="101">
        <v>0</v>
      </c>
      <c r="JS26" s="102">
        <v>0</v>
      </c>
      <c r="JT26" s="103">
        <v>0</v>
      </c>
      <c r="JU26" s="413">
        <v>0</v>
      </c>
      <c r="JV26" s="102">
        <v>0</v>
      </c>
      <c r="JW26" s="102">
        <v>0</v>
      </c>
      <c r="JX26" s="102">
        <v>0</v>
      </c>
      <c r="JY26" s="102">
        <v>0</v>
      </c>
      <c r="JZ26" s="102">
        <v>0</v>
      </c>
      <c r="KA26" s="103">
        <v>0</v>
      </c>
      <c r="KB26" s="104">
        <v>0</v>
      </c>
      <c r="KC26" s="101">
        <v>31</v>
      </c>
      <c r="KD26" s="102">
        <v>31</v>
      </c>
      <c r="KE26" s="103">
        <v>62</v>
      </c>
      <c r="KF26" s="413">
        <v>0</v>
      </c>
      <c r="KG26" s="102">
        <v>35</v>
      </c>
      <c r="KH26" s="102">
        <v>40</v>
      </c>
      <c r="KI26" s="102">
        <v>30</v>
      </c>
      <c r="KJ26" s="102">
        <v>18</v>
      </c>
      <c r="KK26" s="102">
        <v>17</v>
      </c>
      <c r="KL26" s="103">
        <v>140</v>
      </c>
      <c r="KM26" s="104">
        <v>202</v>
      </c>
    </row>
    <row r="27" spans="2:299" s="70" customFormat="1" ht="21" customHeight="1" x14ac:dyDescent="0.2">
      <c r="B27" s="106" t="s">
        <v>24</v>
      </c>
      <c r="C27" s="96">
        <v>30</v>
      </c>
      <c r="D27" s="97">
        <v>20</v>
      </c>
      <c r="E27" s="98">
        <v>50</v>
      </c>
      <c r="F27" s="413">
        <v>0</v>
      </c>
      <c r="G27" s="97">
        <v>33</v>
      </c>
      <c r="H27" s="97">
        <v>23</v>
      </c>
      <c r="I27" s="97">
        <v>9</v>
      </c>
      <c r="J27" s="97">
        <v>11</v>
      </c>
      <c r="K27" s="97">
        <v>13</v>
      </c>
      <c r="L27" s="99">
        <v>89</v>
      </c>
      <c r="M27" s="100">
        <v>139</v>
      </c>
      <c r="N27" s="101">
        <v>1</v>
      </c>
      <c r="O27" s="102">
        <v>0</v>
      </c>
      <c r="P27" s="103">
        <v>1</v>
      </c>
      <c r="Q27" s="413">
        <v>0</v>
      </c>
      <c r="R27" s="102">
        <v>2</v>
      </c>
      <c r="S27" s="102">
        <v>0</v>
      </c>
      <c r="T27" s="102">
        <v>0</v>
      </c>
      <c r="U27" s="102">
        <v>0</v>
      </c>
      <c r="V27" s="102">
        <v>0</v>
      </c>
      <c r="W27" s="103">
        <v>2</v>
      </c>
      <c r="X27" s="104">
        <v>3</v>
      </c>
      <c r="Y27" s="101">
        <v>0</v>
      </c>
      <c r="Z27" s="102">
        <v>1</v>
      </c>
      <c r="AA27" s="103">
        <v>1</v>
      </c>
      <c r="AB27" s="413">
        <v>0</v>
      </c>
      <c r="AC27" s="102">
        <v>2</v>
      </c>
      <c r="AD27" s="102">
        <v>1</v>
      </c>
      <c r="AE27" s="102">
        <v>1</v>
      </c>
      <c r="AF27" s="102">
        <v>2</v>
      </c>
      <c r="AG27" s="102">
        <v>2</v>
      </c>
      <c r="AH27" s="103">
        <v>8</v>
      </c>
      <c r="AI27" s="104">
        <v>9</v>
      </c>
      <c r="AJ27" s="101">
        <v>1</v>
      </c>
      <c r="AK27" s="102">
        <v>1</v>
      </c>
      <c r="AL27" s="103">
        <v>2</v>
      </c>
      <c r="AM27" s="413">
        <v>0</v>
      </c>
      <c r="AN27" s="102">
        <v>6</v>
      </c>
      <c r="AO27" s="102">
        <v>1</v>
      </c>
      <c r="AP27" s="102">
        <v>0</v>
      </c>
      <c r="AQ27" s="102">
        <v>0</v>
      </c>
      <c r="AR27" s="102">
        <v>1</v>
      </c>
      <c r="AS27" s="103">
        <v>8</v>
      </c>
      <c r="AT27" s="104">
        <v>10</v>
      </c>
      <c r="AU27" s="101">
        <v>8</v>
      </c>
      <c r="AV27" s="102">
        <v>4</v>
      </c>
      <c r="AW27" s="103">
        <v>12</v>
      </c>
      <c r="AX27" s="413">
        <v>0</v>
      </c>
      <c r="AY27" s="102">
        <v>8</v>
      </c>
      <c r="AZ27" s="102">
        <v>5</v>
      </c>
      <c r="BA27" s="102">
        <v>2</v>
      </c>
      <c r="BB27" s="102">
        <v>1</v>
      </c>
      <c r="BC27" s="102">
        <v>2</v>
      </c>
      <c r="BD27" s="103">
        <v>18</v>
      </c>
      <c r="BE27" s="104">
        <v>30</v>
      </c>
      <c r="BF27" s="101">
        <v>11</v>
      </c>
      <c r="BG27" s="102">
        <v>6</v>
      </c>
      <c r="BH27" s="103">
        <v>17</v>
      </c>
      <c r="BI27" s="413">
        <v>0</v>
      </c>
      <c r="BJ27" s="102">
        <v>10</v>
      </c>
      <c r="BK27" s="102">
        <v>8</v>
      </c>
      <c r="BL27" s="102">
        <v>3</v>
      </c>
      <c r="BM27" s="102">
        <v>0</v>
      </c>
      <c r="BN27" s="102">
        <v>4</v>
      </c>
      <c r="BO27" s="103">
        <v>25</v>
      </c>
      <c r="BP27" s="104">
        <v>42</v>
      </c>
      <c r="BQ27" s="101">
        <v>9</v>
      </c>
      <c r="BR27" s="102">
        <v>8</v>
      </c>
      <c r="BS27" s="103">
        <v>17</v>
      </c>
      <c r="BT27" s="413">
        <v>0</v>
      </c>
      <c r="BU27" s="102">
        <v>5</v>
      </c>
      <c r="BV27" s="102">
        <v>8</v>
      </c>
      <c r="BW27" s="102">
        <v>3</v>
      </c>
      <c r="BX27" s="102">
        <v>8</v>
      </c>
      <c r="BY27" s="102">
        <v>4</v>
      </c>
      <c r="BZ27" s="103">
        <v>28</v>
      </c>
      <c r="CA27" s="104">
        <v>45</v>
      </c>
      <c r="CB27" s="101">
        <v>0</v>
      </c>
      <c r="CC27" s="102">
        <v>0</v>
      </c>
      <c r="CD27" s="103">
        <v>0</v>
      </c>
      <c r="CE27" s="413">
        <v>0</v>
      </c>
      <c r="CF27" s="102">
        <v>0</v>
      </c>
      <c r="CG27" s="102">
        <v>0</v>
      </c>
      <c r="CH27" s="102">
        <v>0</v>
      </c>
      <c r="CI27" s="102">
        <v>0</v>
      </c>
      <c r="CJ27" s="102">
        <v>0</v>
      </c>
      <c r="CK27" s="103">
        <v>0</v>
      </c>
      <c r="CL27" s="104">
        <v>0</v>
      </c>
      <c r="CM27" s="101">
        <v>30</v>
      </c>
      <c r="CN27" s="102">
        <v>20</v>
      </c>
      <c r="CO27" s="103">
        <v>50</v>
      </c>
      <c r="CP27" s="413">
        <v>0</v>
      </c>
      <c r="CQ27" s="102">
        <v>33</v>
      </c>
      <c r="CR27" s="102">
        <v>23</v>
      </c>
      <c r="CS27" s="102">
        <v>9</v>
      </c>
      <c r="CT27" s="102">
        <v>11</v>
      </c>
      <c r="CU27" s="102">
        <v>13</v>
      </c>
      <c r="CV27" s="103">
        <v>89</v>
      </c>
      <c r="CW27" s="104">
        <v>139</v>
      </c>
      <c r="CX27" s="105">
        <v>10</v>
      </c>
      <c r="CY27" s="97">
        <v>5</v>
      </c>
      <c r="CZ27" s="98">
        <v>15</v>
      </c>
      <c r="DA27" s="413">
        <v>0</v>
      </c>
      <c r="DB27" s="97">
        <v>14</v>
      </c>
      <c r="DC27" s="97">
        <v>7</v>
      </c>
      <c r="DD27" s="97">
        <v>4</v>
      </c>
      <c r="DE27" s="97">
        <v>4</v>
      </c>
      <c r="DF27" s="97">
        <v>7</v>
      </c>
      <c r="DG27" s="99">
        <v>36</v>
      </c>
      <c r="DH27" s="100">
        <v>51</v>
      </c>
      <c r="DI27" s="101">
        <v>0</v>
      </c>
      <c r="DJ27" s="102">
        <v>0</v>
      </c>
      <c r="DK27" s="103">
        <v>0</v>
      </c>
      <c r="DL27" s="413">
        <v>0</v>
      </c>
      <c r="DM27" s="102">
        <v>0</v>
      </c>
      <c r="DN27" s="102">
        <v>0</v>
      </c>
      <c r="DO27" s="102">
        <v>0</v>
      </c>
      <c r="DP27" s="102">
        <v>0</v>
      </c>
      <c r="DQ27" s="102">
        <v>0</v>
      </c>
      <c r="DR27" s="103">
        <v>0</v>
      </c>
      <c r="DS27" s="104">
        <v>0</v>
      </c>
      <c r="DT27" s="101">
        <v>0</v>
      </c>
      <c r="DU27" s="102">
        <v>0</v>
      </c>
      <c r="DV27" s="103">
        <v>0</v>
      </c>
      <c r="DW27" s="413">
        <v>0</v>
      </c>
      <c r="DX27" s="102">
        <v>0</v>
      </c>
      <c r="DY27" s="102">
        <v>0</v>
      </c>
      <c r="DZ27" s="102">
        <v>0</v>
      </c>
      <c r="EA27" s="102">
        <v>0</v>
      </c>
      <c r="EB27" s="102">
        <v>0</v>
      </c>
      <c r="EC27" s="103">
        <v>0</v>
      </c>
      <c r="ED27" s="104">
        <v>0</v>
      </c>
      <c r="EE27" s="101">
        <v>2</v>
      </c>
      <c r="EF27" s="102">
        <v>0</v>
      </c>
      <c r="EG27" s="103">
        <v>2</v>
      </c>
      <c r="EH27" s="413">
        <v>0</v>
      </c>
      <c r="EI27" s="102">
        <v>1</v>
      </c>
      <c r="EJ27" s="102">
        <v>0</v>
      </c>
      <c r="EK27" s="102">
        <v>1</v>
      </c>
      <c r="EL27" s="102">
        <v>0</v>
      </c>
      <c r="EM27" s="102">
        <v>0</v>
      </c>
      <c r="EN27" s="103">
        <v>2</v>
      </c>
      <c r="EO27" s="104">
        <v>4</v>
      </c>
      <c r="EP27" s="101">
        <v>4</v>
      </c>
      <c r="EQ27" s="102">
        <v>1</v>
      </c>
      <c r="ER27" s="103">
        <v>5</v>
      </c>
      <c r="ES27" s="413">
        <v>0</v>
      </c>
      <c r="ET27" s="102">
        <v>2</v>
      </c>
      <c r="EU27" s="102">
        <v>1</v>
      </c>
      <c r="EV27" s="102">
        <v>1</v>
      </c>
      <c r="EW27" s="102">
        <v>2</v>
      </c>
      <c r="EX27" s="102">
        <v>0</v>
      </c>
      <c r="EY27" s="103">
        <v>6</v>
      </c>
      <c r="EZ27" s="104">
        <v>11</v>
      </c>
      <c r="FA27" s="101">
        <v>1</v>
      </c>
      <c r="FB27" s="102">
        <v>2</v>
      </c>
      <c r="FC27" s="103">
        <v>3</v>
      </c>
      <c r="FD27" s="413">
        <v>0</v>
      </c>
      <c r="FE27" s="102">
        <v>9</v>
      </c>
      <c r="FF27" s="102">
        <v>3</v>
      </c>
      <c r="FG27" s="102">
        <v>0</v>
      </c>
      <c r="FH27" s="102">
        <v>0</v>
      </c>
      <c r="FI27" s="102">
        <v>3</v>
      </c>
      <c r="FJ27" s="103">
        <v>15</v>
      </c>
      <c r="FK27" s="104">
        <v>18</v>
      </c>
      <c r="FL27" s="101">
        <v>3</v>
      </c>
      <c r="FM27" s="102">
        <v>2</v>
      </c>
      <c r="FN27" s="103">
        <v>5</v>
      </c>
      <c r="FO27" s="413">
        <v>0</v>
      </c>
      <c r="FP27" s="102">
        <v>2</v>
      </c>
      <c r="FQ27" s="102">
        <v>3</v>
      </c>
      <c r="FR27" s="102">
        <v>2</v>
      </c>
      <c r="FS27" s="102">
        <v>2</v>
      </c>
      <c r="FT27" s="102">
        <v>4</v>
      </c>
      <c r="FU27" s="103">
        <v>13</v>
      </c>
      <c r="FV27" s="104">
        <v>18</v>
      </c>
      <c r="FW27" s="101">
        <v>0</v>
      </c>
      <c r="FX27" s="102">
        <v>0</v>
      </c>
      <c r="FY27" s="103">
        <v>0</v>
      </c>
      <c r="FZ27" s="413">
        <v>0</v>
      </c>
      <c r="GA27" s="102">
        <v>0</v>
      </c>
      <c r="GB27" s="102">
        <v>0</v>
      </c>
      <c r="GC27" s="102">
        <v>0</v>
      </c>
      <c r="GD27" s="102">
        <v>0</v>
      </c>
      <c r="GE27" s="102">
        <v>0</v>
      </c>
      <c r="GF27" s="103">
        <v>0</v>
      </c>
      <c r="GG27" s="104">
        <v>0</v>
      </c>
      <c r="GH27" s="101">
        <v>10</v>
      </c>
      <c r="GI27" s="102">
        <v>5</v>
      </c>
      <c r="GJ27" s="103">
        <v>15</v>
      </c>
      <c r="GK27" s="413">
        <v>0</v>
      </c>
      <c r="GL27" s="102">
        <v>14</v>
      </c>
      <c r="GM27" s="102">
        <v>7</v>
      </c>
      <c r="GN27" s="102">
        <v>4</v>
      </c>
      <c r="GO27" s="102">
        <v>4</v>
      </c>
      <c r="GP27" s="102">
        <v>7</v>
      </c>
      <c r="GQ27" s="103">
        <v>36</v>
      </c>
      <c r="GR27" s="104">
        <v>51</v>
      </c>
      <c r="GS27" s="105">
        <v>40</v>
      </c>
      <c r="GT27" s="97">
        <v>25</v>
      </c>
      <c r="GU27" s="98">
        <v>65</v>
      </c>
      <c r="GV27" s="413">
        <v>0</v>
      </c>
      <c r="GW27" s="97">
        <v>47</v>
      </c>
      <c r="GX27" s="97">
        <v>30</v>
      </c>
      <c r="GY27" s="97">
        <v>13</v>
      </c>
      <c r="GZ27" s="97">
        <v>15</v>
      </c>
      <c r="HA27" s="97">
        <v>20</v>
      </c>
      <c r="HB27" s="99">
        <v>125</v>
      </c>
      <c r="HC27" s="100">
        <v>190</v>
      </c>
      <c r="HD27" s="101">
        <v>1</v>
      </c>
      <c r="HE27" s="102">
        <v>0</v>
      </c>
      <c r="HF27" s="103">
        <v>1</v>
      </c>
      <c r="HG27" s="413">
        <v>0</v>
      </c>
      <c r="HH27" s="102">
        <v>2</v>
      </c>
      <c r="HI27" s="102">
        <v>0</v>
      </c>
      <c r="HJ27" s="102">
        <v>0</v>
      </c>
      <c r="HK27" s="102">
        <v>0</v>
      </c>
      <c r="HL27" s="102">
        <v>0</v>
      </c>
      <c r="HM27" s="103">
        <v>2</v>
      </c>
      <c r="HN27" s="104">
        <v>3</v>
      </c>
      <c r="HO27" s="101">
        <v>0</v>
      </c>
      <c r="HP27" s="102">
        <v>1</v>
      </c>
      <c r="HQ27" s="103">
        <v>1</v>
      </c>
      <c r="HR27" s="413">
        <v>0</v>
      </c>
      <c r="HS27" s="102">
        <v>2</v>
      </c>
      <c r="HT27" s="102">
        <v>1</v>
      </c>
      <c r="HU27" s="102">
        <v>1</v>
      </c>
      <c r="HV27" s="102">
        <v>2</v>
      </c>
      <c r="HW27" s="102">
        <v>2</v>
      </c>
      <c r="HX27" s="103">
        <v>8</v>
      </c>
      <c r="HY27" s="104">
        <v>9</v>
      </c>
      <c r="HZ27" s="101">
        <v>3</v>
      </c>
      <c r="IA27" s="102">
        <v>1</v>
      </c>
      <c r="IB27" s="103">
        <v>4</v>
      </c>
      <c r="IC27" s="413">
        <v>0</v>
      </c>
      <c r="ID27" s="102">
        <v>7</v>
      </c>
      <c r="IE27" s="102">
        <v>1</v>
      </c>
      <c r="IF27" s="102">
        <v>1</v>
      </c>
      <c r="IG27" s="102">
        <v>0</v>
      </c>
      <c r="IH27" s="102">
        <v>1</v>
      </c>
      <c r="II27" s="103">
        <v>10</v>
      </c>
      <c r="IJ27" s="104">
        <v>14</v>
      </c>
      <c r="IK27" s="101">
        <v>12</v>
      </c>
      <c r="IL27" s="102">
        <v>5</v>
      </c>
      <c r="IM27" s="103">
        <v>17</v>
      </c>
      <c r="IN27" s="413">
        <v>0</v>
      </c>
      <c r="IO27" s="102">
        <v>10</v>
      </c>
      <c r="IP27" s="102">
        <v>6</v>
      </c>
      <c r="IQ27" s="102">
        <v>3</v>
      </c>
      <c r="IR27" s="102">
        <v>3</v>
      </c>
      <c r="IS27" s="102">
        <v>2</v>
      </c>
      <c r="IT27" s="103">
        <v>24</v>
      </c>
      <c r="IU27" s="104">
        <v>41</v>
      </c>
      <c r="IV27" s="101">
        <v>12</v>
      </c>
      <c r="IW27" s="102">
        <v>8</v>
      </c>
      <c r="IX27" s="103">
        <v>20</v>
      </c>
      <c r="IY27" s="413">
        <v>0</v>
      </c>
      <c r="IZ27" s="102">
        <v>19</v>
      </c>
      <c r="JA27" s="102">
        <v>11</v>
      </c>
      <c r="JB27" s="102">
        <v>3</v>
      </c>
      <c r="JC27" s="102">
        <v>0</v>
      </c>
      <c r="JD27" s="102">
        <v>7</v>
      </c>
      <c r="JE27" s="103">
        <v>40</v>
      </c>
      <c r="JF27" s="104">
        <v>60</v>
      </c>
      <c r="JG27" s="101">
        <v>12</v>
      </c>
      <c r="JH27" s="102">
        <v>10</v>
      </c>
      <c r="JI27" s="103">
        <v>22</v>
      </c>
      <c r="JJ27" s="413">
        <v>0</v>
      </c>
      <c r="JK27" s="102">
        <v>7</v>
      </c>
      <c r="JL27" s="102">
        <v>11</v>
      </c>
      <c r="JM27" s="102">
        <v>5</v>
      </c>
      <c r="JN27" s="102">
        <v>10</v>
      </c>
      <c r="JO27" s="102">
        <v>8</v>
      </c>
      <c r="JP27" s="103">
        <v>41</v>
      </c>
      <c r="JQ27" s="104">
        <v>63</v>
      </c>
      <c r="JR27" s="101">
        <v>0</v>
      </c>
      <c r="JS27" s="102">
        <v>0</v>
      </c>
      <c r="JT27" s="103">
        <v>0</v>
      </c>
      <c r="JU27" s="413">
        <v>0</v>
      </c>
      <c r="JV27" s="102">
        <v>0</v>
      </c>
      <c r="JW27" s="102">
        <v>0</v>
      </c>
      <c r="JX27" s="102">
        <v>0</v>
      </c>
      <c r="JY27" s="102">
        <v>0</v>
      </c>
      <c r="JZ27" s="102">
        <v>0</v>
      </c>
      <c r="KA27" s="103">
        <v>0</v>
      </c>
      <c r="KB27" s="104">
        <v>0</v>
      </c>
      <c r="KC27" s="101">
        <v>40</v>
      </c>
      <c r="KD27" s="102">
        <v>25</v>
      </c>
      <c r="KE27" s="103">
        <v>65</v>
      </c>
      <c r="KF27" s="413">
        <v>0</v>
      </c>
      <c r="KG27" s="102">
        <v>47</v>
      </c>
      <c r="KH27" s="102">
        <v>30</v>
      </c>
      <c r="KI27" s="102">
        <v>13</v>
      </c>
      <c r="KJ27" s="102">
        <v>15</v>
      </c>
      <c r="KK27" s="102">
        <v>20</v>
      </c>
      <c r="KL27" s="103">
        <v>125</v>
      </c>
      <c r="KM27" s="104">
        <v>190</v>
      </c>
    </row>
    <row r="28" spans="2:299" s="70" customFormat="1" ht="21" customHeight="1" x14ac:dyDescent="0.2">
      <c r="B28" s="106" t="s">
        <v>25</v>
      </c>
      <c r="C28" s="96">
        <v>11</v>
      </c>
      <c r="D28" s="97">
        <v>13</v>
      </c>
      <c r="E28" s="98">
        <v>24</v>
      </c>
      <c r="F28" s="413">
        <v>0</v>
      </c>
      <c r="G28" s="97">
        <v>8</v>
      </c>
      <c r="H28" s="97">
        <v>15</v>
      </c>
      <c r="I28" s="97">
        <v>11</v>
      </c>
      <c r="J28" s="97">
        <v>8</v>
      </c>
      <c r="K28" s="97">
        <v>8</v>
      </c>
      <c r="L28" s="99">
        <v>50</v>
      </c>
      <c r="M28" s="100">
        <v>74</v>
      </c>
      <c r="N28" s="101">
        <v>0</v>
      </c>
      <c r="O28" s="102">
        <v>1</v>
      </c>
      <c r="P28" s="103">
        <v>1</v>
      </c>
      <c r="Q28" s="413">
        <v>0</v>
      </c>
      <c r="R28" s="102">
        <v>0</v>
      </c>
      <c r="S28" s="102">
        <v>1</v>
      </c>
      <c r="T28" s="102">
        <v>1</v>
      </c>
      <c r="U28" s="102">
        <v>1</v>
      </c>
      <c r="V28" s="102">
        <v>1</v>
      </c>
      <c r="W28" s="103">
        <v>4</v>
      </c>
      <c r="X28" s="104">
        <v>5</v>
      </c>
      <c r="Y28" s="101">
        <v>2</v>
      </c>
      <c r="Z28" s="102">
        <v>1</v>
      </c>
      <c r="AA28" s="103">
        <v>3</v>
      </c>
      <c r="AB28" s="413">
        <v>0</v>
      </c>
      <c r="AC28" s="102">
        <v>1</v>
      </c>
      <c r="AD28" s="102">
        <v>1</v>
      </c>
      <c r="AE28" s="102">
        <v>2</v>
      </c>
      <c r="AF28" s="102">
        <v>0</v>
      </c>
      <c r="AG28" s="102">
        <v>2</v>
      </c>
      <c r="AH28" s="103">
        <v>6</v>
      </c>
      <c r="AI28" s="104">
        <v>9</v>
      </c>
      <c r="AJ28" s="101">
        <v>1</v>
      </c>
      <c r="AK28" s="102">
        <v>1</v>
      </c>
      <c r="AL28" s="103">
        <v>2</v>
      </c>
      <c r="AM28" s="413">
        <v>0</v>
      </c>
      <c r="AN28" s="102">
        <v>1</v>
      </c>
      <c r="AO28" s="102">
        <v>3</v>
      </c>
      <c r="AP28" s="102">
        <v>1</v>
      </c>
      <c r="AQ28" s="102">
        <v>3</v>
      </c>
      <c r="AR28" s="102">
        <v>0</v>
      </c>
      <c r="AS28" s="103">
        <v>8</v>
      </c>
      <c r="AT28" s="104">
        <v>10</v>
      </c>
      <c r="AU28" s="101">
        <v>3</v>
      </c>
      <c r="AV28" s="102">
        <v>5</v>
      </c>
      <c r="AW28" s="103">
        <v>8</v>
      </c>
      <c r="AX28" s="413">
        <v>0</v>
      </c>
      <c r="AY28" s="102">
        <v>3</v>
      </c>
      <c r="AZ28" s="102">
        <v>3</v>
      </c>
      <c r="BA28" s="102">
        <v>2</v>
      </c>
      <c r="BB28" s="102">
        <v>1</v>
      </c>
      <c r="BC28" s="102">
        <v>2</v>
      </c>
      <c r="BD28" s="103">
        <v>11</v>
      </c>
      <c r="BE28" s="104">
        <v>19</v>
      </c>
      <c r="BF28" s="101">
        <v>2</v>
      </c>
      <c r="BG28" s="102">
        <v>2</v>
      </c>
      <c r="BH28" s="103">
        <v>4</v>
      </c>
      <c r="BI28" s="413">
        <v>0</v>
      </c>
      <c r="BJ28" s="102">
        <v>1</v>
      </c>
      <c r="BK28" s="102">
        <v>2</v>
      </c>
      <c r="BL28" s="102">
        <v>2</v>
      </c>
      <c r="BM28" s="102">
        <v>1</v>
      </c>
      <c r="BN28" s="102">
        <v>0</v>
      </c>
      <c r="BO28" s="103">
        <v>6</v>
      </c>
      <c r="BP28" s="104">
        <v>10</v>
      </c>
      <c r="BQ28" s="101">
        <v>3</v>
      </c>
      <c r="BR28" s="102">
        <v>3</v>
      </c>
      <c r="BS28" s="103">
        <v>6</v>
      </c>
      <c r="BT28" s="413">
        <v>0</v>
      </c>
      <c r="BU28" s="102">
        <v>2</v>
      </c>
      <c r="BV28" s="102">
        <v>5</v>
      </c>
      <c r="BW28" s="102">
        <v>3</v>
      </c>
      <c r="BX28" s="102">
        <v>2</v>
      </c>
      <c r="BY28" s="102">
        <v>3</v>
      </c>
      <c r="BZ28" s="103">
        <v>15</v>
      </c>
      <c r="CA28" s="104">
        <v>21</v>
      </c>
      <c r="CB28" s="101">
        <v>0</v>
      </c>
      <c r="CC28" s="102">
        <v>0</v>
      </c>
      <c r="CD28" s="103">
        <v>0</v>
      </c>
      <c r="CE28" s="413">
        <v>0</v>
      </c>
      <c r="CF28" s="102">
        <v>0</v>
      </c>
      <c r="CG28" s="102">
        <v>0</v>
      </c>
      <c r="CH28" s="102">
        <v>0</v>
      </c>
      <c r="CI28" s="102">
        <v>0</v>
      </c>
      <c r="CJ28" s="102">
        <v>0</v>
      </c>
      <c r="CK28" s="103">
        <v>0</v>
      </c>
      <c r="CL28" s="104">
        <v>0</v>
      </c>
      <c r="CM28" s="101">
        <v>11</v>
      </c>
      <c r="CN28" s="102">
        <v>13</v>
      </c>
      <c r="CO28" s="103">
        <v>24</v>
      </c>
      <c r="CP28" s="413">
        <v>0</v>
      </c>
      <c r="CQ28" s="102">
        <v>8</v>
      </c>
      <c r="CR28" s="102">
        <v>15</v>
      </c>
      <c r="CS28" s="102">
        <v>11</v>
      </c>
      <c r="CT28" s="102">
        <v>8</v>
      </c>
      <c r="CU28" s="102">
        <v>8</v>
      </c>
      <c r="CV28" s="103">
        <v>50</v>
      </c>
      <c r="CW28" s="104">
        <v>74</v>
      </c>
      <c r="CX28" s="105">
        <v>4</v>
      </c>
      <c r="CY28" s="97">
        <v>16</v>
      </c>
      <c r="CZ28" s="98">
        <v>20</v>
      </c>
      <c r="DA28" s="413">
        <v>0</v>
      </c>
      <c r="DB28" s="97">
        <v>6</v>
      </c>
      <c r="DC28" s="97">
        <v>5</v>
      </c>
      <c r="DD28" s="97">
        <v>3</v>
      </c>
      <c r="DE28" s="97">
        <v>3</v>
      </c>
      <c r="DF28" s="97">
        <v>3</v>
      </c>
      <c r="DG28" s="99">
        <v>20</v>
      </c>
      <c r="DH28" s="100">
        <v>40</v>
      </c>
      <c r="DI28" s="101">
        <v>0</v>
      </c>
      <c r="DJ28" s="102">
        <v>0</v>
      </c>
      <c r="DK28" s="103">
        <v>0</v>
      </c>
      <c r="DL28" s="413">
        <v>0</v>
      </c>
      <c r="DM28" s="102">
        <v>0</v>
      </c>
      <c r="DN28" s="102">
        <v>0</v>
      </c>
      <c r="DO28" s="102">
        <v>0</v>
      </c>
      <c r="DP28" s="102">
        <v>0</v>
      </c>
      <c r="DQ28" s="102">
        <v>0</v>
      </c>
      <c r="DR28" s="103">
        <v>0</v>
      </c>
      <c r="DS28" s="104">
        <v>0</v>
      </c>
      <c r="DT28" s="101">
        <v>0</v>
      </c>
      <c r="DU28" s="102">
        <v>0</v>
      </c>
      <c r="DV28" s="103">
        <v>0</v>
      </c>
      <c r="DW28" s="413">
        <v>0</v>
      </c>
      <c r="DX28" s="102">
        <v>1</v>
      </c>
      <c r="DY28" s="102">
        <v>1</v>
      </c>
      <c r="DZ28" s="102">
        <v>0</v>
      </c>
      <c r="EA28" s="102">
        <v>0</v>
      </c>
      <c r="EB28" s="102">
        <v>1</v>
      </c>
      <c r="EC28" s="103">
        <v>3</v>
      </c>
      <c r="ED28" s="104">
        <v>3</v>
      </c>
      <c r="EE28" s="101">
        <v>1</v>
      </c>
      <c r="EF28" s="102">
        <v>1</v>
      </c>
      <c r="EG28" s="103">
        <v>2</v>
      </c>
      <c r="EH28" s="413">
        <v>0</v>
      </c>
      <c r="EI28" s="102">
        <v>0</v>
      </c>
      <c r="EJ28" s="102">
        <v>0</v>
      </c>
      <c r="EK28" s="102">
        <v>0</v>
      </c>
      <c r="EL28" s="102">
        <v>0</v>
      </c>
      <c r="EM28" s="102">
        <v>0</v>
      </c>
      <c r="EN28" s="103">
        <v>0</v>
      </c>
      <c r="EO28" s="104">
        <v>2</v>
      </c>
      <c r="EP28" s="101">
        <v>0</v>
      </c>
      <c r="EQ28" s="102">
        <v>4</v>
      </c>
      <c r="ER28" s="103">
        <v>4</v>
      </c>
      <c r="ES28" s="413">
        <v>0</v>
      </c>
      <c r="ET28" s="102">
        <v>0</v>
      </c>
      <c r="EU28" s="102">
        <v>1</v>
      </c>
      <c r="EV28" s="102">
        <v>1</v>
      </c>
      <c r="EW28" s="102">
        <v>1</v>
      </c>
      <c r="EX28" s="102">
        <v>0</v>
      </c>
      <c r="EY28" s="103">
        <v>3</v>
      </c>
      <c r="EZ28" s="104">
        <v>7</v>
      </c>
      <c r="FA28" s="101">
        <v>1</v>
      </c>
      <c r="FB28" s="102">
        <v>4</v>
      </c>
      <c r="FC28" s="103">
        <v>5</v>
      </c>
      <c r="FD28" s="413">
        <v>0</v>
      </c>
      <c r="FE28" s="102">
        <v>2</v>
      </c>
      <c r="FF28" s="102">
        <v>1</v>
      </c>
      <c r="FG28" s="102">
        <v>0</v>
      </c>
      <c r="FH28" s="102">
        <v>0</v>
      </c>
      <c r="FI28" s="102">
        <v>1</v>
      </c>
      <c r="FJ28" s="103">
        <v>4</v>
      </c>
      <c r="FK28" s="104">
        <v>9</v>
      </c>
      <c r="FL28" s="101">
        <v>2</v>
      </c>
      <c r="FM28" s="102">
        <v>7</v>
      </c>
      <c r="FN28" s="103">
        <v>9</v>
      </c>
      <c r="FO28" s="413">
        <v>0</v>
      </c>
      <c r="FP28" s="102">
        <v>3</v>
      </c>
      <c r="FQ28" s="102">
        <v>2</v>
      </c>
      <c r="FR28" s="102">
        <v>2</v>
      </c>
      <c r="FS28" s="102">
        <v>2</v>
      </c>
      <c r="FT28" s="102">
        <v>1</v>
      </c>
      <c r="FU28" s="103">
        <v>10</v>
      </c>
      <c r="FV28" s="104">
        <v>19</v>
      </c>
      <c r="FW28" s="101">
        <v>0</v>
      </c>
      <c r="FX28" s="102">
        <v>0</v>
      </c>
      <c r="FY28" s="103">
        <v>0</v>
      </c>
      <c r="FZ28" s="413">
        <v>0</v>
      </c>
      <c r="GA28" s="102">
        <v>0</v>
      </c>
      <c r="GB28" s="102">
        <v>0</v>
      </c>
      <c r="GC28" s="102">
        <v>0</v>
      </c>
      <c r="GD28" s="102">
        <v>0</v>
      </c>
      <c r="GE28" s="102">
        <v>0</v>
      </c>
      <c r="GF28" s="103">
        <v>0</v>
      </c>
      <c r="GG28" s="104">
        <v>0</v>
      </c>
      <c r="GH28" s="101">
        <v>4</v>
      </c>
      <c r="GI28" s="102">
        <v>16</v>
      </c>
      <c r="GJ28" s="103">
        <v>20</v>
      </c>
      <c r="GK28" s="413">
        <v>0</v>
      </c>
      <c r="GL28" s="102">
        <v>6</v>
      </c>
      <c r="GM28" s="102">
        <v>5</v>
      </c>
      <c r="GN28" s="102">
        <v>3</v>
      </c>
      <c r="GO28" s="102">
        <v>3</v>
      </c>
      <c r="GP28" s="102">
        <v>3</v>
      </c>
      <c r="GQ28" s="103">
        <v>20</v>
      </c>
      <c r="GR28" s="104">
        <v>40</v>
      </c>
      <c r="GS28" s="105">
        <v>15</v>
      </c>
      <c r="GT28" s="97">
        <v>29</v>
      </c>
      <c r="GU28" s="98">
        <v>44</v>
      </c>
      <c r="GV28" s="413">
        <v>0</v>
      </c>
      <c r="GW28" s="97">
        <v>14</v>
      </c>
      <c r="GX28" s="97">
        <v>20</v>
      </c>
      <c r="GY28" s="97">
        <v>14</v>
      </c>
      <c r="GZ28" s="97">
        <v>11</v>
      </c>
      <c r="HA28" s="97">
        <v>11</v>
      </c>
      <c r="HB28" s="99">
        <v>70</v>
      </c>
      <c r="HC28" s="100">
        <v>114</v>
      </c>
      <c r="HD28" s="101">
        <v>0</v>
      </c>
      <c r="HE28" s="102">
        <v>1</v>
      </c>
      <c r="HF28" s="103">
        <v>1</v>
      </c>
      <c r="HG28" s="413">
        <v>0</v>
      </c>
      <c r="HH28" s="102">
        <v>0</v>
      </c>
      <c r="HI28" s="102">
        <v>1</v>
      </c>
      <c r="HJ28" s="102">
        <v>1</v>
      </c>
      <c r="HK28" s="102">
        <v>1</v>
      </c>
      <c r="HL28" s="102">
        <v>1</v>
      </c>
      <c r="HM28" s="103">
        <v>4</v>
      </c>
      <c r="HN28" s="104">
        <v>5</v>
      </c>
      <c r="HO28" s="101">
        <v>2</v>
      </c>
      <c r="HP28" s="102">
        <v>1</v>
      </c>
      <c r="HQ28" s="103">
        <v>3</v>
      </c>
      <c r="HR28" s="413">
        <v>0</v>
      </c>
      <c r="HS28" s="102">
        <v>2</v>
      </c>
      <c r="HT28" s="102">
        <v>2</v>
      </c>
      <c r="HU28" s="102">
        <v>2</v>
      </c>
      <c r="HV28" s="102">
        <v>0</v>
      </c>
      <c r="HW28" s="102">
        <v>3</v>
      </c>
      <c r="HX28" s="103">
        <v>9</v>
      </c>
      <c r="HY28" s="104">
        <v>12</v>
      </c>
      <c r="HZ28" s="101">
        <v>2</v>
      </c>
      <c r="IA28" s="102">
        <v>2</v>
      </c>
      <c r="IB28" s="103">
        <v>4</v>
      </c>
      <c r="IC28" s="413">
        <v>0</v>
      </c>
      <c r="ID28" s="102">
        <v>1</v>
      </c>
      <c r="IE28" s="102">
        <v>3</v>
      </c>
      <c r="IF28" s="102">
        <v>1</v>
      </c>
      <c r="IG28" s="102">
        <v>3</v>
      </c>
      <c r="IH28" s="102">
        <v>0</v>
      </c>
      <c r="II28" s="103">
        <v>8</v>
      </c>
      <c r="IJ28" s="104">
        <v>12</v>
      </c>
      <c r="IK28" s="101">
        <v>3</v>
      </c>
      <c r="IL28" s="102">
        <v>9</v>
      </c>
      <c r="IM28" s="103">
        <v>12</v>
      </c>
      <c r="IN28" s="413">
        <v>0</v>
      </c>
      <c r="IO28" s="102">
        <v>3</v>
      </c>
      <c r="IP28" s="102">
        <v>4</v>
      </c>
      <c r="IQ28" s="102">
        <v>3</v>
      </c>
      <c r="IR28" s="102">
        <v>2</v>
      </c>
      <c r="IS28" s="102">
        <v>2</v>
      </c>
      <c r="IT28" s="103">
        <v>14</v>
      </c>
      <c r="IU28" s="104">
        <v>26</v>
      </c>
      <c r="IV28" s="101">
        <v>3</v>
      </c>
      <c r="IW28" s="102">
        <v>6</v>
      </c>
      <c r="IX28" s="103">
        <v>9</v>
      </c>
      <c r="IY28" s="413">
        <v>0</v>
      </c>
      <c r="IZ28" s="102">
        <v>3</v>
      </c>
      <c r="JA28" s="102">
        <v>3</v>
      </c>
      <c r="JB28" s="102">
        <v>2</v>
      </c>
      <c r="JC28" s="102">
        <v>1</v>
      </c>
      <c r="JD28" s="102">
        <v>1</v>
      </c>
      <c r="JE28" s="103">
        <v>10</v>
      </c>
      <c r="JF28" s="104">
        <v>19</v>
      </c>
      <c r="JG28" s="101">
        <v>5</v>
      </c>
      <c r="JH28" s="102">
        <v>10</v>
      </c>
      <c r="JI28" s="103">
        <v>15</v>
      </c>
      <c r="JJ28" s="413">
        <v>0</v>
      </c>
      <c r="JK28" s="102">
        <v>5</v>
      </c>
      <c r="JL28" s="102">
        <v>7</v>
      </c>
      <c r="JM28" s="102">
        <v>5</v>
      </c>
      <c r="JN28" s="102">
        <v>4</v>
      </c>
      <c r="JO28" s="102">
        <v>4</v>
      </c>
      <c r="JP28" s="103">
        <v>25</v>
      </c>
      <c r="JQ28" s="104">
        <v>40</v>
      </c>
      <c r="JR28" s="101">
        <v>0</v>
      </c>
      <c r="JS28" s="102">
        <v>0</v>
      </c>
      <c r="JT28" s="103">
        <v>0</v>
      </c>
      <c r="JU28" s="413">
        <v>0</v>
      </c>
      <c r="JV28" s="102">
        <v>0</v>
      </c>
      <c r="JW28" s="102">
        <v>0</v>
      </c>
      <c r="JX28" s="102">
        <v>0</v>
      </c>
      <c r="JY28" s="102">
        <v>0</v>
      </c>
      <c r="JZ28" s="102">
        <v>0</v>
      </c>
      <c r="KA28" s="103">
        <v>0</v>
      </c>
      <c r="KB28" s="104">
        <v>0</v>
      </c>
      <c r="KC28" s="101">
        <v>15</v>
      </c>
      <c r="KD28" s="102">
        <v>29</v>
      </c>
      <c r="KE28" s="103">
        <v>44</v>
      </c>
      <c r="KF28" s="413">
        <v>0</v>
      </c>
      <c r="KG28" s="102">
        <v>14</v>
      </c>
      <c r="KH28" s="102">
        <v>20</v>
      </c>
      <c r="KI28" s="102">
        <v>14</v>
      </c>
      <c r="KJ28" s="102">
        <v>11</v>
      </c>
      <c r="KK28" s="102">
        <v>11</v>
      </c>
      <c r="KL28" s="103">
        <v>70</v>
      </c>
      <c r="KM28" s="104">
        <v>114</v>
      </c>
    </row>
    <row r="29" spans="2:299" s="70" customFormat="1" ht="21" customHeight="1" x14ac:dyDescent="0.2">
      <c r="B29" s="106" t="s">
        <v>26</v>
      </c>
      <c r="C29" s="96">
        <v>16</v>
      </c>
      <c r="D29" s="97">
        <v>11</v>
      </c>
      <c r="E29" s="98">
        <v>27</v>
      </c>
      <c r="F29" s="413">
        <v>0</v>
      </c>
      <c r="G29" s="97">
        <v>20</v>
      </c>
      <c r="H29" s="97">
        <v>20</v>
      </c>
      <c r="I29" s="97">
        <v>10</v>
      </c>
      <c r="J29" s="97">
        <v>2</v>
      </c>
      <c r="K29" s="97">
        <v>7</v>
      </c>
      <c r="L29" s="99">
        <v>59</v>
      </c>
      <c r="M29" s="100">
        <v>86</v>
      </c>
      <c r="N29" s="101">
        <v>0</v>
      </c>
      <c r="O29" s="102">
        <v>0</v>
      </c>
      <c r="P29" s="103">
        <v>0</v>
      </c>
      <c r="Q29" s="413">
        <v>0</v>
      </c>
      <c r="R29" s="102">
        <v>0</v>
      </c>
      <c r="S29" s="102">
        <v>0</v>
      </c>
      <c r="T29" s="102">
        <v>0</v>
      </c>
      <c r="U29" s="102">
        <v>0</v>
      </c>
      <c r="V29" s="102">
        <v>0</v>
      </c>
      <c r="W29" s="103">
        <v>0</v>
      </c>
      <c r="X29" s="104">
        <v>0</v>
      </c>
      <c r="Y29" s="101">
        <v>1</v>
      </c>
      <c r="Z29" s="102">
        <v>0</v>
      </c>
      <c r="AA29" s="103">
        <v>1</v>
      </c>
      <c r="AB29" s="413">
        <v>0</v>
      </c>
      <c r="AC29" s="102">
        <v>2</v>
      </c>
      <c r="AD29" s="102">
        <v>2</v>
      </c>
      <c r="AE29" s="102">
        <v>0</v>
      </c>
      <c r="AF29" s="102">
        <v>0</v>
      </c>
      <c r="AG29" s="102">
        <v>0</v>
      </c>
      <c r="AH29" s="103">
        <v>4</v>
      </c>
      <c r="AI29" s="104">
        <v>5</v>
      </c>
      <c r="AJ29" s="101">
        <v>2</v>
      </c>
      <c r="AK29" s="102">
        <v>2</v>
      </c>
      <c r="AL29" s="103">
        <v>4</v>
      </c>
      <c r="AM29" s="413">
        <v>0</v>
      </c>
      <c r="AN29" s="102">
        <v>3</v>
      </c>
      <c r="AO29" s="102">
        <v>3</v>
      </c>
      <c r="AP29" s="102">
        <v>0</v>
      </c>
      <c r="AQ29" s="102">
        <v>0</v>
      </c>
      <c r="AR29" s="102">
        <v>2</v>
      </c>
      <c r="AS29" s="103">
        <v>8</v>
      </c>
      <c r="AT29" s="104">
        <v>12</v>
      </c>
      <c r="AU29" s="101">
        <v>1</v>
      </c>
      <c r="AV29" s="102">
        <v>4</v>
      </c>
      <c r="AW29" s="103">
        <v>5</v>
      </c>
      <c r="AX29" s="413">
        <v>0</v>
      </c>
      <c r="AY29" s="102">
        <v>3</v>
      </c>
      <c r="AZ29" s="102">
        <v>4</v>
      </c>
      <c r="BA29" s="102">
        <v>3</v>
      </c>
      <c r="BB29" s="102">
        <v>0</v>
      </c>
      <c r="BC29" s="102">
        <v>2</v>
      </c>
      <c r="BD29" s="103">
        <v>12</v>
      </c>
      <c r="BE29" s="104">
        <v>17</v>
      </c>
      <c r="BF29" s="101">
        <v>8</v>
      </c>
      <c r="BG29" s="102">
        <v>1</v>
      </c>
      <c r="BH29" s="103">
        <v>9</v>
      </c>
      <c r="BI29" s="413">
        <v>0</v>
      </c>
      <c r="BJ29" s="102">
        <v>6</v>
      </c>
      <c r="BK29" s="102">
        <v>6</v>
      </c>
      <c r="BL29" s="102">
        <v>4</v>
      </c>
      <c r="BM29" s="102">
        <v>0</v>
      </c>
      <c r="BN29" s="102">
        <v>2</v>
      </c>
      <c r="BO29" s="103">
        <v>18</v>
      </c>
      <c r="BP29" s="104">
        <v>27</v>
      </c>
      <c r="BQ29" s="101">
        <v>4</v>
      </c>
      <c r="BR29" s="102">
        <v>4</v>
      </c>
      <c r="BS29" s="103">
        <v>8</v>
      </c>
      <c r="BT29" s="413">
        <v>0</v>
      </c>
      <c r="BU29" s="102">
        <v>6</v>
      </c>
      <c r="BV29" s="102">
        <v>5</v>
      </c>
      <c r="BW29" s="102">
        <v>3</v>
      </c>
      <c r="BX29" s="102">
        <v>2</v>
      </c>
      <c r="BY29" s="102">
        <v>1</v>
      </c>
      <c r="BZ29" s="103">
        <v>17</v>
      </c>
      <c r="CA29" s="104">
        <v>25</v>
      </c>
      <c r="CB29" s="101">
        <v>0</v>
      </c>
      <c r="CC29" s="102">
        <v>0</v>
      </c>
      <c r="CD29" s="103">
        <v>0</v>
      </c>
      <c r="CE29" s="413">
        <v>0</v>
      </c>
      <c r="CF29" s="102">
        <v>0</v>
      </c>
      <c r="CG29" s="102">
        <v>0</v>
      </c>
      <c r="CH29" s="102">
        <v>0</v>
      </c>
      <c r="CI29" s="102">
        <v>0</v>
      </c>
      <c r="CJ29" s="102">
        <v>0</v>
      </c>
      <c r="CK29" s="103">
        <v>0</v>
      </c>
      <c r="CL29" s="104">
        <v>0</v>
      </c>
      <c r="CM29" s="101">
        <v>16</v>
      </c>
      <c r="CN29" s="102">
        <v>11</v>
      </c>
      <c r="CO29" s="103">
        <v>27</v>
      </c>
      <c r="CP29" s="413">
        <v>0</v>
      </c>
      <c r="CQ29" s="102">
        <v>20</v>
      </c>
      <c r="CR29" s="102">
        <v>20</v>
      </c>
      <c r="CS29" s="102">
        <v>10</v>
      </c>
      <c r="CT29" s="102">
        <v>2</v>
      </c>
      <c r="CU29" s="102">
        <v>7</v>
      </c>
      <c r="CV29" s="103">
        <v>59</v>
      </c>
      <c r="CW29" s="104">
        <v>86</v>
      </c>
      <c r="CX29" s="105">
        <v>2</v>
      </c>
      <c r="CY29" s="97">
        <v>6</v>
      </c>
      <c r="CZ29" s="98">
        <v>8</v>
      </c>
      <c r="DA29" s="413">
        <v>0</v>
      </c>
      <c r="DB29" s="97">
        <v>6</v>
      </c>
      <c r="DC29" s="97">
        <v>5</v>
      </c>
      <c r="DD29" s="97">
        <v>5</v>
      </c>
      <c r="DE29" s="97">
        <v>1</v>
      </c>
      <c r="DF29" s="97">
        <v>2</v>
      </c>
      <c r="DG29" s="99">
        <v>19</v>
      </c>
      <c r="DH29" s="100">
        <v>27</v>
      </c>
      <c r="DI29" s="101">
        <v>0</v>
      </c>
      <c r="DJ29" s="102">
        <v>0</v>
      </c>
      <c r="DK29" s="103">
        <v>0</v>
      </c>
      <c r="DL29" s="413">
        <v>0</v>
      </c>
      <c r="DM29" s="102">
        <v>0</v>
      </c>
      <c r="DN29" s="102">
        <v>0</v>
      </c>
      <c r="DO29" s="102">
        <v>0</v>
      </c>
      <c r="DP29" s="102">
        <v>0</v>
      </c>
      <c r="DQ29" s="102">
        <v>0</v>
      </c>
      <c r="DR29" s="103">
        <v>0</v>
      </c>
      <c r="DS29" s="104">
        <v>0</v>
      </c>
      <c r="DT29" s="101">
        <v>0</v>
      </c>
      <c r="DU29" s="102">
        <v>0</v>
      </c>
      <c r="DV29" s="103">
        <v>0</v>
      </c>
      <c r="DW29" s="413">
        <v>0</v>
      </c>
      <c r="DX29" s="102">
        <v>0</v>
      </c>
      <c r="DY29" s="102">
        <v>0</v>
      </c>
      <c r="DZ29" s="102">
        <v>0</v>
      </c>
      <c r="EA29" s="102">
        <v>0</v>
      </c>
      <c r="EB29" s="102">
        <v>1</v>
      </c>
      <c r="EC29" s="103">
        <v>1</v>
      </c>
      <c r="ED29" s="104">
        <v>1</v>
      </c>
      <c r="EE29" s="101">
        <v>0</v>
      </c>
      <c r="EF29" s="102">
        <v>3</v>
      </c>
      <c r="EG29" s="103">
        <v>3</v>
      </c>
      <c r="EH29" s="413">
        <v>0</v>
      </c>
      <c r="EI29" s="102">
        <v>0</v>
      </c>
      <c r="EJ29" s="102">
        <v>0</v>
      </c>
      <c r="EK29" s="102">
        <v>1</v>
      </c>
      <c r="EL29" s="102">
        <v>0</v>
      </c>
      <c r="EM29" s="102">
        <v>0</v>
      </c>
      <c r="EN29" s="103">
        <v>1</v>
      </c>
      <c r="EO29" s="104">
        <v>4</v>
      </c>
      <c r="EP29" s="101">
        <v>1</v>
      </c>
      <c r="EQ29" s="102">
        <v>1</v>
      </c>
      <c r="ER29" s="103">
        <v>2</v>
      </c>
      <c r="ES29" s="413">
        <v>0</v>
      </c>
      <c r="ET29" s="102">
        <v>2</v>
      </c>
      <c r="EU29" s="102">
        <v>1</v>
      </c>
      <c r="EV29" s="102">
        <v>0</v>
      </c>
      <c r="EW29" s="102">
        <v>0</v>
      </c>
      <c r="EX29" s="102">
        <v>0</v>
      </c>
      <c r="EY29" s="103">
        <v>3</v>
      </c>
      <c r="EZ29" s="104">
        <v>5</v>
      </c>
      <c r="FA29" s="101">
        <v>1</v>
      </c>
      <c r="FB29" s="102">
        <v>0</v>
      </c>
      <c r="FC29" s="103">
        <v>1</v>
      </c>
      <c r="FD29" s="413">
        <v>0</v>
      </c>
      <c r="FE29" s="102">
        <v>1</v>
      </c>
      <c r="FF29" s="102">
        <v>2</v>
      </c>
      <c r="FG29" s="102">
        <v>1</v>
      </c>
      <c r="FH29" s="102">
        <v>1</v>
      </c>
      <c r="FI29" s="102">
        <v>0</v>
      </c>
      <c r="FJ29" s="103">
        <v>5</v>
      </c>
      <c r="FK29" s="104">
        <v>6</v>
      </c>
      <c r="FL29" s="101">
        <v>0</v>
      </c>
      <c r="FM29" s="102">
        <v>2</v>
      </c>
      <c r="FN29" s="103">
        <v>2</v>
      </c>
      <c r="FO29" s="413">
        <v>0</v>
      </c>
      <c r="FP29" s="102">
        <v>3</v>
      </c>
      <c r="FQ29" s="102">
        <v>2</v>
      </c>
      <c r="FR29" s="102">
        <v>3</v>
      </c>
      <c r="FS29" s="102">
        <v>0</v>
      </c>
      <c r="FT29" s="102">
        <v>1</v>
      </c>
      <c r="FU29" s="103">
        <v>9</v>
      </c>
      <c r="FV29" s="104">
        <v>11</v>
      </c>
      <c r="FW29" s="101">
        <v>0</v>
      </c>
      <c r="FX29" s="102">
        <v>0</v>
      </c>
      <c r="FY29" s="103">
        <v>0</v>
      </c>
      <c r="FZ29" s="413">
        <v>0</v>
      </c>
      <c r="GA29" s="102">
        <v>0</v>
      </c>
      <c r="GB29" s="102">
        <v>0</v>
      </c>
      <c r="GC29" s="102">
        <v>0</v>
      </c>
      <c r="GD29" s="102">
        <v>0</v>
      </c>
      <c r="GE29" s="102">
        <v>0</v>
      </c>
      <c r="GF29" s="103">
        <v>0</v>
      </c>
      <c r="GG29" s="104">
        <v>0</v>
      </c>
      <c r="GH29" s="101">
        <v>2</v>
      </c>
      <c r="GI29" s="102">
        <v>6</v>
      </c>
      <c r="GJ29" s="103">
        <v>8</v>
      </c>
      <c r="GK29" s="413">
        <v>0</v>
      </c>
      <c r="GL29" s="102">
        <v>6</v>
      </c>
      <c r="GM29" s="102">
        <v>5</v>
      </c>
      <c r="GN29" s="102">
        <v>5</v>
      </c>
      <c r="GO29" s="102">
        <v>1</v>
      </c>
      <c r="GP29" s="102">
        <v>2</v>
      </c>
      <c r="GQ29" s="103">
        <v>19</v>
      </c>
      <c r="GR29" s="104">
        <v>27</v>
      </c>
      <c r="GS29" s="105">
        <v>18</v>
      </c>
      <c r="GT29" s="97">
        <v>17</v>
      </c>
      <c r="GU29" s="98">
        <v>35</v>
      </c>
      <c r="GV29" s="413">
        <v>0</v>
      </c>
      <c r="GW29" s="97">
        <v>26</v>
      </c>
      <c r="GX29" s="97">
        <v>25</v>
      </c>
      <c r="GY29" s="97">
        <v>15</v>
      </c>
      <c r="GZ29" s="97">
        <v>3</v>
      </c>
      <c r="HA29" s="97">
        <v>9</v>
      </c>
      <c r="HB29" s="99">
        <v>78</v>
      </c>
      <c r="HC29" s="100">
        <v>113</v>
      </c>
      <c r="HD29" s="101">
        <v>0</v>
      </c>
      <c r="HE29" s="102">
        <v>0</v>
      </c>
      <c r="HF29" s="103">
        <v>0</v>
      </c>
      <c r="HG29" s="413">
        <v>0</v>
      </c>
      <c r="HH29" s="102">
        <v>0</v>
      </c>
      <c r="HI29" s="102">
        <v>0</v>
      </c>
      <c r="HJ29" s="102">
        <v>0</v>
      </c>
      <c r="HK29" s="102">
        <v>0</v>
      </c>
      <c r="HL29" s="102">
        <v>0</v>
      </c>
      <c r="HM29" s="103">
        <v>0</v>
      </c>
      <c r="HN29" s="104">
        <v>0</v>
      </c>
      <c r="HO29" s="101">
        <v>1</v>
      </c>
      <c r="HP29" s="102">
        <v>0</v>
      </c>
      <c r="HQ29" s="103">
        <v>1</v>
      </c>
      <c r="HR29" s="413">
        <v>0</v>
      </c>
      <c r="HS29" s="102">
        <v>2</v>
      </c>
      <c r="HT29" s="102">
        <v>2</v>
      </c>
      <c r="HU29" s="102">
        <v>0</v>
      </c>
      <c r="HV29" s="102">
        <v>0</v>
      </c>
      <c r="HW29" s="102">
        <v>1</v>
      </c>
      <c r="HX29" s="103">
        <v>5</v>
      </c>
      <c r="HY29" s="104">
        <v>6</v>
      </c>
      <c r="HZ29" s="101">
        <v>2</v>
      </c>
      <c r="IA29" s="102">
        <v>5</v>
      </c>
      <c r="IB29" s="103">
        <v>7</v>
      </c>
      <c r="IC29" s="413">
        <v>0</v>
      </c>
      <c r="ID29" s="102">
        <v>3</v>
      </c>
      <c r="IE29" s="102">
        <v>3</v>
      </c>
      <c r="IF29" s="102">
        <v>1</v>
      </c>
      <c r="IG29" s="102">
        <v>0</v>
      </c>
      <c r="IH29" s="102">
        <v>2</v>
      </c>
      <c r="II29" s="103">
        <v>9</v>
      </c>
      <c r="IJ29" s="104">
        <v>16</v>
      </c>
      <c r="IK29" s="101">
        <v>2</v>
      </c>
      <c r="IL29" s="102">
        <v>5</v>
      </c>
      <c r="IM29" s="103">
        <v>7</v>
      </c>
      <c r="IN29" s="413">
        <v>0</v>
      </c>
      <c r="IO29" s="102">
        <v>5</v>
      </c>
      <c r="IP29" s="102">
        <v>5</v>
      </c>
      <c r="IQ29" s="102">
        <v>3</v>
      </c>
      <c r="IR29" s="102">
        <v>0</v>
      </c>
      <c r="IS29" s="102">
        <v>2</v>
      </c>
      <c r="IT29" s="103">
        <v>15</v>
      </c>
      <c r="IU29" s="104">
        <v>22</v>
      </c>
      <c r="IV29" s="101">
        <v>9</v>
      </c>
      <c r="IW29" s="102">
        <v>1</v>
      </c>
      <c r="IX29" s="103">
        <v>10</v>
      </c>
      <c r="IY29" s="413">
        <v>0</v>
      </c>
      <c r="IZ29" s="102">
        <v>7</v>
      </c>
      <c r="JA29" s="102">
        <v>8</v>
      </c>
      <c r="JB29" s="102">
        <v>5</v>
      </c>
      <c r="JC29" s="102">
        <v>1</v>
      </c>
      <c r="JD29" s="102">
        <v>2</v>
      </c>
      <c r="JE29" s="103">
        <v>23</v>
      </c>
      <c r="JF29" s="104">
        <v>33</v>
      </c>
      <c r="JG29" s="101">
        <v>4</v>
      </c>
      <c r="JH29" s="102">
        <v>6</v>
      </c>
      <c r="JI29" s="103">
        <v>10</v>
      </c>
      <c r="JJ29" s="413">
        <v>0</v>
      </c>
      <c r="JK29" s="102">
        <v>9</v>
      </c>
      <c r="JL29" s="102">
        <v>7</v>
      </c>
      <c r="JM29" s="102">
        <v>6</v>
      </c>
      <c r="JN29" s="102">
        <v>2</v>
      </c>
      <c r="JO29" s="102">
        <v>2</v>
      </c>
      <c r="JP29" s="103">
        <v>26</v>
      </c>
      <c r="JQ29" s="104">
        <v>36</v>
      </c>
      <c r="JR29" s="101">
        <v>0</v>
      </c>
      <c r="JS29" s="102">
        <v>0</v>
      </c>
      <c r="JT29" s="103">
        <v>0</v>
      </c>
      <c r="JU29" s="413">
        <v>0</v>
      </c>
      <c r="JV29" s="102">
        <v>0</v>
      </c>
      <c r="JW29" s="102">
        <v>0</v>
      </c>
      <c r="JX29" s="102">
        <v>0</v>
      </c>
      <c r="JY29" s="102">
        <v>0</v>
      </c>
      <c r="JZ29" s="102">
        <v>0</v>
      </c>
      <c r="KA29" s="103">
        <v>0</v>
      </c>
      <c r="KB29" s="104">
        <v>0</v>
      </c>
      <c r="KC29" s="101">
        <v>18</v>
      </c>
      <c r="KD29" s="102">
        <v>17</v>
      </c>
      <c r="KE29" s="103">
        <v>35</v>
      </c>
      <c r="KF29" s="413">
        <v>0</v>
      </c>
      <c r="KG29" s="102">
        <v>26</v>
      </c>
      <c r="KH29" s="102">
        <v>25</v>
      </c>
      <c r="KI29" s="102">
        <v>15</v>
      </c>
      <c r="KJ29" s="102">
        <v>3</v>
      </c>
      <c r="KK29" s="102">
        <v>9</v>
      </c>
      <c r="KL29" s="103">
        <v>78</v>
      </c>
      <c r="KM29" s="104">
        <v>113</v>
      </c>
    </row>
    <row r="30" spans="2:299" s="70" customFormat="1" ht="21" customHeight="1" x14ac:dyDescent="0.2">
      <c r="B30" s="106" t="s">
        <v>27</v>
      </c>
      <c r="C30" s="96">
        <v>13</v>
      </c>
      <c r="D30" s="97">
        <v>22</v>
      </c>
      <c r="E30" s="98">
        <v>35</v>
      </c>
      <c r="F30" s="413">
        <v>0</v>
      </c>
      <c r="G30" s="97">
        <v>18</v>
      </c>
      <c r="H30" s="97">
        <v>12</v>
      </c>
      <c r="I30" s="97">
        <v>8</v>
      </c>
      <c r="J30" s="97">
        <v>10</v>
      </c>
      <c r="K30" s="97">
        <v>5</v>
      </c>
      <c r="L30" s="99">
        <v>53</v>
      </c>
      <c r="M30" s="100">
        <v>88</v>
      </c>
      <c r="N30" s="101">
        <v>0</v>
      </c>
      <c r="O30" s="102">
        <v>2</v>
      </c>
      <c r="P30" s="103">
        <v>2</v>
      </c>
      <c r="Q30" s="413">
        <v>0</v>
      </c>
      <c r="R30" s="102">
        <v>1</v>
      </c>
      <c r="S30" s="102">
        <v>0</v>
      </c>
      <c r="T30" s="102">
        <v>0</v>
      </c>
      <c r="U30" s="102">
        <v>1</v>
      </c>
      <c r="V30" s="102">
        <v>0</v>
      </c>
      <c r="W30" s="103">
        <v>2</v>
      </c>
      <c r="X30" s="104">
        <v>4</v>
      </c>
      <c r="Y30" s="101">
        <v>0</v>
      </c>
      <c r="Z30" s="102">
        <v>3</v>
      </c>
      <c r="AA30" s="103">
        <v>3</v>
      </c>
      <c r="AB30" s="413">
        <v>0</v>
      </c>
      <c r="AC30" s="102">
        <v>0</v>
      </c>
      <c r="AD30" s="102">
        <v>1</v>
      </c>
      <c r="AE30" s="102">
        <v>1</v>
      </c>
      <c r="AF30" s="102">
        <v>1</v>
      </c>
      <c r="AG30" s="102">
        <v>1</v>
      </c>
      <c r="AH30" s="103">
        <v>4</v>
      </c>
      <c r="AI30" s="104">
        <v>7</v>
      </c>
      <c r="AJ30" s="101">
        <v>0</v>
      </c>
      <c r="AK30" s="102">
        <v>4</v>
      </c>
      <c r="AL30" s="103">
        <v>4</v>
      </c>
      <c r="AM30" s="413">
        <v>0</v>
      </c>
      <c r="AN30" s="102">
        <v>1</v>
      </c>
      <c r="AO30" s="102">
        <v>2</v>
      </c>
      <c r="AP30" s="102">
        <v>0</v>
      </c>
      <c r="AQ30" s="102">
        <v>1</v>
      </c>
      <c r="AR30" s="102">
        <v>1</v>
      </c>
      <c r="AS30" s="103">
        <v>5</v>
      </c>
      <c r="AT30" s="104">
        <v>9</v>
      </c>
      <c r="AU30" s="101">
        <v>3</v>
      </c>
      <c r="AV30" s="102">
        <v>6</v>
      </c>
      <c r="AW30" s="103">
        <v>9</v>
      </c>
      <c r="AX30" s="413">
        <v>0</v>
      </c>
      <c r="AY30" s="102">
        <v>4</v>
      </c>
      <c r="AZ30" s="102">
        <v>3</v>
      </c>
      <c r="BA30" s="102">
        <v>3</v>
      </c>
      <c r="BB30" s="102">
        <v>2</v>
      </c>
      <c r="BC30" s="102">
        <v>1</v>
      </c>
      <c r="BD30" s="103">
        <v>13</v>
      </c>
      <c r="BE30" s="104">
        <v>22</v>
      </c>
      <c r="BF30" s="101">
        <v>7</v>
      </c>
      <c r="BG30" s="102">
        <v>3</v>
      </c>
      <c r="BH30" s="103">
        <v>10</v>
      </c>
      <c r="BI30" s="413">
        <v>0</v>
      </c>
      <c r="BJ30" s="102">
        <v>6</v>
      </c>
      <c r="BK30" s="102">
        <v>2</v>
      </c>
      <c r="BL30" s="102">
        <v>2</v>
      </c>
      <c r="BM30" s="102">
        <v>2</v>
      </c>
      <c r="BN30" s="102">
        <v>1</v>
      </c>
      <c r="BO30" s="103">
        <v>13</v>
      </c>
      <c r="BP30" s="104">
        <v>23</v>
      </c>
      <c r="BQ30" s="101">
        <v>3</v>
      </c>
      <c r="BR30" s="102">
        <v>4</v>
      </c>
      <c r="BS30" s="103">
        <v>7</v>
      </c>
      <c r="BT30" s="413">
        <v>0</v>
      </c>
      <c r="BU30" s="102">
        <v>6</v>
      </c>
      <c r="BV30" s="102">
        <v>4</v>
      </c>
      <c r="BW30" s="102">
        <v>2</v>
      </c>
      <c r="BX30" s="102">
        <v>3</v>
      </c>
      <c r="BY30" s="102">
        <v>1</v>
      </c>
      <c r="BZ30" s="103">
        <v>16</v>
      </c>
      <c r="CA30" s="104">
        <v>23</v>
      </c>
      <c r="CB30" s="101">
        <v>0</v>
      </c>
      <c r="CC30" s="102">
        <v>0</v>
      </c>
      <c r="CD30" s="103">
        <v>0</v>
      </c>
      <c r="CE30" s="413">
        <v>0</v>
      </c>
      <c r="CF30" s="102">
        <v>0</v>
      </c>
      <c r="CG30" s="102">
        <v>0</v>
      </c>
      <c r="CH30" s="102">
        <v>0</v>
      </c>
      <c r="CI30" s="102">
        <v>0</v>
      </c>
      <c r="CJ30" s="102">
        <v>0</v>
      </c>
      <c r="CK30" s="103">
        <v>0</v>
      </c>
      <c r="CL30" s="104">
        <v>0</v>
      </c>
      <c r="CM30" s="101">
        <v>13</v>
      </c>
      <c r="CN30" s="102">
        <v>22</v>
      </c>
      <c r="CO30" s="103">
        <v>35</v>
      </c>
      <c r="CP30" s="413">
        <v>0</v>
      </c>
      <c r="CQ30" s="102">
        <v>18</v>
      </c>
      <c r="CR30" s="102">
        <v>12</v>
      </c>
      <c r="CS30" s="102">
        <v>8</v>
      </c>
      <c r="CT30" s="102">
        <v>10</v>
      </c>
      <c r="CU30" s="102">
        <v>5</v>
      </c>
      <c r="CV30" s="103">
        <v>53</v>
      </c>
      <c r="CW30" s="104">
        <v>88</v>
      </c>
      <c r="CX30" s="105">
        <v>4</v>
      </c>
      <c r="CY30" s="97">
        <v>2</v>
      </c>
      <c r="CZ30" s="98">
        <v>6</v>
      </c>
      <c r="DA30" s="413">
        <v>0</v>
      </c>
      <c r="DB30" s="97">
        <v>6</v>
      </c>
      <c r="DC30" s="97">
        <v>3</v>
      </c>
      <c r="DD30" s="97">
        <v>6</v>
      </c>
      <c r="DE30" s="97">
        <v>2</v>
      </c>
      <c r="DF30" s="97">
        <v>2</v>
      </c>
      <c r="DG30" s="99">
        <v>19</v>
      </c>
      <c r="DH30" s="100">
        <v>25</v>
      </c>
      <c r="DI30" s="101">
        <v>0</v>
      </c>
      <c r="DJ30" s="102">
        <v>0</v>
      </c>
      <c r="DK30" s="103">
        <v>0</v>
      </c>
      <c r="DL30" s="413">
        <v>0</v>
      </c>
      <c r="DM30" s="102">
        <v>0</v>
      </c>
      <c r="DN30" s="102">
        <v>0</v>
      </c>
      <c r="DO30" s="102">
        <v>0</v>
      </c>
      <c r="DP30" s="102">
        <v>0</v>
      </c>
      <c r="DQ30" s="102">
        <v>0</v>
      </c>
      <c r="DR30" s="103">
        <v>0</v>
      </c>
      <c r="DS30" s="104">
        <v>0</v>
      </c>
      <c r="DT30" s="101">
        <v>0</v>
      </c>
      <c r="DU30" s="102">
        <v>0</v>
      </c>
      <c r="DV30" s="103">
        <v>0</v>
      </c>
      <c r="DW30" s="413">
        <v>0</v>
      </c>
      <c r="DX30" s="102">
        <v>1</v>
      </c>
      <c r="DY30" s="102">
        <v>0</v>
      </c>
      <c r="DZ30" s="102">
        <v>0</v>
      </c>
      <c r="EA30" s="102">
        <v>0</v>
      </c>
      <c r="EB30" s="102">
        <v>0</v>
      </c>
      <c r="EC30" s="103">
        <v>1</v>
      </c>
      <c r="ED30" s="104">
        <v>1</v>
      </c>
      <c r="EE30" s="101">
        <v>1</v>
      </c>
      <c r="EF30" s="102">
        <v>0</v>
      </c>
      <c r="EG30" s="103">
        <v>1</v>
      </c>
      <c r="EH30" s="413">
        <v>0</v>
      </c>
      <c r="EI30" s="102">
        <v>0</v>
      </c>
      <c r="EJ30" s="102">
        <v>0</v>
      </c>
      <c r="EK30" s="102">
        <v>0</v>
      </c>
      <c r="EL30" s="102">
        <v>0</v>
      </c>
      <c r="EM30" s="102">
        <v>0</v>
      </c>
      <c r="EN30" s="103">
        <v>0</v>
      </c>
      <c r="EO30" s="104">
        <v>1</v>
      </c>
      <c r="EP30" s="101">
        <v>3</v>
      </c>
      <c r="EQ30" s="102">
        <v>0</v>
      </c>
      <c r="ER30" s="103">
        <v>3</v>
      </c>
      <c r="ES30" s="413">
        <v>0</v>
      </c>
      <c r="ET30" s="102">
        <v>0</v>
      </c>
      <c r="EU30" s="102">
        <v>3</v>
      </c>
      <c r="EV30" s="102">
        <v>1</v>
      </c>
      <c r="EW30" s="102">
        <v>1</v>
      </c>
      <c r="EX30" s="102">
        <v>0</v>
      </c>
      <c r="EY30" s="103">
        <v>5</v>
      </c>
      <c r="EZ30" s="104">
        <v>8</v>
      </c>
      <c r="FA30" s="101">
        <v>0</v>
      </c>
      <c r="FB30" s="102">
        <v>1</v>
      </c>
      <c r="FC30" s="103">
        <v>1</v>
      </c>
      <c r="FD30" s="413">
        <v>0</v>
      </c>
      <c r="FE30" s="102">
        <v>2</v>
      </c>
      <c r="FF30" s="102">
        <v>0</v>
      </c>
      <c r="FG30" s="102">
        <v>1</v>
      </c>
      <c r="FH30" s="102">
        <v>1</v>
      </c>
      <c r="FI30" s="102">
        <v>0</v>
      </c>
      <c r="FJ30" s="103">
        <v>4</v>
      </c>
      <c r="FK30" s="104">
        <v>5</v>
      </c>
      <c r="FL30" s="101">
        <v>0</v>
      </c>
      <c r="FM30" s="102">
        <v>1</v>
      </c>
      <c r="FN30" s="103">
        <v>1</v>
      </c>
      <c r="FO30" s="413">
        <v>0</v>
      </c>
      <c r="FP30" s="102">
        <v>3</v>
      </c>
      <c r="FQ30" s="102">
        <v>0</v>
      </c>
      <c r="FR30" s="102">
        <v>4</v>
      </c>
      <c r="FS30" s="102">
        <v>0</v>
      </c>
      <c r="FT30" s="102">
        <v>2</v>
      </c>
      <c r="FU30" s="103">
        <v>9</v>
      </c>
      <c r="FV30" s="104">
        <v>10</v>
      </c>
      <c r="FW30" s="101">
        <v>0</v>
      </c>
      <c r="FX30" s="102">
        <v>0</v>
      </c>
      <c r="FY30" s="103">
        <v>0</v>
      </c>
      <c r="FZ30" s="413">
        <v>0</v>
      </c>
      <c r="GA30" s="102">
        <v>0</v>
      </c>
      <c r="GB30" s="102">
        <v>0</v>
      </c>
      <c r="GC30" s="102">
        <v>0</v>
      </c>
      <c r="GD30" s="102">
        <v>0</v>
      </c>
      <c r="GE30" s="102">
        <v>0</v>
      </c>
      <c r="GF30" s="103">
        <v>0</v>
      </c>
      <c r="GG30" s="104">
        <v>0</v>
      </c>
      <c r="GH30" s="101">
        <v>4</v>
      </c>
      <c r="GI30" s="102">
        <v>2</v>
      </c>
      <c r="GJ30" s="103">
        <v>6</v>
      </c>
      <c r="GK30" s="413">
        <v>0</v>
      </c>
      <c r="GL30" s="102">
        <v>6</v>
      </c>
      <c r="GM30" s="102">
        <v>3</v>
      </c>
      <c r="GN30" s="102">
        <v>6</v>
      </c>
      <c r="GO30" s="102">
        <v>2</v>
      </c>
      <c r="GP30" s="102">
        <v>2</v>
      </c>
      <c r="GQ30" s="103">
        <v>19</v>
      </c>
      <c r="GR30" s="104">
        <v>25</v>
      </c>
      <c r="GS30" s="105">
        <v>17</v>
      </c>
      <c r="GT30" s="97">
        <v>24</v>
      </c>
      <c r="GU30" s="98">
        <v>41</v>
      </c>
      <c r="GV30" s="413">
        <v>0</v>
      </c>
      <c r="GW30" s="97">
        <v>24</v>
      </c>
      <c r="GX30" s="97">
        <v>15</v>
      </c>
      <c r="GY30" s="97">
        <v>14</v>
      </c>
      <c r="GZ30" s="97">
        <v>12</v>
      </c>
      <c r="HA30" s="97">
        <v>7</v>
      </c>
      <c r="HB30" s="99">
        <v>72</v>
      </c>
      <c r="HC30" s="100">
        <v>113</v>
      </c>
      <c r="HD30" s="101">
        <v>0</v>
      </c>
      <c r="HE30" s="102">
        <v>2</v>
      </c>
      <c r="HF30" s="103">
        <v>2</v>
      </c>
      <c r="HG30" s="413">
        <v>0</v>
      </c>
      <c r="HH30" s="102">
        <v>1</v>
      </c>
      <c r="HI30" s="102">
        <v>0</v>
      </c>
      <c r="HJ30" s="102">
        <v>0</v>
      </c>
      <c r="HK30" s="102">
        <v>1</v>
      </c>
      <c r="HL30" s="102">
        <v>0</v>
      </c>
      <c r="HM30" s="103">
        <v>2</v>
      </c>
      <c r="HN30" s="104">
        <v>4</v>
      </c>
      <c r="HO30" s="101">
        <v>0</v>
      </c>
      <c r="HP30" s="102">
        <v>3</v>
      </c>
      <c r="HQ30" s="103">
        <v>3</v>
      </c>
      <c r="HR30" s="413">
        <v>0</v>
      </c>
      <c r="HS30" s="102">
        <v>1</v>
      </c>
      <c r="HT30" s="102">
        <v>1</v>
      </c>
      <c r="HU30" s="102">
        <v>1</v>
      </c>
      <c r="HV30" s="102">
        <v>1</v>
      </c>
      <c r="HW30" s="102">
        <v>1</v>
      </c>
      <c r="HX30" s="103">
        <v>5</v>
      </c>
      <c r="HY30" s="104">
        <v>8</v>
      </c>
      <c r="HZ30" s="101">
        <v>1</v>
      </c>
      <c r="IA30" s="102">
        <v>4</v>
      </c>
      <c r="IB30" s="103">
        <v>5</v>
      </c>
      <c r="IC30" s="413">
        <v>0</v>
      </c>
      <c r="ID30" s="102">
        <v>1</v>
      </c>
      <c r="IE30" s="102">
        <v>2</v>
      </c>
      <c r="IF30" s="102">
        <v>0</v>
      </c>
      <c r="IG30" s="102">
        <v>1</v>
      </c>
      <c r="IH30" s="102">
        <v>1</v>
      </c>
      <c r="II30" s="103">
        <v>5</v>
      </c>
      <c r="IJ30" s="104">
        <v>10</v>
      </c>
      <c r="IK30" s="101">
        <v>6</v>
      </c>
      <c r="IL30" s="102">
        <v>6</v>
      </c>
      <c r="IM30" s="103">
        <v>12</v>
      </c>
      <c r="IN30" s="413">
        <v>0</v>
      </c>
      <c r="IO30" s="102">
        <v>4</v>
      </c>
      <c r="IP30" s="102">
        <v>6</v>
      </c>
      <c r="IQ30" s="102">
        <v>4</v>
      </c>
      <c r="IR30" s="102">
        <v>3</v>
      </c>
      <c r="IS30" s="102">
        <v>1</v>
      </c>
      <c r="IT30" s="103">
        <v>18</v>
      </c>
      <c r="IU30" s="104">
        <v>30</v>
      </c>
      <c r="IV30" s="101">
        <v>7</v>
      </c>
      <c r="IW30" s="102">
        <v>4</v>
      </c>
      <c r="IX30" s="103">
        <v>11</v>
      </c>
      <c r="IY30" s="413">
        <v>0</v>
      </c>
      <c r="IZ30" s="102">
        <v>8</v>
      </c>
      <c r="JA30" s="102">
        <v>2</v>
      </c>
      <c r="JB30" s="102">
        <v>3</v>
      </c>
      <c r="JC30" s="102">
        <v>3</v>
      </c>
      <c r="JD30" s="102">
        <v>1</v>
      </c>
      <c r="JE30" s="103">
        <v>17</v>
      </c>
      <c r="JF30" s="104">
        <v>28</v>
      </c>
      <c r="JG30" s="101">
        <v>3</v>
      </c>
      <c r="JH30" s="102">
        <v>5</v>
      </c>
      <c r="JI30" s="103">
        <v>8</v>
      </c>
      <c r="JJ30" s="413">
        <v>0</v>
      </c>
      <c r="JK30" s="102">
        <v>9</v>
      </c>
      <c r="JL30" s="102">
        <v>4</v>
      </c>
      <c r="JM30" s="102">
        <v>6</v>
      </c>
      <c r="JN30" s="102">
        <v>3</v>
      </c>
      <c r="JO30" s="102">
        <v>3</v>
      </c>
      <c r="JP30" s="103">
        <v>25</v>
      </c>
      <c r="JQ30" s="104">
        <v>33</v>
      </c>
      <c r="JR30" s="101">
        <v>0</v>
      </c>
      <c r="JS30" s="102">
        <v>0</v>
      </c>
      <c r="JT30" s="103">
        <v>0</v>
      </c>
      <c r="JU30" s="413">
        <v>0</v>
      </c>
      <c r="JV30" s="102">
        <v>0</v>
      </c>
      <c r="JW30" s="102">
        <v>0</v>
      </c>
      <c r="JX30" s="102">
        <v>0</v>
      </c>
      <c r="JY30" s="102">
        <v>0</v>
      </c>
      <c r="JZ30" s="102">
        <v>0</v>
      </c>
      <c r="KA30" s="103">
        <v>0</v>
      </c>
      <c r="KB30" s="104">
        <v>0</v>
      </c>
      <c r="KC30" s="101">
        <v>17</v>
      </c>
      <c r="KD30" s="102">
        <v>24</v>
      </c>
      <c r="KE30" s="103">
        <v>41</v>
      </c>
      <c r="KF30" s="413">
        <v>0</v>
      </c>
      <c r="KG30" s="102">
        <v>24</v>
      </c>
      <c r="KH30" s="102">
        <v>15</v>
      </c>
      <c r="KI30" s="102">
        <v>14</v>
      </c>
      <c r="KJ30" s="102">
        <v>12</v>
      </c>
      <c r="KK30" s="102">
        <v>7</v>
      </c>
      <c r="KL30" s="103">
        <v>72</v>
      </c>
      <c r="KM30" s="104">
        <v>113</v>
      </c>
    </row>
    <row r="31" spans="2:299" s="70" customFormat="1" ht="21" customHeight="1" x14ac:dyDescent="0.2">
      <c r="B31" s="106" t="s">
        <v>28</v>
      </c>
      <c r="C31" s="96">
        <v>0</v>
      </c>
      <c r="D31" s="97">
        <v>3</v>
      </c>
      <c r="E31" s="98">
        <v>3</v>
      </c>
      <c r="F31" s="413">
        <v>0</v>
      </c>
      <c r="G31" s="97">
        <v>6</v>
      </c>
      <c r="H31" s="97">
        <v>4</v>
      </c>
      <c r="I31" s="97">
        <v>5</v>
      </c>
      <c r="J31" s="97">
        <v>2</v>
      </c>
      <c r="K31" s="97">
        <v>1</v>
      </c>
      <c r="L31" s="99">
        <v>18</v>
      </c>
      <c r="M31" s="100">
        <v>21</v>
      </c>
      <c r="N31" s="101">
        <v>0</v>
      </c>
      <c r="O31" s="102">
        <v>1</v>
      </c>
      <c r="P31" s="103">
        <v>1</v>
      </c>
      <c r="Q31" s="413">
        <v>0</v>
      </c>
      <c r="R31" s="102">
        <v>1</v>
      </c>
      <c r="S31" s="102">
        <v>1</v>
      </c>
      <c r="T31" s="102">
        <v>0</v>
      </c>
      <c r="U31" s="102">
        <v>0</v>
      </c>
      <c r="V31" s="102">
        <v>0</v>
      </c>
      <c r="W31" s="103">
        <v>2</v>
      </c>
      <c r="X31" s="104">
        <v>3</v>
      </c>
      <c r="Y31" s="101">
        <v>0</v>
      </c>
      <c r="Z31" s="102">
        <v>1</v>
      </c>
      <c r="AA31" s="103">
        <v>1</v>
      </c>
      <c r="AB31" s="413">
        <v>0</v>
      </c>
      <c r="AC31" s="102">
        <v>1</v>
      </c>
      <c r="AD31" s="102">
        <v>1</v>
      </c>
      <c r="AE31" s="102">
        <v>1</v>
      </c>
      <c r="AF31" s="102">
        <v>0</v>
      </c>
      <c r="AG31" s="102">
        <v>0</v>
      </c>
      <c r="AH31" s="103">
        <v>3</v>
      </c>
      <c r="AI31" s="104">
        <v>4</v>
      </c>
      <c r="AJ31" s="101">
        <v>0</v>
      </c>
      <c r="AK31" s="102">
        <v>0</v>
      </c>
      <c r="AL31" s="103">
        <v>0</v>
      </c>
      <c r="AM31" s="413">
        <v>0</v>
      </c>
      <c r="AN31" s="102">
        <v>1</v>
      </c>
      <c r="AO31" s="102">
        <v>1</v>
      </c>
      <c r="AP31" s="102">
        <v>0</v>
      </c>
      <c r="AQ31" s="102">
        <v>0</v>
      </c>
      <c r="AR31" s="102">
        <v>0</v>
      </c>
      <c r="AS31" s="103">
        <v>2</v>
      </c>
      <c r="AT31" s="104">
        <v>2</v>
      </c>
      <c r="AU31" s="101">
        <v>0</v>
      </c>
      <c r="AV31" s="102">
        <v>0</v>
      </c>
      <c r="AW31" s="103">
        <v>0</v>
      </c>
      <c r="AX31" s="413">
        <v>0</v>
      </c>
      <c r="AY31" s="102">
        <v>1</v>
      </c>
      <c r="AZ31" s="102">
        <v>1</v>
      </c>
      <c r="BA31" s="102">
        <v>2</v>
      </c>
      <c r="BB31" s="102">
        <v>0</v>
      </c>
      <c r="BC31" s="102">
        <v>0</v>
      </c>
      <c r="BD31" s="103">
        <v>4</v>
      </c>
      <c r="BE31" s="104">
        <v>4</v>
      </c>
      <c r="BF31" s="101">
        <v>0</v>
      </c>
      <c r="BG31" s="102">
        <v>1</v>
      </c>
      <c r="BH31" s="103">
        <v>1</v>
      </c>
      <c r="BI31" s="413">
        <v>0</v>
      </c>
      <c r="BJ31" s="102">
        <v>1</v>
      </c>
      <c r="BK31" s="102">
        <v>0</v>
      </c>
      <c r="BL31" s="102">
        <v>1</v>
      </c>
      <c r="BM31" s="102">
        <v>1</v>
      </c>
      <c r="BN31" s="102">
        <v>0</v>
      </c>
      <c r="BO31" s="103">
        <v>3</v>
      </c>
      <c r="BP31" s="104">
        <v>4</v>
      </c>
      <c r="BQ31" s="101">
        <v>0</v>
      </c>
      <c r="BR31" s="102">
        <v>0</v>
      </c>
      <c r="BS31" s="103">
        <v>0</v>
      </c>
      <c r="BT31" s="413">
        <v>0</v>
      </c>
      <c r="BU31" s="102">
        <v>1</v>
      </c>
      <c r="BV31" s="102">
        <v>0</v>
      </c>
      <c r="BW31" s="102">
        <v>1</v>
      </c>
      <c r="BX31" s="102">
        <v>1</v>
      </c>
      <c r="BY31" s="102">
        <v>1</v>
      </c>
      <c r="BZ31" s="103">
        <v>4</v>
      </c>
      <c r="CA31" s="104">
        <v>4</v>
      </c>
      <c r="CB31" s="101">
        <v>0</v>
      </c>
      <c r="CC31" s="102">
        <v>0</v>
      </c>
      <c r="CD31" s="103">
        <v>0</v>
      </c>
      <c r="CE31" s="413">
        <v>0</v>
      </c>
      <c r="CF31" s="102">
        <v>0</v>
      </c>
      <c r="CG31" s="102">
        <v>0</v>
      </c>
      <c r="CH31" s="102">
        <v>0</v>
      </c>
      <c r="CI31" s="102">
        <v>0</v>
      </c>
      <c r="CJ31" s="102">
        <v>0</v>
      </c>
      <c r="CK31" s="103">
        <v>0</v>
      </c>
      <c r="CL31" s="104">
        <v>0</v>
      </c>
      <c r="CM31" s="101">
        <v>0</v>
      </c>
      <c r="CN31" s="102">
        <v>3</v>
      </c>
      <c r="CO31" s="103">
        <v>3</v>
      </c>
      <c r="CP31" s="413">
        <v>0</v>
      </c>
      <c r="CQ31" s="102">
        <v>6</v>
      </c>
      <c r="CR31" s="102">
        <v>4</v>
      </c>
      <c r="CS31" s="102">
        <v>5</v>
      </c>
      <c r="CT31" s="102">
        <v>2</v>
      </c>
      <c r="CU31" s="102">
        <v>1</v>
      </c>
      <c r="CV31" s="103">
        <v>18</v>
      </c>
      <c r="CW31" s="104">
        <v>21</v>
      </c>
      <c r="CX31" s="105">
        <v>0</v>
      </c>
      <c r="CY31" s="97">
        <v>1</v>
      </c>
      <c r="CZ31" s="98">
        <v>1</v>
      </c>
      <c r="DA31" s="413">
        <v>0</v>
      </c>
      <c r="DB31" s="97">
        <v>1</v>
      </c>
      <c r="DC31" s="97">
        <v>3</v>
      </c>
      <c r="DD31" s="97">
        <v>2</v>
      </c>
      <c r="DE31" s="97">
        <v>0</v>
      </c>
      <c r="DF31" s="97">
        <v>1</v>
      </c>
      <c r="DG31" s="99">
        <v>7</v>
      </c>
      <c r="DH31" s="100">
        <v>8</v>
      </c>
      <c r="DI31" s="101">
        <v>0</v>
      </c>
      <c r="DJ31" s="102">
        <v>0</v>
      </c>
      <c r="DK31" s="103">
        <v>0</v>
      </c>
      <c r="DL31" s="413">
        <v>0</v>
      </c>
      <c r="DM31" s="102">
        <v>0</v>
      </c>
      <c r="DN31" s="102">
        <v>0</v>
      </c>
      <c r="DO31" s="102">
        <v>0</v>
      </c>
      <c r="DP31" s="102">
        <v>0</v>
      </c>
      <c r="DQ31" s="102">
        <v>0</v>
      </c>
      <c r="DR31" s="103">
        <v>0</v>
      </c>
      <c r="DS31" s="104">
        <v>0</v>
      </c>
      <c r="DT31" s="101">
        <v>0</v>
      </c>
      <c r="DU31" s="102">
        <v>0</v>
      </c>
      <c r="DV31" s="103">
        <v>0</v>
      </c>
      <c r="DW31" s="413">
        <v>0</v>
      </c>
      <c r="DX31" s="102">
        <v>1</v>
      </c>
      <c r="DY31" s="102">
        <v>0</v>
      </c>
      <c r="DZ31" s="102">
        <v>1</v>
      </c>
      <c r="EA31" s="102">
        <v>0</v>
      </c>
      <c r="EB31" s="102">
        <v>0</v>
      </c>
      <c r="EC31" s="103">
        <v>2</v>
      </c>
      <c r="ED31" s="104">
        <v>2</v>
      </c>
      <c r="EE31" s="101">
        <v>0</v>
      </c>
      <c r="EF31" s="102">
        <v>0</v>
      </c>
      <c r="EG31" s="103">
        <v>0</v>
      </c>
      <c r="EH31" s="413">
        <v>0</v>
      </c>
      <c r="EI31" s="102">
        <v>0</v>
      </c>
      <c r="EJ31" s="102">
        <v>0</v>
      </c>
      <c r="EK31" s="102">
        <v>0</v>
      </c>
      <c r="EL31" s="102">
        <v>0</v>
      </c>
      <c r="EM31" s="102">
        <v>0</v>
      </c>
      <c r="EN31" s="103">
        <v>0</v>
      </c>
      <c r="EO31" s="104">
        <v>0</v>
      </c>
      <c r="EP31" s="101">
        <v>0</v>
      </c>
      <c r="EQ31" s="102">
        <v>0</v>
      </c>
      <c r="ER31" s="103">
        <v>0</v>
      </c>
      <c r="ES31" s="413">
        <v>0</v>
      </c>
      <c r="ET31" s="102">
        <v>0</v>
      </c>
      <c r="EU31" s="102">
        <v>0</v>
      </c>
      <c r="EV31" s="102">
        <v>0</v>
      </c>
      <c r="EW31" s="102">
        <v>0</v>
      </c>
      <c r="EX31" s="102">
        <v>0</v>
      </c>
      <c r="EY31" s="103">
        <v>0</v>
      </c>
      <c r="EZ31" s="104">
        <v>0</v>
      </c>
      <c r="FA31" s="101">
        <v>0</v>
      </c>
      <c r="FB31" s="102">
        <v>1</v>
      </c>
      <c r="FC31" s="103">
        <v>1</v>
      </c>
      <c r="FD31" s="413">
        <v>0</v>
      </c>
      <c r="FE31" s="102">
        <v>0</v>
      </c>
      <c r="FF31" s="102">
        <v>1</v>
      </c>
      <c r="FG31" s="102">
        <v>1</v>
      </c>
      <c r="FH31" s="102">
        <v>0</v>
      </c>
      <c r="FI31" s="102">
        <v>0</v>
      </c>
      <c r="FJ31" s="103">
        <v>2</v>
      </c>
      <c r="FK31" s="104">
        <v>3</v>
      </c>
      <c r="FL31" s="101">
        <v>0</v>
      </c>
      <c r="FM31" s="102">
        <v>0</v>
      </c>
      <c r="FN31" s="103">
        <v>0</v>
      </c>
      <c r="FO31" s="413">
        <v>0</v>
      </c>
      <c r="FP31" s="102">
        <v>0</v>
      </c>
      <c r="FQ31" s="102">
        <v>2</v>
      </c>
      <c r="FR31" s="102">
        <v>0</v>
      </c>
      <c r="FS31" s="102">
        <v>0</v>
      </c>
      <c r="FT31" s="102">
        <v>1</v>
      </c>
      <c r="FU31" s="103">
        <v>3</v>
      </c>
      <c r="FV31" s="104">
        <v>3</v>
      </c>
      <c r="FW31" s="101">
        <v>0</v>
      </c>
      <c r="FX31" s="102">
        <v>0</v>
      </c>
      <c r="FY31" s="103">
        <v>0</v>
      </c>
      <c r="FZ31" s="413">
        <v>0</v>
      </c>
      <c r="GA31" s="102">
        <v>0</v>
      </c>
      <c r="GB31" s="102">
        <v>0</v>
      </c>
      <c r="GC31" s="102">
        <v>0</v>
      </c>
      <c r="GD31" s="102">
        <v>0</v>
      </c>
      <c r="GE31" s="102">
        <v>0</v>
      </c>
      <c r="GF31" s="103">
        <v>0</v>
      </c>
      <c r="GG31" s="104">
        <v>0</v>
      </c>
      <c r="GH31" s="101">
        <v>0</v>
      </c>
      <c r="GI31" s="102">
        <v>1</v>
      </c>
      <c r="GJ31" s="103">
        <v>1</v>
      </c>
      <c r="GK31" s="413">
        <v>0</v>
      </c>
      <c r="GL31" s="102">
        <v>1</v>
      </c>
      <c r="GM31" s="102">
        <v>3</v>
      </c>
      <c r="GN31" s="102">
        <v>2</v>
      </c>
      <c r="GO31" s="102">
        <v>0</v>
      </c>
      <c r="GP31" s="102">
        <v>1</v>
      </c>
      <c r="GQ31" s="103">
        <v>7</v>
      </c>
      <c r="GR31" s="104">
        <v>8</v>
      </c>
      <c r="GS31" s="105">
        <v>0</v>
      </c>
      <c r="GT31" s="97">
        <v>4</v>
      </c>
      <c r="GU31" s="98">
        <v>4</v>
      </c>
      <c r="GV31" s="413">
        <v>0</v>
      </c>
      <c r="GW31" s="97">
        <v>7</v>
      </c>
      <c r="GX31" s="97">
        <v>7</v>
      </c>
      <c r="GY31" s="97">
        <v>7</v>
      </c>
      <c r="GZ31" s="97">
        <v>2</v>
      </c>
      <c r="HA31" s="97">
        <v>2</v>
      </c>
      <c r="HB31" s="99">
        <v>25</v>
      </c>
      <c r="HC31" s="100">
        <v>29</v>
      </c>
      <c r="HD31" s="101">
        <v>0</v>
      </c>
      <c r="HE31" s="102">
        <v>1</v>
      </c>
      <c r="HF31" s="103">
        <v>1</v>
      </c>
      <c r="HG31" s="413">
        <v>0</v>
      </c>
      <c r="HH31" s="102">
        <v>1</v>
      </c>
      <c r="HI31" s="102">
        <v>1</v>
      </c>
      <c r="HJ31" s="102">
        <v>0</v>
      </c>
      <c r="HK31" s="102">
        <v>0</v>
      </c>
      <c r="HL31" s="102">
        <v>0</v>
      </c>
      <c r="HM31" s="103">
        <v>2</v>
      </c>
      <c r="HN31" s="104">
        <v>3</v>
      </c>
      <c r="HO31" s="101">
        <v>0</v>
      </c>
      <c r="HP31" s="102">
        <v>1</v>
      </c>
      <c r="HQ31" s="103">
        <v>1</v>
      </c>
      <c r="HR31" s="413">
        <v>0</v>
      </c>
      <c r="HS31" s="102">
        <v>2</v>
      </c>
      <c r="HT31" s="102">
        <v>1</v>
      </c>
      <c r="HU31" s="102">
        <v>2</v>
      </c>
      <c r="HV31" s="102">
        <v>0</v>
      </c>
      <c r="HW31" s="102">
        <v>0</v>
      </c>
      <c r="HX31" s="103">
        <v>5</v>
      </c>
      <c r="HY31" s="104">
        <v>6</v>
      </c>
      <c r="HZ31" s="101">
        <v>0</v>
      </c>
      <c r="IA31" s="102">
        <v>0</v>
      </c>
      <c r="IB31" s="103">
        <v>0</v>
      </c>
      <c r="IC31" s="413">
        <v>0</v>
      </c>
      <c r="ID31" s="102">
        <v>1</v>
      </c>
      <c r="IE31" s="102">
        <v>1</v>
      </c>
      <c r="IF31" s="102">
        <v>0</v>
      </c>
      <c r="IG31" s="102">
        <v>0</v>
      </c>
      <c r="IH31" s="102">
        <v>0</v>
      </c>
      <c r="II31" s="103">
        <v>2</v>
      </c>
      <c r="IJ31" s="104">
        <v>2</v>
      </c>
      <c r="IK31" s="101">
        <v>0</v>
      </c>
      <c r="IL31" s="102">
        <v>0</v>
      </c>
      <c r="IM31" s="103">
        <v>0</v>
      </c>
      <c r="IN31" s="413">
        <v>0</v>
      </c>
      <c r="IO31" s="102">
        <v>1</v>
      </c>
      <c r="IP31" s="102">
        <v>1</v>
      </c>
      <c r="IQ31" s="102">
        <v>2</v>
      </c>
      <c r="IR31" s="102">
        <v>0</v>
      </c>
      <c r="IS31" s="102">
        <v>0</v>
      </c>
      <c r="IT31" s="103">
        <v>4</v>
      </c>
      <c r="IU31" s="104">
        <v>4</v>
      </c>
      <c r="IV31" s="101">
        <v>0</v>
      </c>
      <c r="IW31" s="102">
        <v>2</v>
      </c>
      <c r="IX31" s="103">
        <v>2</v>
      </c>
      <c r="IY31" s="413">
        <v>0</v>
      </c>
      <c r="IZ31" s="102">
        <v>1</v>
      </c>
      <c r="JA31" s="102">
        <v>1</v>
      </c>
      <c r="JB31" s="102">
        <v>2</v>
      </c>
      <c r="JC31" s="102">
        <v>1</v>
      </c>
      <c r="JD31" s="102">
        <v>0</v>
      </c>
      <c r="JE31" s="103">
        <v>5</v>
      </c>
      <c r="JF31" s="104">
        <v>7</v>
      </c>
      <c r="JG31" s="101">
        <v>0</v>
      </c>
      <c r="JH31" s="102">
        <v>0</v>
      </c>
      <c r="JI31" s="103">
        <v>0</v>
      </c>
      <c r="JJ31" s="413">
        <v>0</v>
      </c>
      <c r="JK31" s="102">
        <v>1</v>
      </c>
      <c r="JL31" s="102">
        <v>2</v>
      </c>
      <c r="JM31" s="102">
        <v>1</v>
      </c>
      <c r="JN31" s="102">
        <v>1</v>
      </c>
      <c r="JO31" s="102">
        <v>2</v>
      </c>
      <c r="JP31" s="103">
        <v>7</v>
      </c>
      <c r="JQ31" s="104">
        <v>7</v>
      </c>
      <c r="JR31" s="101">
        <v>0</v>
      </c>
      <c r="JS31" s="102">
        <v>0</v>
      </c>
      <c r="JT31" s="103">
        <v>0</v>
      </c>
      <c r="JU31" s="413">
        <v>0</v>
      </c>
      <c r="JV31" s="102">
        <v>0</v>
      </c>
      <c r="JW31" s="102">
        <v>0</v>
      </c>
      <c r="JX31" s="102">
        <v>0</v>
      </c>
      <c r="JY31" s="102">
        <v>0</v>
      </c>
      <c r="JZ31" s="102">
        <v>0</v>
      </c>
      <c r="KA31" s="103">
        <v>0</v>
      </c>
      <c r="KB31" s="104">
        <v>0</v>
      </c>
      <c r="KC31" s="101">
        <v>0</v>
      </c>
      <c r="KD31" s="102">
        <v>4</v>
      </c>
      <c r="KE31" s="103">
        <v>4</v>
      </c>
      <c r="KF31" s="413">
        <v>0</v>
      </c>
      <c r="KG31" s="102">
        <v>7</v>
      </c>
      <c r="KH31" s="102">
        <v>7</v>
      </c>
      <c r="KI31" s="102">
        <v>7</v>
      </c>
      <c r="KJ31" s="102">
        <v>2</v>
      </c>
      <c r="KK31" s="102">
        <v>2</v>
      </c>
      <c r="KL31" s="103">
        <v>25</v>
      </c>
      <c r="KM31" s="104">
        <v>29</v>
      </c>
    </row>
    <row r="32" spans="2:299" s="70" customFormat="1" ht="21" customHeight="1" x14ac:dyDescent="0.2">
      <c r="B32" s="106" t="s">
        <v>29</v>
      </c>
      <c r="C32" s="96">
        <v>4</v>
      </c>
      <c r="D32" s="97">
        <v>2</v>
      </c>
      <c r="E32" s="98">
        <v>6</v>
      </c>
      <c r="F32" s="413">
        <v>0</v>
      </c>
      <c r="G32" s="97">
        <v>7</v>
      </c>
      <c r="H32" s="97">
        <v>5</v>
      </c>
      <c r="I32" s="97">
        <v>3</v>
      </c>
      <c r="J32" s="97">
        <v>4</v>
      </c>
      <c r="K32" s="97">
        <v>3</v>
      </c>
      <c r="L32" s="99">
        <v>22</v>
      </c>
      <c r="M32" s="100">
        <v>28</v>
      </c>
      <c r="N32" s="101">
        <v>0</v>
      </c>
      <c r="O32" s="102">
        <v>0</v>
      </c>
      <c r="P32" s="103">
        <v>0</v>
      </c>
      <c r="Q32" s="413">
        <v>0</v>
      </c>
      <c r="R32" s="102">
        <v>0</v>
      </c>
      <c r="S32" s="102">
        <v>1</v>
      </c>
      <c r="T32" s="102">
        <v>0</v>
      </c>
      <c r="U32" s="102">
        <v>0</v>
      </c>
      <c r="V32" s="102">
        <v>0</v>
      </c>
      <c r="W32" s="103">
        <v>1</v>
      </c>
      <c r="X32" s="104">
        <v>1</v>
      </c>
      <c r="Y32" s="101">
        <v>1</v>
      </c>
      <c r="Z32" s="102">
        <v>0</v>
      </c>
      <c r="AA32" s="103">
        <v>1</v>
      </c>
      <c r="AB32" s="413">
        <v>0</v>
      </c>
      <c r="AC32" s="102">
        <v>0</v>
      </c>
      <c r="AD32" s="102">
        <v>0</v>
      </c>
      <c r="AE32" s="102">
        <v>2</v>
      </c>
      <c r="AF32" s="102">
        <v>0</v>
      </c>
      <c r="AG32" s="102">
        <v>0</v>
      </c>
      <c r="AH32" s="103">
        <v>2</v>
      </c>
      <c r="AI32" s="104">
        <v>3</v>
      </c>
      <c r="AJ32" s="101">
        <v>0</v>
      </c>
      <c r="AK32" s="102">
        <v>0</v>
      </c>
      <c r="AL32" s="103">
        <v>0</v>
      </c>
      <c r="AM32" s="413">
        <v>0</v>
      </c>
      <c r="AN32" s="102">
        <v>1</v>
      </c>
      <c r="AO32" s="102">
        <v>1</v>
      </c>
      <c r="AP32" s="102">
        <v>0</v>
      </c>
      <c r="AQ32" s="102">
        <v>2</v>
      </c>
      <c r="AR32" s="102">
        <v>0</v>
      </c>
      <c r="AS32" s="103">
        <v>4</v>
      </c>
      <c r="AT32" s="104">
        <v>4</v>
      </c>
      <c r="AU32" s="101">
        <v>1</v>
      </c>
      <c r="AV32" s="102">
        <v>1</v>
      </c>
      <c r="AW32" s="103">
        <v>2</v>
      </c>
      <c r="AX32" s="413">
        <v>0</v>
      </c>
      <c r="AY32" s="102">
        <v>2</v>
      </c>
      <c r="AZ32" s="102">
        <v>0</v>
      </c>
      <c r="BA32" s="102">
        <v>0</v>
      </c>
      <c r="BB32" s="102">
        <v>1</v>
      </c>
      <c r="BC32" s="102">
        <v>0</v>
      </c>
      <c r="BD32" s="103">
        <v>3</v>
      </c>
      <c r="BE32" s="104">
        <v>5</v>
      </c>
      <c r="BF32" s="101">
        <v>2</v>
      </c>
      <c r="BG32" s="102">
        <v>1</v>
      </c>
      <c r="BH32" s="103">
        <v>3</v>
      </c>
      <c r="BI32" s="413">
        <v>0</v>
      </c>
      <c r="BJ32" s="102">
        <v>3</v>
      </c>
      <c r="BK32" s="102">
        <v>0</v>
      </c>
      <c r="BL32" s="102">
        <v>0</v>
      </c>
      <c r="BM32" s="102">
        <v>0</v>
      </c>
      <c r="BN32" s="102">
        <v>0</v>
      </c>
      <c r="BO32" s="103">
        <v>3</v>
      </c>
      <c r="BP32" s="104">
        <v>6</v>
      </c>
      <c r="BQ32" s="101">
        <v>0</v>
      </c>
      <c r="BR32" s="102">
        <v>0</v>
      </c>
      <c r="BS32" s="103">
        <v>0</v>
      </c>
      <c r="BT32" s="413">
        <v>0</v>
      </c>
      <c r="BU32" s="102">
        <v>1</v>
      </c>
      <c r="BV32" s="102">
        <v>3</v>
      </c>
      <c r="BW32" s="102">
        <v>1</v>
      </c>
      <c r="BX32" s="102">
        <v>1</v>
      </c>
      <c r="BY32" s="102">
        <v>3</v>
      </c>
      <c r="BZ32" s="103">
        <v>9</v>
      </c>
      <c r="CA32" s="104">
        <v>9</v>
      </c>
      <c r="CB32" s="101">
        <v>0</v>
      </c>
      <c r="CC32" s="102">
        <v>0</v>
      </c>
      <c r="CD32" s="103">
        <v>0</v>
      </c>
      <c r="CE32" s="413">
        <v>0</v>
      </c>
      <c r="CF32" s="102">
        <v>0</v>
      </c>
      <c r="CG32" s="102">
        <v>0</v>
      </c>
      <c r="CH32" s="102">
        <v>0</v>
      </c>
      <c r="CI32" s="102">
        <v>0</v>
      </c>
      <c r="CJ32" s="102">
        <v>0</v>
      </c>
      <c r="CK32" s="103">
        <v>0</v>
      </c>
      <c r="CL32" s="104">
        <v>0</v>
      </c>
      <c r="CM32" s="101">
        <v>4</v>
      </c>
      <c r="CN32" s="102">
        <v>2</v>
      </c>
      <c r="CO32" s="103">
        <v>6</v>
      </c>
      <c r="CP32" s="413">
        <v>0</v>
      </c>
      <c r="CQ32" s="102">
        <v>7</v>
      </c>
      <c r="CR32" s="102">
        <v>5</v>
      </c>
      <c r="CS32" s="102">
        <v>3</v>
      </c>
      <c r="CT32" s="102">
        <v>4</v>
      </c>
      <c r="CU32" s="102">
        <v>3</v>
      </c>
      <c r="CV32" s="103">
        <v>22</v>
      </c>
      <c r="CW32" s="104">
        <v>28</v>
      </c>
      <c r="CX32" s="105">
        <v>1</v>
      </c>
      <c r="CY32" s="97">
        <v>2</v>
      </c>
      <c r="CZ32" s="98">
        <v>3</v>
      </c>
      <c r="DA32" s="413">
        <v>0</v>
      </c>
      <c r="DB32" s="97">
        <v>3</v>
      </c>
      <c r="DC32" s="97">
        <v>4</v>
      </c>
      <c r="DD32" s="97">
        <v>0</v>
      </c>
      <c r="DE32" s="97">
        <v>1</v>
      </c>
      <c r="DF32" s="97">
        <v>0</v>
      </c>
      <c r="DG32" s="99">
        <v>8</v>
      </c>
      <c r="DH32" s="100">
        <v>11</v>
      </c>
      <c r="DI32" s="101">
        <v>0</v>
      </c>
      <c r="DJ32" s="102">
        <v>0</v>
      </c>
      <c r="DK32" s="103">
        <v>0</v>
      </c>
      <c r="DL32" s="413">
        <v>0</v>
      </c>
      <c r="DM32" s="102">
        <v>0</v>
      </c>
      <c r="DN32" s="102">
        <v>0</v>
      </c>
      <c r="DO32" s="102">
        <v>0</v>
      </c>
      <c r="DP32" s="102">
        <v>0</v>
      </c>
      <c r="DQ32" s="102">
        <v>0</v>
      </c>
      <c r="DR32" s="103">
        <v>0</v>
      </c>
      <c r="DS32" s="104">
        <v>0</v>
      </c>
      <c r="DT32" s="101">
        <v>0</v>
      </c>
      <c r="DU32" s="102">
        <v>0</v>
      </c>
      <c r="DV32" s="103">
        <v>0</v>
      </c>
      <c r="DW32" s="413">
        <v>0</v>
      </c>
      <c r="DX32" s="102">
        <v>0</v>
      </c>
      <c r="DY32" s="102">
        <v>0</v>
      </c>
      <c r="DZ32" s="102">
        <v>0</v>
      </c>
      <c r="EA32" s="102">
        <v>0</v>
      </c>
      <c r="EB32" s="102">
        <v>0</v>
      </c>
      <c r="EC32" s="103">
        <v>0</v>
      </c>
      <c r="ED32" s="104">
        <v>0</v>
      </c>
      <c r="EE32" s="101">
        <v>0</v>
      </c>
      <c r="EF32" s="102">
        <v>0</v>
      </c>
      <c r="EG32" s="103">
        <v>0</v>
      </c>
      <c r="EH32" s="413">
        <v>0</v>
      </c>
      <c r="EI32" s="102">
        <v>0</v>
      </c>
      <c r="EJ32" s="102">
        <v>2</v>
      </c>
      <c r="EK32" s="102">
        <v>0</v>
      </c>
      <c r="EL32" s="102">
        <v>0</v>
      </c>
      <c r="EM32" s="102">
        <v>0</v>
      </c>
      <c r="EN32" s="103">
        <v>2</v>
      </c>
      <c r="EO32" s="104">
        <v>2</v>
      </c>
      <c r="EP32" s="101">
        <v>1</v>
      </c>
      <c r="EQ32" s="102">
        <v>0</v>
      </c>
      <c r="ER32" s="103">
        <v>1</v>
      </c>
      <c r="ES32" s="413">
        <v>0</v>
      </c>
      <c r="ET32" s="102">
        <v>2</v>
      </c>
      <c r="EU32" s="102">
        <v>2</v>
      </c>
      <c r="EV32" s="102">
        <v>0</v>
      </c>
      <c r="EW32" s="102">
        <v>0</v>
      </c>
      <c r="EX32" s="102">
        <v>0</v>
      </c>
      <c r="EY32" s="103">
        <v>4</v>
      </c>
      <c r="EZ32" s="104">
        <v>5</v>
      </c>
      <c r="FA32" s="101">
        <v>0</v>
      </c>
      <c r="FB32" s="102">
        <v>1</v>
      </c>
      <c r="FC32" s="103">
        <v>1</v>
      </c>
      <c r="FD32" s="413">
        <v>0</v>
      </c>
      <c r="FE32" s="102">
        <v>1</v>
      </c>
      <c r="FF32" s="102">
        <v>0</v>
      </c>
      <c r="FG32" s="102">
        <v>0</v>
      </c>
      <c r="FH32" s="102">
        <v>0</v>
      </c>
      <c r="FI32" s="102">
        <v>0</v>
      </c>
      <c r="FJ32" s="103">
        <v>1</v>
      </c>
      <c r="FK32" s="104">
        <v>2</v>
      </c>
      <c r="FL32" s="101">
        <v>0</v>
      </c>
      <c r="FM32" s="102">
        <v>1</v>
      </c>
      <c r="FN32" s="103">
        <v>1</v>
      </c>
      <c r="FO32" s="413">
        <v>0</v>
      </c>
      <c r="FP32" s="102">
        <v>0</v>
      </c>
      <c r="FQ32" s="102">
        <v>0</v>
      </c>
      <c r="FR32" s="102">
        <v>0</v>
      </c>
      <c r="FS32" s="102">
        <v>1</v>
      </c>
      <c r="FT32" s="102">
        <v>0</v>
      </c>
      <c r="FU32" s="103">
        <v>1</v>
      </c>
      <c r="FV32" s="104">
        <v>2</v>
      </c>
      <c r="FW32" s="101">
        <v>0</v>
      </c>
      <c r="FX32" s="102">
        <v>0</v>
      </c>
      <c r="FY32" s="103">
        <v>0</v>
      </c>
      <c r="FZ32" s="413">
        <v>0</v>
      </c>
      <c r="GA32" s="102">
        <v>0</v>
      </c>
      <c r="GB32" s="102">
        <v>0</v>
      </c>
      <c r="GC32" s="102">
        <v>0</v>
      </c>
      <c r="GD32" s="102">
        <v>0</v>
      </c>
      <c r="GE32" s="102">
        <v>0</v>
      </c>
      <c r="GF32" s="103">
        <v>0</v>
      </c>
      <c r="GG32" s="104">
        <v>0</v>
      </c>
      <c r="GH32" s="101">
        <v>1</v>
      </c>
      <c r="GI32" s="102">
        <v>2</v>
      </c>
      <c r="GJ32" s="103">
        <v>3</v>
      </c>
      <c r="GK32" s="413">
        <v>0</v>
      </c>
      <c r="GL32" s="102">
        <v>3</v>
      </c>
      <c r="GM32" s="102">
        <v>4</v>
      </c>
      <c r="GN32" s="102">
        <v>0</v>
      </c>
      <c r="GO32" s="102">
        <v>1</v>
      </c>
      <c r="GP32" s="102">
        <v>0</v>
      </c>
      <c r="GQ32" s="103">
        <v>8</v>
      </c>
      <c r="GR32" s="104">
        <v>11</v>
      </c>
      <c r="GS32" s="105">
        <v>5</v>
      </c>
      <c r="GT32" s="97">
        <v>4</v>
      </c>
      <c r="GU32" s="98">
        <v>9</v>
      </c>
      <c r="GV32" s="413">
        <v>0</v>
      </c>
      <c r="GW32" s="97">
        <v>10</v>
      </c>
      <c r="GX32" s="97">
        <v>9</v>
      </c>
      <c r="GY32" s="97">
        <v>3</v>
      </c>
      <c r="GZ32" s="97">
        <v>5</v>
      </c>
      <c r="HA32" s="97">
        <v>3</v>
      </c>
      <c r="HB32" s="99">
        <v>30</v>
      </c>
      <c r="HC32" s="100">
        <v>39</v>
      </c>
      <c r="HD32" s="101">
        <v>0</v>
      </c>
      <c r="HE32" s="102">
        <v>0</v>
      </c>
      <c r="HF32" s="103">
        <v>0</v>
      </c>
      <c r="HG32" s="413">
        <v>0</v>
      </c>
      <c r="HH32" s="102">
        <v>0</v>
      </c>
      <c r="HI32" s="102">
        <v>1</v>
      </c>
      <c r="HJ32" s="102">
        <v>0</v>
      </c>
      <c r="HK32" s="102">
        <v>0</v>
      </c>
      <c r="HL32" s="102">
        <v>0</v>
      </c>
      <c r="HM32" s="103">
        <v>1</v>
      </c>
      <c r="HN32" s="104">
        <v>1</v>
      </c>
      <c r="HO32" s="101">
        <v>1</v>
      </c>
      <c r="HP32" s="102">
        <v>0</v>
      </c>
      <c r="HQ32" s="103">
        <v>1</v>
      </c>
      <c r="HR32" s="413">
        <v>0</v>
      </c>
      <c r="HS32" s="102">
        <v>0</v>
      </c>
      <c r="HT32" s="102">
        <v>0</v>
      </c>
      <c r="HU32" s="102">
        <v>2</v>
      </c>
      <c r="HV32" s="102">
        <v>0</v>
      </c>
      <c r="HW32" s="102">
        <v>0</v>
      </c>
      <c r="HX32" s="103">
        <v>2</v>
      </c>
      <c r="HY32" s="104">
        <v>3</v>
      </c>
      <c r="HZ32" s="101">
        <v>0</v>
      </c>
      <c r="IA32" s="102">
        <v>0</v>
      </c>
      <c r="IB32" s="103">
        <v>0</v>
      </c>
      <c r="IC32" s="413">
        <v>0</v>
      </c>
      <c r="ID32" s="102">
        <v>1</v>
      </c>
      <c r="IE32" s="102">
        <v>3</v>
      </c>
      <c r="IF32" s="102">
        <v>0</v>
      </c>
      <c r="IG32" s="102">
        <v>2</v>
      </c>
      <c r="IH32" s="102">
        <v>0</v>
      </c>
      <c r="II32" s="103">
        <v>6</v>
      </c>
      <c r="IJ32" s="104">
        <v>6</v>
      </c>
      <c r="IK32" s="101">
        <v>2</v>
      </c>
      <c r="IL32" s="102">
        <v>1</v>
      </c>
      <c r="IM32" s="103">
        <v>3</v>
      </c>
      <c r="IN32" s="413">
        <v>0</v>
      </c>
      <c r="IO32" s="102">
        <v>4</v>
      </c>
      <c r="IP32" s="102">
        <v>2</v>
      </c>
      <c r="IQ32" s="102">
        <v>0</v>
      </c>
      <c r="IR32" s="102">
        <v>1</v>
      </c>
      <c r="IS32" s="102">
        <v>0</v>
      </c>
      <c r="IT32" s="103">
        <v>7</v>
      </c>
      <c r="IU32" s="104">
        <v>10</v>
      </c>
      <c r="IV32" s="101">
        <v>2</v>
      </c>
      <c r="IW32" s="102">
        <v>2</v>
      </c>
      <c r="IX32" s="103">
        <v>4</v>
      </c>
      <c r="IY32" s="413">
        <v>0</v>
      </c>
      <c r="IZ32" s="102">
        <v>4</v>
      </c>
      <c r="JA32" s="102">
        <v>0</v>
      </c>
      <c r="JB32" s="102">
        <v>0</v>
      </c>
      <c r="JC32" s="102">
        <v>0</v>
      </c>
      <c r="JD32" s="102">
        <v>0</v>
      </c>
      <c r="JE32" s="103">
        <v>4</v>
      </c>
      <c r="JF32" s="104">
        <v>8</v>
      </c>
      <c r="JG32" s="101">
        <v>0</v>
      </c>
      <c r="JH32" s="102">
        <v>1</v>
      </c>
      <c r="JI32" s="103">
        <v>1</v>
      </c>
      <c r="JJ32" s="413">
        <v>0</v>
      </c>
      <c r="JK32" s="102">
        <v>1</v>
      </c>
      <c r="JL32" s="102">
        <v>3</v>
      </c>
      <c r="JM32" s="102">
        <v>1</v>
      </c>
      <c r="JN32" s="102">
        <v>2</v>
      </c>
      <c r="JO32" s="102">
        <v>3</v>
      </c>
      <c r="JP32" s="103">
        <v>10</v>
      </c>
      <c r="JQ32" s="104">
        <v>11</v>
      </c>
      <c r="JR32" s="101">
        <v>0</v>
      </c>
      <c r="JS32" s="102">
        <v>0</v>
      </c>
      <c r="JT32" s="103">
        <v>0</v>
      </c>
      <c r="JU32" s="413">
        <v>0</v>
      </c>
      <c r="JV32" s="102">
        <v>0</v>
      </c>
      <c r="JW32" s="102">
        <v>0</v>
      </c>
      <c r="JX32" s="102">
        <v>0</v>
      </c>
      <c r="JY32" s="102">
        <v>0</v>
      </c>
      <c r="JZ32" s="102">
        <v>0</v>
      </c>
      <c r="KA32" s="103">
        <v>0</v>
      </c>
      <c r="KB32" s="104">
        <v>0</v>
      </c>
      <c r="KC32" s="101">
        <v>5</v>
      </c>
      <c r="KD32" s="102">
        <v>4</v>
      </c>
      <c r="KE32" s="103">
        <v>9</v>
      </c>
      <c r="KF32" s="413">
        <v>0</v>
      </c>
      <c r="KG32" s="102">
        <v>10</v>
      </c>
      <c r="KH32" s="102">
        <v>9</v>
      </c>
      <c r="KI32" s="102">
        <v>3</v>
      </c>
      <c r="KJ32" s="102">
        <v>5</v>
      </c>
      <c r="KK32" s="102">
        <v>3</v>
      </c>
      <c r="KL32" s="103">
        <v>30</v>
      </c>
      <c r="KM32" s="104">
        <v>39</v>
      </c>
    </row>
    <row r="33" spans="2:299" s="70" customFormat="1" ht="21" customHeight="1" x14ac:dyDescent="0.2">
      <c r="B33" s="106" t="s">
        <v>30</v>
      </c>
      <c r="C33" s="96">
        <v>5</v>
      </c>
      <c r="D33" s="97">
        <v>1</v>
      </c>
      <c r="E33" s="98">
        <v>6</v>
      </c>
      <c r="F33" s="413">
        <v>0</v>
      </c>
      <c r="G33" s="97">
        <v>3</v>
      </c>
      <c r="H33" s="97">
        <v>4</v>
      </c>
      <c r="I33" s="97">
        <v>1</v>
      </c>
      <c r="J33" s="97">
        <v>3</v>
      </c>
      <c r="K33" s="97">
        <v>3</v>
      </c>
      <c r="L33" s="99">
        <v>14</v>
      </c>
      <c r="M33" s="100">
        <v>20</v>
      </c>
      <c r="N33" s="101">
        <v>0</v>
      </c>
      <c r="O33" s="102">
        <v>0</v>
      </c>
      <c r="P33" s="103">
        <v>0</v>
      </c>
      <c r="Q33" s="413">
        <v>0</v>
      </c>
      <c r="R33" s="102">
        <v>0</v>
      </c>
      <c r="S33" s="102">
        <v>0</v>
      </c>
      <c r="T33" s="102">
        <v>0</v>
      </c>
      <c r="U33" s="102">
        <v>1</v>
      </c>
      <c r="V33" s="102">
        <v>0</v>
      </c>
      <c r="W33" s="103">
        <v>1</v>
      </c>
      <c r="X33" s="104">
        <v>1</v>
      </c>
      <c r="Y33" s="101">
        <v>1</v>
      </c>
      <c r="Z33" s="102">
        <v>0</v>
      </c>
      <c r="AA33" s="103">
        <v>1</v>
      </c>
      <c r="AB33" s="413">
        <v>0</v>
      </c>
      <c r="AC33" s="102">
        <v>0</v>
      </c>
      <c r="AD33" s="102">
        <v>1</v>
      </c>
      <c r="AE33" s="102">
        <v>0</v>
      </c>
      <c r="AF33" s="102">
        <v>0</v>
      </c>
      <c r="AG33" s="102">
        <v>0</v>
      </c>
      <c r="AH33" s="103">
        <v>1</v>
      </c>
      <c r="AI33" s="104">
        <v>2</v>
      </c>
      <c r="AJ33" s="101">
        <v>0</v>
      </c>
      <c r="AK33" s="102">
        <v>0</v>
      </c>
      <c r="AL33" s="103">
        <v>0</v>
      </c>
      <c r="AM33" s="413">
        <v>0</v>
      </c>
      <c r="AN33" s="102">
        <v>0</v>
      </c>
      <c r="AO33" s="102">
        <v>0</v>
      </c>
      <c r="AP33" s="102">
        <v>0</v>
      </c>
      <c r="AQ33" s="102">
        <v>0</v>
      </c>
      <c r="AR33" s="102">
        <v>0</v>
      </c>
      <c r="AS33" s="103">
        <v>0</v>
      </c>
      <c r="AT33" s="104">
        <v>0</v>
      </c>
      <c r="AU33" s="101">
        <v>1</v>
      </c>
      <c r="AV33" s="102">
        <v>0</v>
      </c>
      <c r="AW33" s="103">
        <v>1</v>
      </c>
      <c r="AX33" s="413">
        <v>0</v>
      </c>
      <c r="AY33" s="102">
        <v>2</v>
      </c>
      <c r="AZ33" s="102">
        <v>2</v>
      </c>
      <c r="BA33" s="102">
        <v>0</v>
      </c>
      <c r="BB33" s="102">
        <v>0</v>
      </c>
      <c r="BC33" s="102">
        <v>0</v>
      </c>
      <c r="BD33" s="103">
        <v>4</v>
      </c>
      <c r="BE33" s="104">
        <v>5</v>
      </c>
      <c r="BF33" s="101">
        <v>0</v>
      </c>
      <c r="BG33" s="102">
        <v>0</v>
      </c>
      <c r="BH33" s="103">
        <v>0</v>
      </c>
      <c r="BI33" s="413">
        <v>0</v>
      </c>
      <c r="BJ33" s="102">
        <v>0</v>
      </c>
      <c r="BK33" s="102">
        <v>0</v>
      </c>
      <c r="BL33" s="102">
        <v>1</v>
      </c>
      <c r="BM33" s="102">
        <v>1</v>
      </c>
      <c r="BN33" s="102">
        <v>1</v>
      </c>
      <c r="BO33" s="103">
        <v>3</v>
      </c>
      <c r="BP33" s="104">
        <v>3</v>
      </c>
      <c r="BQ33" s="101">
        <v>3</v>
      </c>
      <c r="BR33" s="102">
        <v>1</v>
      </c>
      <c r="BS33" s="103">
        <v>4</v>
      </c>
      <c r="BT33" s="413">
        <v>0</v>
      </c>
      <c r="BU33" s="102">
        <v>1</v>
      </c>
      <c r="BV33" s="102">
        <v>1</v>
      </c>
      <c r="BW33" s="102">
        <v>0</v>
      </c>
      <c r="BX33" s="102">
        <v>1</v>
      </c>
      <c r="BY33" s="102">
        <v>2</v>
      </c>
      <c r="BZ33" s="103">
        <v>5</v>
      </c>
      <c r="CA33" s="104">
        <v>9</v>
      </c>
      <c r="CB33" s="101">
        <v>0</v>
      </c>
      <c r="CC33" s="102">
        <v>0</v>
      </c>
      <c r="CD33" s="103">
        <v>0</v>
      </c>
      <c r="CE33" s="413">
        <v>0</v>
      </c>
      <c r="CF33" s="102">
        <v>0</v>
      </c>
      <c r="CG33" s="102">
        <v>0</v>
      </c>
      <c r="CH33" s="102">
        <v>0</v>
      </c>
      <c r="CI33" s="102">
        <v>0</v>
      </c>
      <c r="CJ33" s="102">
        <v>0</v>
      </c>
      <c r="CK33" s="103">
        <v>0</v>
      </c>
      <c r="CL33" s="104">
        <v>0</v>
      </c>
      <c r="CM33" s="101">
        <v>5</v>
      </c>
      <c r="CN33" s="102">
        <v>1</v>
      </c>
      <c r="CO33" s="103">
        <v>6</v>
      </c>
      <c r="CP33" s="413">
        <v>0</v>
      </c>
      <c r="CQ33" s="102">
        <v>3</v>
      </c>
      <c r="CR33" s="102">
        <v>4</v>
      </c>
      <c r="CS33" s="102">
        <v>1</v>
      </c>
      <c r="CT33" s="102">
        <v>3</v>
      </c>
      <c r="CU33" s="102">
        <v>3</v>
      </c>
      <c r="CV33" s="103">
        <v>14</v>
      </c>
      <c r="CW33" s="104">
        <v>20</v>
      </c>
      <c r="CX33" s="105">
        <v>2</v>
      </c>
      <c r="CY33" s="97">
        <v>1</v>
      </c>
      <c r="CZ33" s="98">
        <v>3</v>
      </c>
      <c r="DA33" s="413">
        <v>0</v>
      </c>
      <c r="DB33" s="97">
        <v>5</v>
      </c>
      <c r="DC33" s="97">
        <v>1</v>
      </c>
      <c r="DD33" s="97">
        <v>2</v>
      </c>
      <c r="DE33" s="97">
        <v>2</v>
      </c>
      <c r="DF33" s="97">
        <v>0</v>
      </c>
      <c r="DG33" s="99">
        <v>10</v>
      </c>
      <c r="DH33" s="100">
        <v>13</v>
      </c>
      <c r="DI33" s="101">
        <v>0</v>
      </c>
      <c r="DJ33" s="102">
        <v>0</v>
      </c>
      <c r="DK33" s="103">
        <v>0</v>
      </c>
      <c r="DL33" s="413">
        <v>0</v>
      </c>
      <c r="DM33" s="102">
        <v>0</v>
      </c>
      <c r="DN33" s="102">
        <v>0</v>
      </c>
      <c r="DO33" s="102">
        <v>0</v>
      </c>
      <c r="DP33" s="102">
        <v>0</v>
      </c>
      <c r="DQ33" s="102">
        <v>0</v>
      </c>
      <c r="DR33" s="103">
        <v>0</v>
      </c>
      <c r="DS33" s="104">
        <v>0</v>
      </c>
      <c r="DT33" s="101">
        <v>0</v>
      </c>
      <c r="DU33" s="102">
        <v>0</v>
      </c>
      <c r="DV33" s="103">
        <v>0</v>
      </c>
      <c r="DW33" s="413">
        <v>0</v>
      </c>
      <c r="DX33" s="102">
        <v>1</v>
      </c>
      <c r="DY33" s="102">
        <v>0</v>
      </c>
      <c r="DZ33" s="102">
        <v>0</v>
      </c>
      <c r="EA33" s="102">
        <v>0</v>
      </c>
      <c r="EB33" s="102">
        <v>0</v>
      </c>
      <c r="EC33" s="103">
        <v>1</v>
      </c>
      <c r="ED33" s="104">
        <v>1</v>
      </c>
      <c r="EE33" s="101">
        <v>1</v>
      </c>
      <c r="EF33" s="102">
        <v>0</v>
      </c>
      <c r="EG33" s="103">
        <v>1</v>
      </c>
      <c r="EH33" s="413">
        <v>0</v>
      </c>
      <c r="EI33" s="102">
        <v>0</v>
      </c>
      <c r="EJ33" s="102">
        <v>0</v>
      </c>
      <c r="EK33" s="102">
        <v>0</v>
      </c>
      <c r="EL33" s="102">
        <v>0</v>
      </c>
      <c r="EM33" s="102">
        <v>0</v>
      </c>
      <c r="EN33" s="103">
        <v>0</v>
      </c>
      <c r="EO33" s="104">
        <v>1</v>
      </c>
      <c r="EP33" s="101">
        <v>0</v>
      </c>
      <c r="EQ33" s="102">
        <v>0</v>
      </c>
      <c r="ER33" s="103">
        <v>0</v>
      </c>
      <c r="ES33" s="413">
        <v>0</v>
      </c>
      <c r="ET33" s="102">
        <v>0</v>
      </c>
      <c r="EU33" s="102">
        <v>0</v>
      </c>
      <c r="EV33" s="102">
        <v>0</v>
      </c>
      <c r="EW33" s="102">
        <v>0</v>
      </c>
      <c r="EX33" s="102">
        <v>0</v>
      </c>
      <c r="EY33" s="103">
        <v>0</v>
      </c>
      <c r="EZ33" s="104">
        <v>0</v>
      </c>
      <c r="FA33" s="101">
        <v>0</v>
      </c>
      <c r="FB33" s="102">
        <v>0</v>
      </c>
      <c r="FC33" s="103">
        <v>0</v>
      </c>
      <c r="FD33" s="413">
        <v>0</v>
      </c>
      <c r="FE33" s="102">
        <v>1</v>
      </c>
      <c r="FF33" s="102">
        <v>0</v>
      </c>
      <c r="FG33" s="102">
        <v>0</v>
      </c>
      <c r="FH33" s="102">
        <v>1</v>
      </c>
      <c r="FI33" s="102">
        <v>0</v>
      </c>
      <c r="FJ33" s="103">
        <v>2</v>
      </c>
      <c r="FK33" s="104">
        <v>2</v>
      </c>
      <c r="FL33" s="101">
        <v>1</v>
      </c>
      <c r="FM33" s="102">
        <v>1</v>
      </c>
      <c r="FN33" s="103">
        <v>2</v>
      </c>
      <c r="FO33" s="413">
        <v>0</v>
      </c>
      <c r="FP33" s="102">
        <v>3</v>
      </c>
      <c r="FQ33" s="102">
        <v>1</v>
      </c>
      <c r="FR33" s="102">
        <v>2</v>
      </c>
      <c r="FS33" s="102">
        <v>1</v>
      </c>
      <c r="FT33" s="102">
        <v>0</v>
      </c>
      <c r="FU33" s="103">
        <v>7</v>
      </c>
      <c r="FV33" s="104">
        <v>9</v>
      </c>
      <c r="FW33" s="101">
        <v>0</v>
      </c>
      <c r="FX33" s="102">
        <v>0</v>
      </c>
      <c r="FY33" s="103">
        <v>0</v>
      </c>
      <c r="FZ33" s="413">
        <v>0</v>
      </c>
      <c r="GA33" s="102">
        <v>0</v>
      </c>
      <c r="GB33" s="102">
        <v>0</v>
      </c>
      <c r="GC33" s="102">
        <v>0</v>
      </c>
      <c r="GD33" s="102">
        <v>0</v>
      </c>
      <c r="GE33" s="102">
        <v>0</v>
      </c>
      <c r="GF33" s="103">
        <v>0</v>
      </c>
      <c r="GG33" s="104">
        <v>0</v>
      </c>
      <c r="GH33" s="101">
        <v>2</v>
      </c>
      <c r="GI33" s="102">
        <v>1</v>
      </c>
      <c r="GJ33" s="103">
        <v>3</v>
      </c>
      <c r="GK33" s="413">
        <v>0</v>
      </c>
      <c r="GL33" s="102">
        <v>5</v>
      </c>
      <c r="GM33" s="102">
        <v>1</v>
      </c>
      <c r="GN33" s="102">
        <v>2</v>
      </c>
      <c r="GO33" s="102">
        <v>2</v>
      </c>
      <c r="GP33" s="102">
        <v>0</v>
      </c>
      <c r="GQ33" s="103">
        <v>10</v>
      </c>
      <c r="GR33" s="104">
        <v>13</v>
      </c>
      <c r="GS33" s="105">
        <v>7</v>
      </c>
      <c r="GT33" s="97">
        <v>2</v>
      </c>
      <c r="GU33" s="98">
        <v>9</v>
      </c>
      <c r="GV33" s="413">
        <v>0</v>
      </c>
      <c r="GW33" s="97">
        <v>8</v>
      </c>
      <c r="GX33" s="97">
        <v>5</v>
      </c>
      <c r="GY33" s="97">
        <v>3</v>
      </c>
      <c r="GZ33" s="97">
        <v>5</v>
      </c>
      <c r="HA33" s="97">
        <v>3</v>
      </c>
      <c r="HB33" s="99">
        <v>24</v>
      </c>
      <c r="HC33" s="100">
        <v>33</v>
      </c>
      <c r="HD33" s="101">
        <v>0</v>
      </c>
      <c r="HE33" s="102">
        <v>0</v>
      </c>
      <c r="HF33" s="103">
        <v>0</v>
      </c>
      <c r="HG33" s="413">
        <v>0</v>
      </c>
      <c r="HH33" s="102">
        <v>0</v>
      </c>
      <c r="HI33" s="102">
        <v>0</v>
      </c>
      <c r="HJ33" s="102">
        <v>0</v>
      </c>
      <c r="HK33" s="102">
        <v>1</v>
      </c>
      <c r="HL33" s="102">
        <v>0</v>
      </c>
      <c r="HM33" s="103">
        <v>1</v>
      </c>
      <c r="HN33" s="104">
        <v>1</v>
      </c>
      <c r="HO33" s="101">
        <v>1</v>
      </c>
      <c r="HP33" s="102">
        <v>0</v>
      </c>
      <c r="HQ33" s="103">
        <v>1</v>
      </c>
      <c r="HR33" s="413">
        <v>0</v>
      </c>
      <c r="HS33" s="102">
        <v>1</v>
      </c>
      <c r="HT33" s="102">
        <v>1</v>
      </c>
      <c r="HU33" s="102">
        <v>0</v>
      </c>
      <c r="HV33" s="102">
        <v>0</v>
      </c>
      <c r="HW33" s="102">
        <v>0</v>
      </c>
      <c r="HX33" s="103">
        <v>2</v>
      </c>
      <c r="HY33" s="104">
        <v>3</v>
      </c>
      <c r="HZ33" s="101">
        <v>1</v>
      </c>
      <c r="IA33" s="102">
        <v>0</v>
      </c>
      <c r="IB33" s="103">
        <v>1</v>
      </c>
      <c r="IC33" s="413">
        <v>0</v>
      </c>
      <c r="ID33" s="102">
        <v>0</v>
      </c>
      <c r="IE33" s="102">
        <v>0</v>
      </c>
      <c r="IF33" s="102">
        <v>0</v>
      </c>
      <c r="IG33" s="102">
        <v>0</v>
      </c>
      <c r="IH33" s="102">
        <v>0</v>
      </c>
      <c r="II33" s="103">
        <v>0</v>
      </c>
      <c r="IJ33" s="104">
        <v>1</v>
      </c>
      <c r="IK33" s="101">
        <v>1</v>
      </c>
      <c r="IL33" s="102">
        <v>0</v>
      </c>
      <c r="IM33" s="103">
        <v>1</v>
      </c>
      <c r="IN33" s="413">
        <v>0</v>
      </c>
      <c r="IO33" s="102">
        <v>2</v>
      </c>
      <c r="IP33" s="102">
        <v>2</v>
      </c>
      <c r="IQ33" s="102">
        <v>0</v>
      </c>
      <c r="IR33" s="102">
        <v>0</v>
      </c>
      <c r="IS33" s="102">
        <v>0</v>
      </c>
      <c r="IT33" s="103">
        <v>4</v>
      </c>
      <c r="IU33" s="104">
        <v>5</v>
      </c>
      <c r="IV33" s="101">
        <v>0</v>
      </c>
      <c r="IW33" s="102">
        <v>0</v>
      </c>
      <c r="IX33" s="103">
        <v>0</v>
      </c>
      <c r="IY33" s="413">
        <v>0</v>
      </c>
      <c r="IZ33" s="102">
        <v>1</v>
      </c>
      <c r="JA33" s="102">
        <v>0</v>
      </c>
      <c r="JB33" s="102">
        <v>1</v>
      </c>
      <c r="JC33" s="102">
        <v>2</v>
      </c>
      <c r="JD33" s="102">
        <v>1</v>
      </c>
      <c r="JE33" s="103">
        <v>5</v>
      </c>
      <c r="JF33" s="104">
        <v>5</v>
      </c>
      <c r="JG33" s="101">
        <v>4</v>
      </c>
      <c r="JH33" s="102">
        <v>2</v>
      </c>
      <c r="JI33" s="103">
        <v>6</v>
      </c>
      <c r="JJ33" s="413">
        <v>0</v>
      </c>
      <c r="JK33" s="102">
        <v>4</v>
      </c>
      <c r="JL33" s="102">
        <v>2</v>
      </c>
      <c r="JM33" s="102">
        <v>2</v>
      </c>
      <c r="JN33" s="102">
        <v>2</v>
      </c>
      <c r="JO33" s="102">
        <v>2</v>
      </c>
      <c r="JP33" s="103">
        <v>12</v>
      </c>
      <c r="JQ33" s="104">
        <v>18</v>
      </c>
      <c r="JR33" s="101">
        <v>0</v>
      </c>
      <c r="JS33" s="102">
        <v>0</v>
      </c>
      <c r="JT33" s="103">
        <v>0</v>
      </c>
      <c r="JU33" s="413">
        <v>0</v>
      </c>
      <c r="JV33" s="102">
        <v>0</v>
      </c>
      <c r="JW33" s="102">
        <v>0</v>
      </c>
      <c r="JX33" s="102">
        <v>0</v>
      </c>
      <c r="JY33" s="102">
        <v>0</v>
      </c>
      <c r="JZ33" s="102">
        <v>0</v>
      </c>
      <c r="KA33" s="103">
        <v>0</v>
      </c>
      <c r="KB33" s="104">
        <v>0</v>
      </c>
      <c r="KC33" s="101">
        <v>7</v>
      </c>
      <c r="KD33" s="102">
        <v>2</v>
      </c>
      <c r="KE33" s="103">
        <v>9</v>
      </c>
      <c r="KF33" s="413">
        <v>0</v>
      </c>
      <c r="KG33" s="102">
        <v>8</v>
      </c>
      <c r="KH33" s="102">
        <v>5</v>
      </c>
      <c r="KI33" s="102">
        <v>3</v>
      </c>
      <c r="KJ33" s="102">
        <v>5</v>
      </c>
      <c r="KK33" s="102">
        <v>3</v>
      </c>
      <c r="KL33" s="103">
        <v>24</v>
      </c>
      <c r="KM33" s="104">
        <v>33</v>
      </c>
    </row>
    <row r="34" spans="2:299" s="70" customFormat="1" ht="21" customHeight="1" x14ac:dyDescent="0.2">
      <c r="B34" s="106" t="s">
        <v>31</v>
      </c>
      <c r="C34" s="96">
        <v>4</v>
      </c>
      <c r="D34" s="97">
        <v>4</v>
      </c>
      <c r="E34" s="98">
        <v>8</v>
      </c>
      <c r="F34" s="413">
        <v>0</v>
      </c>
      <c r="G34" s="97">
        <v>6</v>
      </c>
      <c r="H34" s="97">
        <v>5</v>
      </c>
      <c r="I34" s="97">
        <v>7</v>
      </c>
      <c r="J34" s="97">
        <v>2</v>
      </c>
      <c r="K34" s="97">
        <v>2</v>
      </c>
      <c r="L34" s="99">
        <v>22</v>
      </c>
      <c r="M34" s="100">
        <v>30</v>
      </c>
      <c r="N34" s="101">
        <v>0</v>
      </c>
      <c r="O34" s="102">
        <v>0</v>
      </c>
      <c r="P34" s="103">
        <v>0</v>
      </c>
      <c r="Q34" s="413">
        <v>0</v>
      </c>
      <c r="R34" s="102">
        <v>0</v>
      </c>
      <c r="S34" s="102">
        <v>1</v>
      </c>
      <c r="T34" s="102">
        <v>0</v>
      </c>
      <c r="U34" s="102">
        <v>0</v>
      </c>
      <c r="V34" s="102">
        <v>0</v>
      </c>
      <c r="W34" s="103">
        <v>1</v>
      </c>
      <c r="X34" s="104">
        <v>1</v>
      </c>
      <c r="Y34" s="101">
        <v>2</v>
      </c>
      <c r="Z34" s="102">
        <v>1</v>
      </c>
      <c r="AA34" s="103">
        <v>3</v>
      </c>
      <c r="AB34" s="413">
        <v>0</v>
      </c>
      <c r="AC34" s="102">
        <v>0</v>
      </c>
      <c r="AD34" s="102">
        <v>1</v>
      </c>
      <c r="AE34" s="102">
        <v>1</v>
      </c>
      <c r="AF34" s="102">
        <v>0</v>
      </c>
      <c r="AG34" s="102">
        <v>1</v>
      </c>
      <c r="AH34" s="103">
        <v>3</v>
      </c>
      <c r="AI34" s="104">
        <v>6</v>
      </c>
      <c r="AJ34" s="101">
        <v>0</v>
      </c>
      <c r="AK34" s="102">
        <v>1</v>
      </c>
      <c r="AL34" s="103">
        <v>1</v>
      </c>
      <c r="AM34" s="413">
        <v>0</v>
      </c>
      <c r="AN34" s="102">
        <v>3</v>
      </c>
      <c r="AO34" s="102">
        <v>0</v>
      </c>
      <c r="AP34" s="102">
        <v>1</v>
      </c>
      <c r="AQ34" s="102">
        <v>0</v>
      </c>
      <c r="AR34" s="102">
        <v>0</v>
      </c>
      <c r="AS34" s="103">
        <v>4</v>
      </c>
      <c r="AT34" s="104">
        <v>5</v>
      </c>
      <c r="AU34" s="101">
        <v>1</v>
      </c>
      <c r="AV34" s="102">
        <v>1</v>
      </c>
      <c r="AW34" s="103">
        <v>2</v>
      </c>
      <c r="AX34" s="413">
        <v>0</v>
      </c>
      <c r="AY34" s="102">
        <v>0</v>
      </c>
      <c r="AZ34" s="102">
        <v>1</v>
      </c>
      <c r="BA34" s="102">
        <v>0</v>
      </c>
      <c r="BB34" s="102">
        <v>0</v>
      </c>
      <c r="BC34" s="102">
        <v>0</v>
      </c>
      <c r="BD34" s="103">
        <v>1</v>
      </c>
      <c r="BE34" s="104">
        <v>3</v>
      </c>
      <c r="BF34" s="101">
        <v>0</v>
      </c>
      <c r="BG34" s="102">
        <v>1</v>
      </c>
      <c r="BH34" s="103">
        <v>1</v>
      </c>
      <c r="BI34" s="413">
        <v>0</v>
      </c>
      <c r="BJ34" s="102">
        <v>1</v>
      </c>
      <c r="BK34" s="102">
        <v>1</v>
      </c>
      <c r="BL34" s="102">
        <v>2</v>
      </c>
      <c r="BM34" s="102">
        <v>1</v>
      </c>
      <c r="BN34" s="102">
        <v>0</v>
      </c>
      <c r="BO34" s="103">
        <v>5</v>
      </c>
      <c r="BP34" s="104">
        <v>6</v>
      </c>
      <c r="BQ34" s="101">
        <v>1</v>
      </c>
      <c r="BR34" s="102">
        <v>0</v>
      </c>
      <c r="BS34" s="103">
        <v>1</v>
      </c>
      <c r="BT34" s="413">
        <v>0</v>
      </c>
      <c r="BU34" s="102">
        <v>2</v>
      </c>
      <c r="BV34" s="102">
        <v>1</v>
      </c>
      <c r="BW34" s="102">
        <v>3</v>
      </c>
      <c r="BX34" s="102">
        <v>1</v>
      </c>
      <c r="BY34" s="102">
        <v>1</v>
      </c>
      <c r="BZ34" s="103">
        <v>8</v>
      </c>
      <c r="CA34" s="104">
        <v>9</v>
      </c>
      <c r="CB34" s="101">
        <v>0</v>
      </c>
      <c r="CC34" s="102">
        <v>0</v>
      </c>
      <c r="CD34" s="103">
        <v>0</v>
      </c>
      <c r="CE34" s="413">
        <v>0</v>
      </c>
      <c r="CF34" s="102">
        <v>0</v>
      </c>
      <c r="CG34" s="102">
        <v>0</v>
      </c>
      <c r="CH34" s="102">
        <v>0</v>
      </c>
      <c r="CI34" s="102">
        <v>0</v>
      </c>
      <c r="CJ34" s="102">
        <v>0</v>
      </c>
      <c r="CK34" s="103">
        <v>0</v>
      </c>
      <c r="CL34" s="104">
        <v>0</v>
      </c>
      <c r="CM34" s="101">
        <v>4</v>
      </c>
      <c r="CN34" s="102">
        <v>4</v>
      </c>
      <c r="CO34" s="103">
        <v>8</v>
      </c>
      <c r="CP34" s="413">
        <v>0</v>
      </c>
      <c r="CQ34" s="102">
        <v>6</v>
      </c>
      <c r="CR34" s="102">
        <v>5</v>
      </c>
      <c r="CS34" s="102">
        <v>7</v>
      </c>
      <c r="CT34" s="102">
        <v>2</v>
      </c>
      <c r="CU34" s="102">
        <v>2</v>
      </c>
      <c r="CV34" s="103">
        <v>22</v>
      </c>
      <c r="CW34" s="104">
        <v>30</v>
      </c>
      <c r="CX34" s="105">
        <v>1</v>
      </c>
      <c r="CY34" s="97">
        <v>0</v>
      </c>
      <c r="CZ34" s="98">
        <v>1</v>
      </c>
      <c r="DA34" s="413">
        <v>0</v>
      </c>
      <c r="DB34" s="97">
        <v>1</v>
      </c>
      <c r="DC34" s="97">
        <v>1</v>
      </c>
      <c r="DD34" s="97">
        <v>3</v>
      </c>
      <c r="DE34" s="97">
        <v>2</v>
      </c>
      <c r="DF34" s="97">
        <v>0</v>
      </c>
      <c r="DG34" s="99">
        <v>7</v>
      </c>
      <c r="DH34" s="100">
        <v>8</v>
      </c>
      <c r="DI34" s="101">
        <v>0</v>
      </c>
      <c r="DJ34" s="102">
        <v>0</v>
      </c>
      <c r="DK34" s="103">
        <v>0</v>
      </c>
      <c r="DL34" s="413">
        <v>0</v>
      </c>
      <c r="DM34" s="102">
        <v>0</v>
      </c>
      <c r="DN34" s="102">
        <v>0</v>
      </c>
      <c r="DO34" s="102">
        <v>0</v>
      </c>
      <c r="DP34" s="102">
        <v>0</v>
      </c>
      <c r="DQ34" s="102">
        <v>0</v>
      </c>
      <c r="DR34" s="103">
        <v>0</v>
      </c>
      <c r="DS34" s="104">
        <v>0</v>
      </c>
      <c r="DT34" s="101">
        <v>0</v>
      </c>
      <c r="DU34" s="102">
        <v>0</v>
      </c>
      <c r="DV34" s="103">
        <v>0</v>
      </c>
      <c r="DW34" s="413">
        <v>0</v>
      </c>
      <c r="DX34" s="102">
        <v>0</v>
      </c>
      <c r="DY34" s="102">
        <v>0</v>
      </c>
      <c r="DZ34" s="102">
        <v>1</v>
      </c>
      <c r="EA34" s="102">
        <v>0</v>
      </c>
      <c r="EB34" s="102">
        <v>0</v>
      </c>
      <c r="EC34" s="103">
        <v>1</v>
      </c>
      <c r="ED34" s="104">
        <v>1</v>
      </c>
      <c r="EE34" s="101">
        <v>0</v>
      </c>
      <c r="EF34" s="102">
        <v>0</v>
      </c>
      <c r="EG34" s="103">
        <v>0</v>
      </c>
      <c r="EH34" s="413">
        <v>0</v>
      </c>
      <c r="EI34" s="102">
        <v>0</v>
      </c>
      <c r="EJ34" s="102">
        <v>0</v>
      </c>
      <c r="EK34" s="102">
        <v>0</v>
      </c>
      <c r="EL34" s="102">
        <v>1</v>
      </c>
      <c r="EM34" s="102">
        <v>0</v>
      </c>
      <c r="EN34" s="103">
        <v>1</v>
      </c>
      <c r="EO34" s="104">
        <v>1</v>
      </c>
      <c r="EP34" s="101">
        <v>0</v>
      </c>
      <c r="EQ34" s="102">
        <v>0</v>
      </c>
      <c r="ER34" s="103">
        <v>0</v>
      </c>
      <c r="ES34" s="413">
        <v>0</v>
      </c>
      <c r="ET34" s="102">
        <v>1</v>
      </c>
      <c r="EU34" s="102">
        <v>0</v>
      </c>
      <c r="EV34" s="102">
        <v>1</v>
      </c>
      <c r="EW34" s="102">
        <v>1</v>
      </c>
      <c r="EX34" s="102">
        <v>0</v>
      </c>
      <c r="EY34" s="103">
        <v>3</v>
      </c>
      <c r="EZ34" s="104">
        <v>3</v>
      </c>
      <c r="FA34" s="101">
        <v>1</v>
      </c>
      <c r="FB34" s="102">
        <v>0</v>
      </c>
      <c r="FC34" s="103">
        <v>1</v>
      </c>
      <c r="FD34" s="413">
        <v>0</v>
      </c>
      <c r="FE34" s="102">
        <v>0</v>
      </c>
      <c r="FF34" s="102">
        <v>1</v>
      </c>
      <c r="FG34" s="102">
        <v>0</v>
      </c>
      <c r="FH34" s="102">
        <v>0</v>
      </c>
      <c r="FI34" s="102">
        <v>0</v>
      </c>
      <c r="FJ34" s="103">
        <v>1</v>
      </c>
      <c r="FK34" s="104">
        <v>2</v>
      </c>
      <c r="FL34" s="101">
        <v>0</v>
      </c>
      <c r="FM34" s="102">
        <v>0</v>
      </c>
      <c r="FN34" s="103">
        <v>0</v>
      </c>
      <c r="FO34" s="413">
        <v>0</v>
      </c>
      <c r="FP34" s="102">
        <v>0</v>
      </c>
      <c r="FQ34" s="102">
        <v>0</v>
      </c>
      <c r="FR34" s="102">
        <v>1</v>
      </c>
      <c r="FS34" s="102">
        <v>0</v>
      </c>
      <c r="FT34" s="102">
        <v>0</v>
      </c>
      <c r="FU34" s="103">
        <v>1</v>
      </c>
      <c r="FV34" s="104">
        <v>1</v>
      </c>
      <c r="FW34" s="101">
        <v>0</v>
      </c>
      <c r="FX34" s="102">
        <v>0</v>
      </c>
      <c r="FY34" s="103">
        <v>0</v>
      </c>
      <c r="FZ34" s="413">
        <v>0</v>
      </c>
      <c r="GA34" s="102">
        <v>0</v>
      </c>
      <c r="GB34" s="102">
        <v>0</v>
      </c>
      <c r="GC34" s="102">
        <v>0</v>
      </c>
      <c r="GD34" s="102">
        <v>0</v>
      </c>
      <c r="GE34" s="102">
        <v>0</v>
      </c>
      <c r="GF34" s="103">
        <v>0</v>
      </c>
      <c r="GG34" s="104">
        <v>0</v>
      </c>
      <c r="GH34" s="101">
        <v>1</v>
      </c>
      <c r="GI34" s="102">
        <v>0</v>
      </c>
      <c r="GJ34" s="103">
        <v>1</v>
      </c>
      <c r="GK34" s="413">
        <v>0</v>
      </c>
      <c r="GL34" s="102">
        <v>1</v>
      </c>
      <c r="GM34" s="102">
        <v>1</v>
      </c>
      <c r="GN34" s="102">
        <v>3</v>
      </c>
      <c r="GO34" s="102">
        <v>2</v>
      </c>
      <c r="GP34" s="102">
        <v>0</v>
      </c>
      <c r="GQ34" s="103">
        <v>7</v>
      </c>
      <c r="GR34" s="104">
        <v>8</v>
      </c>
      <c r="GS34" s="105">
        <v>5</v>
      </c>
      <c r="GT34" s="97">
        <v>4</v>
      </c>
      <c r="GU34" s="98">
        <v>9</v>
      </c>
      <c r="GV34" s="413">
        <v>0</v>
      </c>
      <c r="GW34" s="97">
        <v>7</v>
      </c>
      <c r="GX34" s="97">
        <v>6</v>
      </c>
      <c r="GY34" s="97">
        <v>10</v>
      </c>
      <c r="GZ34" s="97">
        <v>4</v>
      </c>
      <c r="HA34" s="97">
        <v>2</v>
      </c>
      <c r="HB34" s="99">
        <v>29</v>
      </c>
      <c r="HC34" s="100">
        <v>38</v>
      </c>
      <c r="HD34" s="101">
        <v>0</v>
      </c>
      <c r="HE34" s="102">
        <v>0</v>
      </c>
      <c r="HF34" s="103">
        <v>0</v>
      </c>
      <c r="HG34" s="413">
        <v>0</v>
      </c>
      <c r="HH34" s="102">
        <v>0</v>
      </c>
      <c r="HI34" s="102">
        <v>1</v>
      </c>
      <c r="HJ34" s="102">
        <v>0</v>
      </c>
      <c r="HK34" s="102">
        <v>0</v>
      </c>
      <c r="HL34" s="102">
        <v>0</v>
      </c>
      <c r="HM34" s="103">
        <v>1</v>
      </c>
      <c r="HN34" s="104">
        <v>1</v>
      </c>
      <c r="HO34" s="101">
        <v>2</v>
      </c>
      <c r="HP34" s="102">
        <v>1</v>
      </c>
      <c r="HQ34" s="103">
        <v>3</v>
      </c>
      <c r="HR34" s="413">
        <v>0</v>
      </c>
      <c r="HS34" s="102">
        <v>0</v>
      </c>
      <c r="HT34" s="102">
        <v>1</v>
      </c>
      <c r="HU34" s="102">
        <v>2</v>
      </c>
      <c r="HV34" s="102">
        <v>0</v>
      </c>
      <c r="HW34" s="102">
        <v>1</v>
      </c>
      <c r="HX34" s="103">
        <v>4</v>
      </c>
      <c r="HY34" s="104">
        <v>7</v>
      </c>
      <c r="HZ34" s="101">
        <v>0</v>
      </c>
      <c r="IA34" s="102">
        <v>1</v>
      </c>
      <c r="IB34" s="103">
        <v>1</v>
      </c>
      <c r="IC34" s="413">
        <v>0</v>
      </c>
      <c r="ID34" s="102">
        <v>3</v>
      </c>
      <c r="IE34" s="102">
        <v>0</v>
      </c>
      <c r="IF34" s="102">
        <v>1</v>
      </c>
      <c r="IG34" s="102">
        <v>1</v>
      </c>
      <c r="IH34" s="102">
        <v>0</v>
      </c>
      <c r="II34" s="103">
        <v>5</v>
      </c>
      <c r="IJ34" s="104">
        <v>6</v>
      </c>
      <c r="IK34" s="101">
        <v>1</v>
      </c>
      <c r="IL34" s="102">
        <v>1</v>
      </c>
      <c r="IM34" s="103">
        <v>2</v>
      </c>
      <c r="IN34" s="413">
        <v>0</v>
      </c>
      <c r="IO34" s="102">
        <v>1</v>
      </c>
      <c r="IP34" s="102">
        <v>1</v>
      </c>
      <c r="IQ34" s="102">
        <v>1</v>
      </c>
      <c r="IR34" s="102">
        <v>1</v>
      </c>
      <c r="IS34" s="102">
        <v>0</v>
      </c>
      <c r="IT34" s="103">
        <v>4</v>
      </c>
      <c r="IU34" s="104">
        <v>6</v>
      </c>
      <c r="IV34" s="101">
        <v>1</v>
      </c>
      <c r="IW34" s="102">
        <v>1</v>
      </c>
      <c r="IX34" s="103">
        <v>2</v>
      </c>
      <c r="IY34" s="413">
        <v>0</v>
      </c>
      <c r="IZ34" s="102">
        <v>1</v>
      </c>
      <c r="JA34" s="102">
        <v>2</v>
      </c>
      <c r="JB34" s="102">
        <v>2</v>
      </c>
      <c r="JC34" s="102">
        <v>1</v>
      </c>
      <c r="JD34" s="102">
        <v>0</v>
      </c>
      <c r="JE34" s="103">
        <v>6</v>
      </c>
      <c r="JF34" s="104">
        <v>8</v>
      </c>
      <c r="JG34" s="101">
        <v>1</v>
      </c>
      <c r="JH34" s="102">
        <v>0</v>
      </c>
      <c r="JI34" s="103">
        <v>1</v>
      </c>
      <c r="JJ34" s="413">
        <v>0</v>
      </c>
      <c r="JK34" s="102">
        <v>2</v>
      </c>
      <c r="JL34" s="102">
        <v>1</v>
      </c>
      <c r="JM34" s="102">
        <v>4</v>
      </c>
      <c r="JN34" s="102">
        <v>1</v>
      </c>
      <c r="JO34" s="102">
        <v>1</v>
      </c>
      <c r="JP34" s="103">
        <v>9</v>
      </c>
      <c r="JQ34" s="104">
        <v>10</v>
      </c>
      <c r="JR34" s="101">
        <v>0</v>
      </c>
      <c r="JS34" s="102">
        <v>0</v>
      </c>
      <c r="JT34" s="103">
        <v>0</v>
      </c>
      <c r="JU34" s="413">
        <v>0</v>
      </c>
      <c r="JV34" s="102">
        <v>0</v>
      </c>
      <c r="JW34" s="102">
        <v>0</v>
      </c>
      <c r="JX34" s="102">
        <v>0</v>
      </c>
      <c r="JY34" s="102">
        <v>0</v>
      </c>
      <c r="JZ34" s="102">
        <v>0</v>
      </c>
      <c r="KA34" s="103">
        <v>0</v>
      </c>
      <c r="KB34" s="104">
        <v>0</v>
      </c>
      <c r="KC34" s="101">
        <v>5</v>
      </c>
      <c r="KD34" s="102">
        <v>4</v>
      </c>
      <c r="KE34" s="103">
        <v>9</v>
      </c>
      <c r="KF34" s="413">
        <v>0</v>
      </c>
      <c r="KG34" s="102">
        <v>7</v>
      </c>
      <c r="KH34" s="102">
        <v>6</v>
      </c>
      <c r="KI34" s="102">
        <v>10</v>
      </c>
      <c r="KJ34" s="102">
        <v>4</v>
      </c>
      <c r="KK34" s="102">
        <v>2</v>
      </c>
      <c r="KL34" s="103">
        <v>29</v>
      </c>
      <c r="KM34" s="104">
        <v>38</v>
      </c>
    </row>
    <row r="35" spans="2:299" s="70" customFormat="1" ht="21" customHeight="1" x14ac:dyDescent="0.2">
      <c r="B35" s="106" t="s">
        <v>32</v>
      </c>
      <c r="C35" s="96">
        <v>7</v>
      </c>
      <c r="D35" s="97">
        <v>4</v>
      </c>
      <c r="E35" s="98">
        <v>11</v>
      </c>
      <c r="F35" s="413">
        <v>0</v>
      </c>
      <c r="G35" s="97">
        <v>13</v>
      </c>
      <c r="H35" s="97">
        <v>5</v>
      </c>
      <c r="I35" s="97">
        <v>2</v>
      </c>
      <c r="J35" s="97">
        <v>5</v>
      </c>
      <c r="K35" s="97">
        <v>3</v>
      </c>
      <c r="L35" s="99">
        <v>28</v>
      </c>
      <c r="M35" s="100">
        <v>39</v>
      </c>
      <c r="N35" s="101">
        <v>0</v>
      </c>
      <c r="O35" s="102">
        <v>0</v>
      </c>
      <c r="P35" s="103">
        <v>0</v>
      </c>
      <c r="Q35" s="413">
        <v>0</v>
      </c>
      <c r="R35" s="102">
        <v>0</v>
      </c>
      <c r="S35" s="102">
        <v>0</v>
      </c>
      <c r="T35" s="102">
        <v>0</v>
      </c>
      <c r="U35" s="102">
        <v>0</v>
      </c>
      <c r="V35" s="102">
        <v>0</v>
      </c>
      <c r="W35" s="103">
        <v>0</v>
      </c>
      <c r="X35" s="104">
        <v>0</v>
      </c>
      <c r="Y35" s="101">
        <v>0</v>
      </c>
      <c r="Z35" s="102">
        <v>0</v>
      </c>
      <c r="AA35" s="103">
        <v>0</v>
      </c>
      <c r="AB35" s="413">
        <v>0</v>
      </c>
      <c r="AC35" s="102">
        <v>0</v>
      </c>
      <c r="AD35" s="102">
        <v>0</v>
      </c>
      <c r="AE35" s="102">
        <v>1</v>
      </c>
      <c r="AF35" s="102">
        <v>2</v>
      </c>
      <c r="AG35" s="102">
        <v>0</v>
      </c>
      <c r="AH35" s="103">
        <v>3</v>
      </c>
      <c r="AI35" s="104">
        <v>3</v>
      </c>
      <c r="AJ35" s="101">
        <v>1</v>
      </c>
      <c r="AK35" s="102">
        <v>0</v>
      </c>
      <c r="AL35" s="103">
        <v>1</v>
      </c>
      <c r="AM35" s="413">
        <v>0</v>
      </c>
      <c r="AN35" s="102">
        <v>3</v>
      </c>
      <c r="AO35" s="102">
        <v>0</v>
      </c>
      <c r="AP35" s="102">
        <v>0</v>
      </c>
      <c r="AQ35" s="102">
        <v>1</v>
      </c>
      <c r="AR35" s="102">
        <v>2</v>
      </c>
      <c r="AS35" s="103">
        <v>6</v>
      </c>
      <c r="AT35" s="104">
        <v>7</v>
      </c>
      <c r="AU35" s="101">
        <v>3</v>
      </c>
      <c r="AV35" s="102">
        <v>2</v>
      </c>
      <c r="AW35" s="103">
        <v>5</v>
      </c>
      <c r="AX35" s="413">
        <v>0</v>
      </c>
      <c r="AY35" s="102">
        <v>5</v>
      </c>
      <c r="AZ35" s="102">
        <v>1</v>
      </c>
      <c r="BA35" s="102">
        <v>0</v>
      </c>
      <c r="BB35" s="102">
        <v>0</v>
      </c>
      <c r="BC35" s="102">
        <v>1</v>
      </c>
      <c r="BD35" s="103">
        <v>7</v>
      </c>
      <c r="BE35" s="104">
        <v>12</v>
      </c>
      <c r="BF35" s="101">
        <v>0</v>
      </c>
      <c r="BG35" s="102">
        <v>2</v>
      </c>
      <c r="BH35" s="103">
        <v>2</v>
      </c>
      <c r="BI35" s="413">
        <v>0</v>
      </c>
      <c r="BJ35" s="102">
        <v>1</v>
      </c>
      <c r="BK35" s="102">
        <v>2</v>
      </c>
      <c r="BL35" s="102">
        <v>1</v>
      </c>
      <c r="BM35" s="102">
        <v>0</v>
      </c>
      <c r="BN35" s="102">
        <v>0</v>
      </c>
      <c r="BO35" s="103">
        <v>4</v>
      </c>
      <c r="BP35" s="104">
        <v>6</v>
      </c>
      <c r="BQ35" s="101">
        <v>3</v>
      </c>
      <c r="BR35" s="102">
        <v>0</v>
      </c>
      <c r="BS35" s="103">
        <v>3</v>
      </c>
      <c r="BT35" s="413">
        <v>0</v>
      </c>
      <c r="BU35" s="102">
        <v>4</v>
      </c>
      <c r="BV35" s="102">
        <v>2</v>
      </c>
      <c r="BW35" s="102">
        <v>0</v>
      </c>
      <c r="BX35" s="102">
        <v>2</v>
      </c>
      <c r="BY35" s="102">
        <v>0</v>
      </c>
      <c r="BZ35" s="103">
        <v>8</v>
      </c>
      <c r="CA35" s="104">
        <v>11</v>
      </c>
      <c r="CB35" s="101">
        <v>0</v>
      </c>
      <c r="CC35" s="102">
        <v>0</v>
      </c>
      <c r="CD35" s="103">
        <v>0</v>
      </c>
      <c r="CE35" s="413">
        <v>0</v>
      </c>
      <c r="CF35" s="102">
        <v>0</v>
      </c>
      <c r="CG35" s="102">
        <v>0</v>
      </c>
      <c r="CH35" s="102">
        <v>0</v>
      </c>
      <c r="CI35" s="102">
        <v>0</v>
      </c>
      <c r="CJ35" s="102">
        <v>0</v>
      </c>
      <c r="CK35" s="103">
        <v>0</v>
      </c>
      <c r="CL35" s="104">
        <v>0</v>
      </c>
      <c r="CM35" s="101">
        <v>7</v>
      </c>
      <c r="CN35" s="102">
        <v>4</v>
      </c>
      <c r="CO35" s="103">
        <v>11</v>
      </c>
      <c r="CP35" s="413">
        <v>0</v>
      </c>
      <c r="CQ35" s="102">
        <v>13</v>
      </c>
      <c r="CR35" s="102">
        <v>5</v>
      </c>
      <c r="CS35" s="102">
        <v>2</v>
      </c>
      <c r="CT35" s="102">
        <v>5</v>
      </c>
      <c r="CU35" s="102">
        <v>3</v>
      </c>
      <c r="CV35" s="103">
        <v>28</v>
      </c>
      <c r="CW35" s="104">
        <v>39</v>
      </c>
      <c r="CX35" s="105">
        <v>2</v>
      </c>
      <c r="CY35" s="97">
        <v>1</v>
      </c>
      <c r="CZ35" s="98">
        <v>3</v>
      </c>
      <c r="DA35" s="413">
        <v>0</v>
      </c>
      <c r="DB35" s="97">
        <v>5</v>
      </c>
      <c r="DC35" s="97">
        <v>3</v>
      </c>
      <c r="DD35" s="97">
        <v>1</v>
      </c>
      <c r="DE35" s="97">
        <v>3</v>
      </c>
      <c r="DF35" s="97">
        <v>2</v>
      </c>
      <c r="DG35" s="99">
        <v>14</v>
      </c>
      <c r="DH35" s="100">
        <v>17</v>
      </c>
      <c r="DI35" s="101">
        <v>0</v>
      </c>
      <c r="DJ35" s="102">
        <v>0</v>
      </c>
      <c r="DK35" s="103">
        <v>0</v>
      </c>
      <c r="DL35" s="413">
        <v>0</v>
      </c>
      <c r="DM35" s="102">
        <v>0</v>
      </c>
      <c r="DN35" s="102">
        <v>0</v>
      </c>
      <c r="DO35" s="102">
        <v>0</v>
      </c>
      <c r="DP35" s="102">
        <v>0</v>
      </c>
      <c r="DQ35" s="102">
        <v>0</v>
      </c>
      <c r="DR35" s="103">
        <v>0</v>
      </c>
      <c r="DS35" s="104">
        <v>0</v>
      </c>
      <c r="DT35" s="101">
        <v>1</v>
      </c>
      <c r="DU35" s="102">
        <v>0</v>
      </c>
      <c r="DV35" s="103">
        <v>1</v>
      </c>
      <c r="DW35" s="413">
        <v>0</v>
      </c>
      <c r="DX35" s="102">
        <v>0</v>
      </c>
      <c r="DY35" s="102">
        <v>0</v>
      </c>
      <c r="DZ35" s="102">
        <v>0</v>
      </c>
      <c r="EA35" s="102">
        <v>0</v>
      </c>
      <c r="EB35" s="102">
        <v>0</v>
      </c>
      <c r="EC35" s="103">
        <v>0</v>
      </c>
      <c r="ED35" s="104">
        <v>1</v>
      </c>
      <c r="EE35" s="101">
        <v>0</v>
      </c>
      <c r="EF35" s="102">
        <v>0</v>
      </c>
      <c r="EG35" s="103">
        <v>0</v>
      </c>
      <c r="EH35" s="413">
        <v>0</v>
      </c>
      <c r="EI35" s="102">
        <v>1</v>
      </c>
      <c r="EJ35" s="102">
        <v>0</v>
      </c>
      <c r="EK35" s="102">
        <v>1</v>
      </c>
      <c r="EL35" s="102">
        <v>0</v>
      </c>
      <c r="EM35" s="102">
        <v>0</v>
      </c>
      <c r="EN35" s="103">
        <v>2</v>
      </c>
      <c r="EO35" s="104">
        <v>2</v>
      </c>
      <c r="EP35" s="101">
        <v>1</v>
      </c>
      <c r="EQ35" s="102">
        <v>0</v>
      </c>
      <c r="ER35" s="103">
        <v>1</v>
      </c>
      <c r="ES35" s="413">
        <v>0</v>
      </c>
      <c r="ET35" s="102">
        <v>1</v>
      </c>
      <c r="EU35" s="102">
        <v>0</v>
      </c>
      <c r="EV35" s="102">
        <v>0</v>
      </c>
      <c r="EW35" s="102">
        <v>1</v>
      </c>
      <c r="EX35" s="102">
        <v>0</v>
      </c>
      <c r="EY35" s="103">
        <v>2</v>
      </c>
      <c r="EZ35" s="104">
        <v>3</v>
      </c>
      <c r="FA35" s="101">
        <v>0</v>
      </c>
      <c r="FB35" s="102">
        <v>0</v>
      </c>
      <c r="FC35" s="103">
        <v>0</v>
      </c>
      <c r="FD35" s="413">
        <v>0</v>
      </c>
      <c r="FE35" s="102">
        <v>1</v>
      </c>
      <c r="FF35" s="102">
        <v>1</v>
      </c>
      <c r="FG35" s="102">
        <v>0</v>
      </c>
      <c r="FH35" s="102">
        <v>0</v>
      </c>
      <c r="FI35" s="102">
        <v>2</v>
      </c>
      <c r="FJ35" s="103">
        <v>4</v>
      </c>
      <c r="FK35" s="104">
        <v>4</v>
      </c>
      <c r="FL35" s="101">
        <v>0</v>
      </c>
      <c r="FM35" s="102">
        <v>1</v>
      </c>
      <c r="FN35" s="103">
        <v>1</v>
      </c>
      <c r="FO35" s="413">
        <v>0</v>
      </c>
      <c r="FP35" s="102">
        <v>2</v>
      </c>
      <c r="FQ35" s="102">
        <v>2</v>
      </c>
      <c r="FR35" s="102">
        <v>0</v>
      </c>
      <c r="FS35" s="102">
        <v>2</v>
      </c>
      <c r="FT35" s="102">
        <v>0</v>
      </c>
      <c r="FU35" s="103">
        <v>6</v>
      </c>
      <c r="FV35" s="104">
        <v>7</v>
      </c>
      <c r="FW35" s="101">
        <v>0</v>
      </c>
      <c r="FX35" s="102">
        <v>0</v>
      </c>
      <c r="FY35" s="103">
        <v>0</v>
      </c>
      <c r="FZ35" s="413">
        <v>0</v>
      </c>
      <c r="GA35" s="102">
        <v>0</v>
      </c>
      <c r="GB35" s="102">
        <v>0</v>
      </c>
      <c r="GC35" s="102">
        <v>0</v>
      </c>
      <c r="GD35" s="102">
        <v>0</v>
      </c>
      <c r="GE35" s="102">
        <v>0</v>
      </c>
      <c r="GF35" s="103">
        <v>0</v>
      </c>
      <c r="GG35" s="104">
        <v>0</v>
      </c>
      <c r="GH35" s="101">
        <v>2</v>
      </c>
      <c r="GI35" s="102">
        <v>1</v>
      </c>
      <c r="GJ35" s="103">
        <v>3</v>
      </c>
      <c r="GK35" s="413">
        <v>0</v>
      </c>
      <c r="GL35" s="102">
        <v>5</v>
      </c>
      <c r="GM35" s="102">
        <v>3</v>
      </c>
      <c r="GN35" s="102">
        <v>1</v>
      </c>
      <c r="GO35" s="102">
        <v>3</v>
      </c>
      <c r="GP35" s="102">
        <v>2</v>
      </c>
      <c r="GQ35" s="103">
        <v>14</v>
      </c>
      <c r="GR35" s="104">
        <v>17</v>
      </c>
      <c r="GS35" s="105">
        <v>9</v>
      </c>
      <c r="GT35" s="97">
        <v>5</v>
      </c>
      <c r="GU35" s="98">
        <v>14</v>
      </c>
      <c r="GV35" s="413">
        <v>0</v>
      </c>
      <c r="GW35" s="97">
        <v>18</v>
      </c>
      <c r="GX35" s="97">
        <v>8</v>
      </c>
      <c r="GY35" s="97">
        <v>3</v>
      </c>
      <c r="GZ35" s="97">
        <v>8</v>
      </c>
      <c r="HA35" s="97">
        <v>5</v>
      </c>
      <c r="HB35" s="99">
        <v>42</v>
      </c>
      <c r="HC35" s="100">
        <v>56</v>
      </c>
      <c r="HD35" s="101">
        <v>0</v>
      </c>
      <c r="HE35" s="102">
        <v>0</v>
      </c>
      <c r="HF35" s="103">
        <v>0</v>
      </c>
      <c r="HG35" s="413">
        <v>0</v>
      </c>
      <c r="HH35" s="102">
        <v>0</v>
      </c>
      <c r="HI35" s="102">
        <v>0</v>
      </c>
      <c r="HJ35" s="102">
        <v>0</v>
      </c>
      <c r="HK35" s="102">
        <v>0</v>
      </c>
      <c r="HL35" s="102">
        <v>0</v>
      </c>
      <c r="HM35" s="103">
        <v>0</v>
      </c>
      <c r="HN35" s="104">
        <v>0</v>
      </c>
      <c r="HO35" s="101">
        <v>1</v>
      </c>
      <c r="HP35" s="102">
        <v>0</v>
      </c>
      <c r="HQ35" s="103">
        <v>1</v>
      </c>
      <c r="HR35" s="413">
        <v>0</v>
      </c>
      <c r="HS35" s="102">
        <v>0</v>
      </c>
      <c r="HT35" s="102">
        <v>0</v>
      </c>
      <c r="HU35" s="102">
        <v>1</v>
      </c>
      <c r="HV35" s="102">
        <v>2</v>
      </c>
      <c r="HW35" s="102">
        <v>0</v>
      </c>
      <c r="HX35" s="103">
        <v>3</v>
      </c>
      <c r="HY35" s="104">
        <v>4</v>
      </c>
      <c r="HZ35" s="101">
        <v>1</v>
      </c>
      <c r="IA35" s="102">
        <v>0</v>
      </c>
      <c r="IB35" s="103">
        <v>1</v>
      </c>
      <c r="IC35" s="413">
        <v>0</v>
      </c>
      <c r="ID35" s="102">
        <v>4</v>
      </c>
      <c r="IE35" s="102">
        <v>0</v>
      </c>
      <c r="IF35" s="102">
        <v>1</v>
      </c>
      <c r="IG35" s="102">
        <v>1</v>
      </c>
      <c r="IH35" s="102">
        <v>2</v>
      </c>
      <c r="II35" s="103">
        <v>8</v>
      </c>
      <c r="IJ35" s="104">
        <v>9</v>
      </c>
      <c r="IK35" s="101">
        <v>4</v>
      </c>
      <c r="IL35" s="102">
        <v>2</v>
      </c>
      <c r="IM35" s="103">
        <v>6</v>
      </c>
      <c r="IN35" s="413">
        <v>0</v>
      </c>
      <c r="IO35" s="102">
        <v>6</v>
      </c>
      <c r="IP35" s="102">
        <v>1</v>
      </c>
      <c r="IQ35" s="102">
        <v>0</v>
      </c>
      <c r="IR35" s="102">
        <v>1</v>
      </c>
      <c r="IS35" s="102">
        <v>1</v>
      </c>
      <c r="IT35" s="103">
        <v>9</v>
      </c>
      <c r="IU35" s="104">
        <v>15</v>
      </c>
      <c r="IV35" s="101">
        <v>0</v>
      </c>
      <c r="IW35" s="102">
        <v>2</v>
      </c>
      <c r="IX35" s="103">
        <v>2</v>
      </c>
      <c r="IY35" s="413">
        <v>0</v>
      </c>
      <c r="IZ35" s="102">
        <v>2</v>
      </c>
      <c r="JA35" s="102">
        <v>3</v>
      </c>
      <c r="JB35" s="102">
        <v>1</v>
      </c>
      <c r="JC35" s="102">
        <v>0</v>
      </c>
      <c r="JD35" s="102">
        <v>2</v>
      </c>
      <c r="JE35" s="103">
        <v>8</v>
      </c>
      <c r="JF35" s="104">
        <v>10</v>
      </c>
      <c r="JG35" s="101">
        <v>3</v>
      </c>
      <c r="JH35" s="102">
        <v>1</v>
      </c>
      <c r="JI35" s="103">
        <v>4</v>
      </c>
      <c r="JJ35" s="413">
        <v>0</v>
      </c>
      <c r="JK35" s="102">
        <v>6</v>
      </c>
      <c r="JL35" s="102">
        <v>4</v>
      </c>
      <c r="JM35" s="102">
        <v>0</v>
      </c>
      <c r="JN35" s="102">
        <v>4</v>
      </c>
      <c r="JO35" s="102">
        <v>0</v>
      </c>
      <c r="JP35" s="103">
        <v>14</v>
      </c>
      <c r="JQ35" s="104">
        <v>18</v>
      </c>
      <c r="JR35" s="101">
        <v>0</v>
      </c>
      <c r="JS35" s="102">
        <v>0</v>
      </c>
      <c r="JT35" s="103">
        <v>0</v>
      </c>
      <c r="JU35" s="413">
        <v>0</v>
      </c>
      <c r="JV35" s="102">
        <v>0</v>
      </c>
      <c r="JW35" s="102">
        <v>0</v>
      </c>
      <c r="JX35" s="102">
        <v>0</v>
      </c>
      <c r="JY35" s="102">
        <v>0</v>
      </c>
      <c r="JZ35" s="102">
        <v>0</v>
      </c>
      <c r="KA35" s="103">
        <v>0</v>
      </c>
      <c r="KB35" s="104">
        <v>0</v>
      </c>
      <c r="KC35" s="101">
        <v>9</v>
      </c>
      <c r="KD35" s="102">
        <v>5</v>
      </c>
      <c r="KE35" s="103">
        <v>14</v>
      </c>
      <c r="KF35" s="413">
        <v>0</v>
      </c>
      <c r="KG35" s="102">
        <v>18</v>
      </c>
      <c r="KH35" s="102">
        <v>8</v>
      </c>
      <c r="KI35" s="102">
        <v>3</v>
      </c>
      <c r="KJ35" s="102">
        <v>8</v>
      </c>
      <c r="KK35" s="102">
        <v>5</v>
      </c>
      <c r="KL35" s="103">
        <v>42</v>
      </c>
      <c r="KM35" s="104">
        <v>56</v>
      </c>
    </row>
    <row r="36" spans="2:299" s="70" customFormat="1" ht="21" customHeight="1" x14ac:dyDescent="0.2">
      <c r="B36" s="106" t="s">
        <v>33</v>
      </c>
      <c r="C36" s="96">
        <v>2</v>
      </c>
      <c r="D36" s="97">
        <v>2</v>
      </c>
      <c r="E36" s="98">
        <v>4</v>
      </c>
      <c r="F36" s="413">
        <v>0</v>
      </c>
      <c r="G36" s="97">
        <v>12</v>
      </c>
      <c r="H36" s="97">
        <v>3</v>
      </c>
      <c r="I36" s="97">
        <v>3</v>
      </c>
      <c r="J36" s="97">
        <v>2</v>
      </c>
      <c r="K36" s="97">
        <v>4</v>
      </c>
      <c r="L36" s="99">
        <v>24</v>
      </c>
      <c r="M36" s="100">
        <v>28</v>
      </c>
      <c r="N36" s="101">
        <v>0</v>
      </c>
      <c r="O36" s="102">
        <v>0</v>
      </c>
      <c r="P36" s="103">
        <v>0</v>
      </c>
      <c r="Q36" s="413">
        <v>0</v>
      </c>
      <c r="R36" s="102">
        <v>3</v>
      </c>
      <c r="S36" s="102">
        <v>0</v>
      </c>
      <c r="T36" s="102">
        <v>0</v>
      </c>
      <c r="U36" s="102">
        <v>1</v>
      </c>
      <c r="V36" s="102">
        <v>0</v>
      </c>
      <c r="W36" s="103">
        <v>4</v>
      </c>
      <c r="X36" s="104">
        <v>4</v>
      </c>
      <c r="Y36" s="101">
        <v>0</v>
      </c>
      <c r="Z36" s="102">
        <v>0</v>
      </c>
      <c r="AA36" s="103">
        <v>0</v>
      </c>
      <c r="AB36" s="413">
        <v>0</v>
      </c>
      <c r="AC36" s="102">
        <v>0</v>
      </c>
      <c r="AD36" s="102">
        <v>0</v>
      </c>
      <c r="AE36" s="102">
        <v>0</v>
      </c>
      <c r="AF36" s="102">
        <v>0</v>
      </c>
      <c r="AG36" s="102">
        <v>1</v>
      </c>
      <c r="AH36" s="103">
        <v>1</v>
      </c>
      <c r="AI36" s="104">
        <v>1</v>
      </c>
      <c r="AJ36" s="101">
        <v>0</v>
      </c>
      <c r="AK36" s="102">
        <v>1</v>
      </c>
      <c r="AL36" s="103">
        <v>1</v>
      </c>
      <c r="AM36" s="413">
        <v>0</v>
      </c>
      <c r="AN36" s="102">
        <v>2</v>
      </c>
      <c r="AO36" s="102">
        <v>1</v>
      </c>
      <c r="AP36" s="102">
        <v>1</v>
      </c>
      <c r="AQ36" s="102">
        <v>0</v>
      </c>
      <c r="AR36" s="102">
        <v>2</v>
      </c>
      <c r="AS36" s="103">
        <v>6</v>
      </c>
      <c r="AT36" s="104">
        <v>7</v>
      </c>
      <c r="AU36" s="101">
        <v>2</v>
      </c>
      <c r="AV36" s="102">
        <v>1</v>
      </c>
      <c r="AW36" s="103">
        <v>3</v>
      </c>
      <c r="AX36" s="413">
        <v>0</v>
      </c>
      <c r="AY36" s="102">
        <v>0</v>
      </c>
      <c r="AZ36" s="102">
        <v>1</v>
      </c>
      <c r="BA36" s="102">
        <v>1</v>
      </c>
      <c r="BB36" s="102">
        <v>0</v>
      </c>
      <c r="BC36" s="102">
        <v>0</v>
      </c>
      <c r="BD36" s="103">
        <v>2</v>
      </c>
      <c r="BE36" s="104">
        <v>5</v>
      </c>
      <c r="BF36" s="101">
        <v>0</v>
      </c>
      <c r="BG36" s="102">
        <v>0</v>
      </c>
      <c r="BH36" s="103">
        <v>0</v>
      </c>
      <c r="BI36" s="413">
        <v>0</v>
      </c>
      <c r="BJ36" s="102">
        <v>3</v>
      </c>
      <c r="BK36" s="102">
        <v>1</v>
      </c>
      <c r="BL36" s="102">
        <v>0</v>
      </c>
      <c r="BM36" s="102">
        <v>0</v>
      </c>
      <c r="BN36" s="102">
        <v>1</v>
      </c>
      <c r="BO36" s="103">
        <v>5</v>
      </c>
      <c r="BP36" s="104">
        <v>5</v>
      </c>
      <c r="BQ36" s="101">
        <v>0</v>
      </c>
      <c r="BR36" s="102">
        <v>0</v>
      </c>
      <c r="BS36" s="103">
        <v>0</v>
      </c>
      <c r="BT36" s="413">
        <v>0</v>
      </c>
      <c r="BU36" s="102">
        <v>4</v>
      </c>
      <c r="BV36" s="102">
        <v>0</v>
      </c>
      <c r="BW36" s="102">
        <v>1</v>
      </c>
      <c r="BX36" s="102">
        <v>1</v>
      </c>
      <c r="BY36" s="102">
        <v>0</v>
      </c>
      <c r="BZ36" s="103">
        <v>6</v>
      </c>
      <c r="CA36" s="104">
        <v>6</v>
      </c>
      <c r="CB36" s="101">
        <v>0</v>
      </c>
      <c r="CC36" s="102">
        <v>0</v>
      </c>
      <c r="CD36" s="103">
        <v>0</v>
      </c>
      <c r="CE36" s="413">
        <v>0</v>
      </c>
      <c r="CF36" s="102">
        <v>0</v>
      </c>
      <c r="CG36" s="102">
        <v>0</v>
      </c>
      <c r="CH36" s="102">
        <v>0</v>
      </c>
      <c r="CI36" s="102">
        <v>0</v>
      </c>
      <c r="CJ36" s="102">
        <v>0</v>
      </c>
      <c r="CK36" s="103">
        <v>0</v>
      </c>
      <c r="CL36" s="104">
        <v>0</v>
      </c>
      <c r="CM36" s="101">
        <v>2</v>
      </c>
      <c r="CN36" s="102">
        <v>2</v>
      </c>
      <c r="CO36" s="103">
        <v>4</v>
      </c>
      <c r="CP36" s="413">
        <v>0</v>
      </c>
      <c r="CQ36" s="102">
        <v>12</v>
      </c>
      <c r="CR36" s="102">
        <v>3</v>
      </c>
      <c r="CS36" s="102">
        <v>3</v>
      </c>
      <c r="CT36" s="102">
        <v>2</v>
      </c>
      <c r="CU36" s="102">
        <v>4</v>
      </c>
      <c r="CV36" s="103">
        <v>24</v>
      </c>
      <c r="CW36" s="104">
        <v>28</v>
      </c>
      <c r="CX36" s="105">
        <v>0</v>
      </c>
      <c r="CY36" s="97">
        <v>3</v>
      </c>
      <c r="CZ36" s="98">
        <v>3</v>
      </c>
      <c r="DA36" s="413">
        <v>0</v>
      </c>
      <c r="DB36" s="97">
        <v>4</v>
      </c>
      <c r="DC36" s="97">
        <v>3</v>
      </c>
      <c r="DD36" s="97">
        <v>2</v>
      </c>
      <c r="DE36" s="97">
        <v>2</v>
      </c>
      <c r="DF36" s="97">
        <v>2</v>
      </c>
      <c r="DG36" s="99">
        <v>13</v>
      </c>
      <c r="DH36" s="100">
        <v>16</v>
      </c>
      <c r="DI36" s="101">
        <v>0</v>
      </c>
      <c r="DJ36" s="102">
        <v>0</v>
      </c>
      <c r="DK36" s="103">
        <v>0</v>
      </c>
      <c r="DL36" s="413">
        <v>0</v>
      </c>
      <c r="DM36" s="102">
        <v>0</v>
      </c>
      <c r="DN36" s="102">
        <v>0</v>
      </c>
      <c r="DO36" s="102">
        <v>0</v>
      </c>
      <c r="DP36" s="102">
        <v>0</v>
      </c>
      <c r="DQ36" s="102">
        <v>0</v>
      </c>
      <c r="DR36" s="103">
        <v>0</v>
      </c>
      <c r="DS36" s="104">
        <v>0</v>
      </c>
      <c r="DT36" s="101">
        <v>0</v>
      </c>
      <c r="DU36" s="102">
        <v>0</v>
      </c>
      <c r="DV36" s="103">
        <v>0</v>
      </c>
      <c r="DW36" s="413">
        <v>0</v>
      </c>
      <c r="DX36" s="102">
        <v>0</v>
      </c>
      <c r="DY36" s="102">
        <v>0</v>
      </c>
      <c r="DZ36" s="102">
        <v>0</v>
      </c>
      <c r="EA36" s="102">
        <v>0</v>
      </c>
      <c r="EB36" s="102">
        <v>0</v>
      </c>
      <c r="EC36" s="103">
        <v>0</v>
      </c>
      <c r="ED36" s="104">
        <v>0</v>
      </c>
      <c r="EE36" s="101">
        <v>0</v>
      </c>
      <c r="EF36" s="102">
        <v>0</v>
      </c>
      <c r="EG36" s="103">
        <v>0</v>
      </c>
      <c r="EH36" s="413">
        <v>0</v>
      </c>
      <c r="EI36" s="102">
        <v>0</v>
      </c>
      <c r="EJ36" s="102">
        <v>0</v>
      </c>
      <c r="EK36" s="102">
        <v>0</v>
      </c>
      <c r="EL36" s="102">
        <v>0</v>
      </c>
      <c r="EM36" s="102">
        <v>0</v>
      </c>
      <c r="EN36" s="103">
        <v>0</v>
      </c>
      <c r="EO36" s="104">
        <v>0</v>
      </c>
      <c r="EP36" s="101">
        <v>0</v>
      </c>
      <c r="EQ36" s="102">
        <v>1</v>
      </c>
      <c r="ER36" s="103">
        <v>1</v>
      </c>
      <c r="ES36" s="413">
        <v>0</v>
      </c>
      <c r="ET36" s="102">
        <v>0</v>
      </c>
      <c r="EU36" s="102">
        <v>0</v>
      </c>
      <c r="EV36" s="102">
        <v>0</v>
      </c>
      <c r="EW36" s="102">
        <v>0</v>
      </c>
      <c r="EX36" s="102">
        <v>1</v>
      </c>
      <c r="EY36" s="103">
        <v>1</v>
      </c>
      <c r="EZ36" s="104">
        <v>2</v>
      </c>
      <c r="FA36" s="101">
        <v>0</v>
      </c>
      <c r="FB36" s="102">
        <v>2</v>
      </c>
      <c r="FC36" s="103">
        <v>2</v>
      </c>
      <c r="FD36" s="413">
        <v>0</v>
      </c>
      <c r="FE36" s="102">
        <v>1</v>
      </c>
      <c r="FF36" s="102">
        <v>0</v>
      </c>
      <c r="FG36" s="102">
        <v>0</v>
      </c>
      <c r="FH36" s="102">
        <v>1</v>
      </c>
      <c r="FI36" s="102">
        <v>0</v>
      </c>
      <c r="FJ36" s="103">
        <v>2</v>
      </c>
      <c r="FK36" s="104">
        <v>4</v>
      </c>
      <c r="FL36" s="101">
        <v>0</v>
      </c>
      <c r="FM36" s="102">
        <v>0</v>
      </c>
      <c r="FN36" s="103">
        <v>0</v>
      </c>
      <c r="FO36" s="413">
        <v>0</v>
      </c>
      <c r="FP36" s="102">
        <v>3</v>
      </c>
      <c r="FQ36" s="102">
        <v>3</v>
      </c>
      <c r="FR36" s="102">
        <v>2</v>
      </c>
      <c r="FS36" s="102">
        <v>1</v>
      </c>
      <c r="FT36" s="102">
        <v>1</v>
      </c>
      <c r="FU36" s="103">
        <v>10</v>
      </c>
      <c r="FV36" s="104">
        <v>10</v>
      </c>
      <c r="FW36" s="101">
        <v>0</v>
      </c>
      <c r="FX36" s="102">
        <v>0</v>
      </c>
      <c r="FY36" s="103">
        <v>0</v>
      </c>
      <c r="FZ36" s="413">
        <v>0</v>
      </c>
      <c r="GA36" s="102">
        <v>0</v>
      </c>
      <c r="GB36" s="102">
        <v>0</v>
      </c>
      <c r="GC36" s="102">
        <v>0</v>
      </c>
      <c r="GD36" s="102">
        <v>0</v>
      </c>
      <c r="GE36" s="102">
        <v>0</v>
      </c>
      <c r="GF36" s="103">
        <v>0</v>
      </c>
      <c r="GG36" s="104">
        <v>0</v>
      </c>
      <c r="GH36" s="101">
        <v>0</v>
      </c>
      <c r="GI36" s="102">
        <v>3</v>
      </c>
      <c r="GJ36" s="103">
        <v>3</v>
      </c>
      <c r="GK36" s="413">
        <v>0</v>
      </c>
      <c r="GL36" s="102">
        <v>4</v>
      </c>
      <c r="GM36" s="102">
        <v>3</v>
      </c>
      <c r="GN36" s="102">
        <v>2</v>
      </c>
      <c r="GO36" s="102">
        <v>2</v>
      </c>
      <c r="GP36" s="102">
        <v>2</v>
      </c>
      <c r="GQ36" s="103">
        <v>13</v>
      </c>
      <c r="GR36" s="104">
        <v>16</v>
      </c>
      <c r="GS36" s="105">
        <v>2</v>
      </c>
      <c r="GT36" s="97">
        <v>5</v>
      </c>
      <c r="GU36" s="98">
        <v>7</v>
      </c>
      <c r="GV36" s="413">
        <v>0</v>
      </c>
      <c r="GW36" s="97">
        <v>16</v>
      </c>
      <c r="GX36" s="97">
        <v>6</v>
      </c>
      <c r="GY36" s="97">
        <v>5</v>
      </c>
      <c r="GZ36" s="97">
        <v>4</v>
      </c>
      <c r="HA36" s="97">
        <v>6</v>
      </c>
      <c r="HB36" s="99">
        <v>37</v>
      </c>
      <c r="HC36" s="100">
        <v>44</v>
      </c>
      <c r="HD36" s="101">
        <v>0</v>
      </c>
      <c r="HE36" s="102">
        <v>0</v>
      </c>
      <c r="HF36" s="103">
        <v>0</v>
      </c>
      <c r="HG36" s="413">
        <v>0</v>
      </c>
      <c r="HH36" s="102">
        <v>3</v>
      </c>
      <c r="HI36" s="102">
        <v>0</v>
      </c>
      <c r="HJ36" s="102">
        <v>0</v>
      </c>
      <c r="HK36" s="102">
        <v>1</v>
      </c>
      <c r="HL36" s="102">
        <v>0</v>
      </c>
      <c r="HM36" s="103">
        <v>4</v>
      </c>
      <c r="HN36" s="104">
        <v>4</v>
      </c>
      <c r="HO36" s="101">
        <v>0</v>
      </c>
      <c r="HP36" s="102">
        <v>0</v>
      </c>
      <c r="HQ36" s="103">
        <v>0</v>
      </c>
      <c r="HR36" s="413">
        <v>0</v>
      </c>
      <c r="HS36" s="102">
        <v>0</v>
      </c>
      <c r="HT36" s="102">
        <v>0</v>
      </c>
      <c r="HU36" s="102">
        <v>0</v>
      </c>
      <c r="HV36" s="102">
        <v>0</v>
      </c>
      <c r="HW36" s="102">
        <v>1</v>
      </c>
      <c r="HX36" s="103">
        <v>1</v>
      </c>
      <c r="HY36" s="104">
        <v>1</v>
      </c>
      <c r="HZ36" s="101">
        <v>0</v>
      </c>
      <c r="IA36" s="102">
        <v>1</v>
      </c>
      <c r="IB36" s="103">
        <v>1</v>
      </c>
      <c r="IC36" s="413">
        <v>0</v>
      </c>
      <c r="ID36" s="102">
        <v>2</v>
      </c>
      <c r="IE36" s="102">
        <v>1</v>
      </c>
      <c r="IF36" s="102">
        <v>1</v>
      </c>
      <c r="IG36" s="102">
        <v>0</v>
      </c>
      <c r="IH36" s="102">
        <v>2</v>
      </c>
      <c r="II36" s="103">
        <v>6</v>
      </c>
      <c r="IJ36" s="104">
        <v>7</v>
      </c>
      <c r="IK36" s="101">
        <v>2</v>
      </c>
      <c r="IL36" s="102">
        <v>2</v>
      </c>
      <c r="IM36" s="103">
        <v>4</v>
      </c>
      <c r="IN36" s="413">
        <v>0</v>
      </c>
      <c r="IO36" s="102">
        <v>0</v>
      </c>
      <c r="IP36" s="102">
        <v>1</v>
      </c>
      <c r="IQ36" s="102">
        <v>1</v>
      </c>
      <c r="IR36" s="102">
        <v>0</v>
      </c>
      <c r="IS36" s="102">
        <v>1</v>
      </c>
      <c r="IT36" s="103">
        <v>3</v>
      </c>
      <c r="IU36" s="104">
        <v>7</v>
      </c>
      <c r="IV36" s="101">
        <v>0</v>
      </c>
      <c r="IW36" s="102">
        <v>2</v>
      </c>
      <c r="IX36" s="103">
        <v>2</v>
      </c>
      <c r="IY36" s="413">
        <v>0</v>
      </c>
      <c r="IZ36" s="102">
        <v>4</v>
      </c>
      <c r="JA36" s="102">
        <v>1</v>
      </c>
      <c r="JB36" s="102">
        <v>0</v>
      </c>
      <c r="JC36" s="102">
        <v>1</v>
      </c>
      <c r="JD36" s="102">
        <v>1</v>
      </c>
      <c r="JE36" s="103">
        <v>7</v>
      </c>
      <c r="JF36" s="104">
        <v>9</v>
      </c>
      <c r="JG36" s="101">
        <v>0</v>
      </c>
      <c r="JH36" s="102">
        <v>0</v>
      </c>
      <c r="JI36" s="103">
        <v>0</v>
      </c>
      <c r="JJ36" s="413">
        <v>0</v>
      </c>
      <c r="JK36" s="102">
        <v>7</v>
      </c>
      <c r="JL36" s="102">
        <v>3</v>
      </c>
      <c r="JM36" s="102">
        <v>3</v>
      </c>
      <c r="JN36" s="102">
        <v>2</v>
      </c>
      <c r="JO36" s="102">
        <v>1</v>
      </c>
      <c r="JP36" s="103">
        <v>16</v>
      </c>
      <c r="JQ36" s="104">
        <v>16</v>
      </c>
      <c r="JR36" s="101">
        <v>0</v>
      </c>
      <c r="JS36" s="102">
        <v>0</v>
      </c>
      <c r="JT36" s="103">
        <v>0</v>
      </c>
      <c r="JU36" s="413">
        <v>0</v>
      </c>
      <c r="JV36" s="102">
        <v>0</v>
      </c>
      <c r="JW36" s="102">
        <v>0</v>
      </c>
      <c r="JX36" s="102">
        <v>0</v>
      </c>
      <c r="JY36" s="102">
        <v>0</v>
      </c>
      <c r="JZ36" s="102">
        <v>0</v>
      </c>
      <c r="KA36" s="103">
        <v>0</v>
      </c>
      <c r="KB36" s="104">
        <v>0</v>
      </c>
      <c r="KC36" s="101">
        <v>2</v>
      </c>
      <c r="KD36" s="102">
        <v>5</v>
      </c>
      <c r="KE36" s="103">
        <v>7</v>
      </c>
      <c r="KF36" s="413">
        <v>0</v>
      </c>
      <c r="KG36" s="102">
        <v>16</v>
      </c>
      <c r="KH36" s="102">
        <v>6</v>
      </c>
      <c r="KI36" s="102">
        <v>5</v>
      </c>
      <c r="KJ36" s="102">
        <v>4</v>
      </c>
      <c r="KK36" s="102">
        <v>6</v>
      </c>
      <c r="KL36" s="103">
        <v>37</v>
      </c>
      <c r="KM36" s="104">
        <v>44</v>
      </c>
    </row>
    <row r="37" spans="2:299" s="70" customFormat="1" ht="21" customHeight="1" x14ac:dyDescent="0.2">
      <c r="B37" s="106" t="s">
        <v>34</v>
      </c>
      <c r="C37" s="96">
        <v>4</v>
      </c>
      <c r="D37" s="97">
        <v>0</v>
      </c>
      <c r="E37" s="98">
        <v>4</v>
      </c>
      <c r="F37" s="413">
        <v>0</v>
      </c>
      <c r="G37" s="97">
        <v>4</v>
      </c>
      <c r="H37" s="97">
        <v>3</v>
      </c>
      <c r="I37" s="97">
        <v>1</v>
      </c>
      <c r="J37" s="97">
        <v>2</v>
      </c>
      <c r="K37" s="97">
        <v>0</v>
      </c>
      <c r="L37" s="99">
        <v>10</v>
      </c>
      <c r="M37" s="100">
        <v>14</v>
      </c>
      <c r="N37" s="101">
        <v>0</v>
      </c>
      <c r="O37" s="102">
        <v>0</v>
      </c>
      <c r="P37" s="103">
        <v>0</v>
      </c>
      <c r="Q37" s="413">
        <v>0</v>
      </c>
      <c r="R37" s="102">
        <v>0</v>
      </c>
      <c r="S37" s="102">
        <v>0</v>
      </c>
      <c r="T37" s="102">
        <v>0</v>
      </c>
      <c r="U37" s="102">
        <v>0</v>
      </c>
      <c r="V37" s="102">
        <v>0</v>
      </c>
      <c r="W37" s="103">
        <v>0</v>
      </c>
      <c r="X37" s="104">
        <v>0</v>
      </c>
      <c r="Y37" s="101">
        <v>0</v>
      </c>
      <c r="Z37" s="102">
        <v>0</v>
      </c>
      <c r="AA37" s="103">
        <v>0</v>
      </c>
      <c r="AB37" s="413">
        <v>0</v>
      </c>
      <c r="AC37" s="102">
        <v>0</v>
      </c>
      <c r="AD37" s="102">
        <v>1</v>
      </c>
      <c r="AE37" s="102">
        <v>0</v>
      </c>
      <c r="AF37" s="102">
        <v>0</v>
      </c>
      <c r="AG37" s="102">
        <v>0</v>
      </c>
      <c r="AH37" s="103">
        <v>1</v>
      </c>
      <c r="AI37" s="104">
        <v>1</v>
      </c>
      <c r="AJ37" s="101">
        <v>2</v>
      </c>
      <c r="AK37" s="102">
        <v>0</v>
      </c>
      <c r="AL37" s="103">
        <v>2</v>
      </c>
      <c r="AM37" s="413">
        <v>0</v>
      </c>
      <c r="AN37" s="102">
        <v>0</v>
      </c>
      <c r="AO37" s="102">
        <v>1</v>
      </c>
      <c r="AP37" s="102">
        <v>0</v>
      </c>
      <c r="AQ37" s="102">
        <v>0</v>
      </c>
      <c r="AR37" s="102">
        <v>0</v>
      </c>
      <c r="AS37" s="103">
        <v>1</v>
      </c>
      <c r="AT37" s="104">
        <v>3</v>
      </c>
      <c r="AU37" s="101">
        <v>1</v>
      </c>
      <c r="AV37" s="102">
        <v>0</v>
      </c>
      <c r="AW37" s="103">
        <v>1</v>
      </c>
      <c r="AX37" s="413">
        <v>0</v>
      </c>
      <c r="AY37" s="102">
        <v>1</v>
      </c>
      <c r="AZ37" s="102">
        <v>1</v>
      </c>
      <c r="BA37" s="102">
        <v>0</v>
      </c>
      <c r="BB37" s="102">
        <v>1</v>
      </c>
      <c r="BC37" s="102">
        <v>0</v>
      </c>
      <c r="BD37" s="103">
        <v>3</v>
      </c>
      <c r="BE37" s="104">
        <v>4</v>
      </c>
      <c r="BF37" s="101">
        <v>0</v>
      </c>
      <c r="BG37" s="102">
        <v>0</v>
      </c>
      <c r="BH37" s="103">
        <v>0</v>
      </c>
      <c r="BI37" s="413">
        <v>0</v>
      </c>
      <c r="BJ37" s="102">
        <v>1</v>
      </c>
      <c r="BK37" s="102">
        <v>0</v>
      </c>
      <c r="BL37" s="102">
        <v>0</v>
      </c>
      <c r="BM37" s="102">
        <v>0</v>
      </c>
      <c r="BN37" s="102">
        <v>0</v>
      </c>
      <c r="BO37" s="103">
        <v>1</v>
      </c>
      <c r="BP37" s="104">
        <v>1</v>
      </c>
      <c r="BQ37" s="101">
        <v>1</v>
      </c>
      <c r="BR37" s="102">
        <v>0</v>
      </c>
      <c r="BS37" s="103">
        <v>1</v>
      </c>
      <c r="BT37" s="413">
        <v>0</v>
      </c>
      <c r="BU37" s="102">
        <v>2</v>
      </c>
      <c r="BV37" s="102">
        <v>0</v>
      </c>
      <c r="BW37" s="102">
        <v>1</v>
      </c>
      <c r="BX37" s="102">
        <v>1</v>
      </c>
      <c r="BY37" s="102">
        <v>0</v>
      </c>
      <c r="BZ37" s="103">
        <v>4</v>
      </c>
      <c r="CA37" s="104">
        <v>5</v>
      </c>
      <c r="CB37" s="101">
        <v>0</v>
      </c>
      <c r="CC37" s="102">
        <v>0</v>
      </c>
      <c r="CD37" s="103">
        <v>0</v>
      </c>
      <c r="CE37" s="413">
        <v>0</v>
      </c>
      <c r="CF37" s="102">
        <v>0</v>
      </c>
      <c r="CG37" s="102">
        <v>0</v>
      </c>
      <c r="CH37" s="102">
        <v>0</v>
      </c>
      <c r="CI37" s="102">
        <v>0</v>
      </c>
      <c r="CJ37" s="102">
        <v>0</v>
      </c>
      <c r="CK37" s="103">
        <v>0</v>
      </c>
      <c r="CL37" s="104">
        <v>0</v>
      </c>
      <c r="CM37" s="101">
        <v>4</v>
      </c>
      <c r="CN37" s="102">
        <v>0</v>
      </c>
      <c r="CO37" s="103">
        <v>4</v>
      </c>
      <c r="CP37" s="413">
        <v>0</v>
      </c>
      <c r="CQ37" s="102">
        <v>4</v>
      </c>
      <c r="CR37" s="102">
        <v>3</v>
      </c>
      <c r="CS37" s="102">
        <v>1</v>
      </c>
      <c r="CT37" s="102">
        <v>2</v>
      </c>
      <c r="CU37" s="102">
        <v>0</v>
      </c>
      <c r="CV37" s="103">
        <v>10</v>
      </c>
      <c r="CW37" s="104">
        <v>14</v>
      </c>
      <c r="CX37" s="105">
        <v>2</v>
      </c>
      <c r="CY37" s="97">
        <v>1</v>
      </c>
      <c r="CZ37" s="98">
        <v>3</v>
      </c>
      <c r="DA37" s="413">
        <v>0</v>
      </c>
      <c r="DB37" s="97">
        <v>1</v>
      </c>
      <c r="DC37" s="97">
        <v>2</v>
      </c>
      <c r="DD37" s="97">
        <v>1</v>
      </c>
      <c r="DE37" s="97">
        <v>1</v>
      </c>
      <c r="DF37" s="97">
        <v>0</v>
      </c>
      <c r="DG37" s="99">
        <v>5</v>
      </c>
      <c r="DH37" s="100">
        <v>8</v>
      </c>
      <c r="DI37" s="101">
        <v>0</v>
      </c>
      <c r="DJ37" s="102">
        <v>0</v>
      </c>
      <c r="DK37" s="103">
        <v>0</v>
      </c>
      <c r="DL37" s="413">
        <v>0</v>
      </c>
      <c r="DM37" s="102">
        <v>0</v>
      </c>
      <c r="DN37" s="102">
        <v>0</v>
      </c>
      <c r="DO37" s="102">
        <v>0</v>
      </c>
      <c r="DP37" s="102">
        <v>0</v>
      </c>
      <c r="DQ37" s="102">
        <v>0</v>
      </c>
      <c r="DR37" s="103">
        <v>0</v>
      </c>
      <c r="DS37" s="104">
        <v>0</v>
      </c>
      <c r="DT37" s="101">
        <v>0</v>
      </c>
      <c r="DU37" s="102">
        <v>0</v>
      </c>
      <c r="DV37" s="103">
        <v>0</v>
      </c>
      <c r="DW37" s="413">
        <v>0</v>
      </c>
      <c r="DX37" s="102">
        <v>0</v>
      </c>
      <c r="DY37" s="102">
        <v>0</v>
      </c>
      <c r="DZ37" s="102">
        <v>0</v>
      </c>
      <c r="EA37" s="102">
        <v>0</v>
      </c>
      <c r="EB37" s="102">
        <v>0</v>
      </c>
      <c r="EC37" s="103">
        <v>0</v>
      </c>
      <c r="ED37" s="104">
        <v>0</v>
      </c>
      <c r="EE37" s="101">
        <v>0</v>
      </c>
      <c r="EF37" s="102">
        <v>0</v>
      </c>
      <c r="EG37" s="103">
        <v>0</v>
      </c>
      <c r="EH37" s="413">
        <v>0</v>
      </c>
      <c r="EI37" s="102">
        <v>0</v>
      </c>
      <c r="EJ37" s="102">
        <v>0</v>
      </c>
      <c r="EK37" s="102">
        <v>1</v>
      </c>
      <c r="EL37" s="102">
        <v>0</v>
      </c>
      <c r="EM37" s="102">
        <v>0</v>
      </c>
      <c r="EN37" s="103">
        <v>1</v>
      </c>
      <c r="EO37" s="104">
        <v>1</v>
      </c>
      <c r="EP37" s="101">
        <v>0</v>
      </c>
      <c r="EQ37" s="102">
        <v>1</v>
      </c>
      <c r="ER37" s="103">
        <v>1</v>
      </c>
      <c r="ES37" s="413">
        <v>0</v>
      </c>
      <c r="ET37" s="102">
        <v>0</v>
      </c>
      <c r="EU37" s="102">
        <v>0</v>
      </c>
      <c r="EV37" s="102">
        <v>0</v>
      </c>
      <c r="EW37" s="102">
        <v>0</v>
      </c>
      <c r="EX37" s="102">
        <v>0</v>
      </c>
      <c r="EY37" s="103">
        <v>0</v>
      </c>
      <c r="EZ37" s="104">
        <v>1</v>
      </c>
      <c r="FA37" s="101">
        <v>2</v>
      </c>
      <c r="FB37" s="102">
        <v>0</v>
      </c>
      <c r="FC37" s="103">
        <v>2</v>
      </c>
      <c r="FD37" s="413">
        <v>0</v>
      </c>
      <c r="FE37" s="102">
        <v>0</v>
      </c>
      <c r="FF37" s="102">
        <v>0</v>
      </c>
      <c r="FG37" s="102">
        <v>0</v>
      </c>
      <c r="FH37" s="102">
        <v>1</v>
      </c>
      <c r="FI37" s="102">
        <v>0</v>
      </c>
      <c r="FJ37" s="103">
        <v>1</v>
      </c>
      <c r="FK37" s="104">
        <v>3</v>
      </c>
      <c r="FL37" s="101">
        <v>0</v>
      </c>
      <c r="FM37" s="102">
        <v>0</v>
      </c>
      <c r="FN37" s="103">
        <v>0</v>
      </c>
      <c r="FO37" s="413">
        <v>0</v>
      </c>
      <c r="FP37" s="102">
        <v>1</v>
      </c>
      <c r="FQ37" s="102">
        <v>2</v>
      </c>
      <c r="FR37" s="102">
        <v>0</v>
      </c>
      <c r="FS37" s="102">
        <v>0</v>
      </c>
      <c r="FT37" s="102">
        <v>0</v>
      </c>
      <c r="FU37" s="103">
        <v>3</v>
      </c>
      <c r="FV37" s="104">
        <v>3</v>
      </c>
      <c r="FW37" s="101">
        <v>0</v>
      </c>
      <c r="FX37" s="102">
        <v>0</v>
      </c>
      <c r="FY37" s="103">
        <v>0</v>
      </c>
      <c r="FZ37" s="413">
        <v>0</v>
      </c>
      <c r="GA37" s="102">
        <v>0</v>
      </c>
      <c r="GB37" s="102">
        <v>0</v>
      </c>
      <c r="GC37" s="102">
        <v>0</v>
      </c>
      <c r="GD37" s="102">
        <v>0</v>
      </c>
      <c r="GE37" s="102">
        <v>0</v>
      </c>
      <c r="GF37" s="103">
        <v>0</v>
      </c>
      <c r="GG37" s="104">
        <v>0</v>
      </c>
      <c r="GH37" s="101">
        <v>2</v>
      </c>
      <c r="GI37" s="102">
        <v>1</v>
      </c>
      <c r="GJ37" s="103">
        <v>3</v>
      </c>
      <c r="GK37" s="413">
        <v>0</v>
      </c>
      <c r="GL37" s="102">
        <v>1</v>
      </c>
      <c r="GM37" s="102">
        <v>2</v>
      </c>
      <c r="GN37" s="102">
        <v>1</v>
      </c>
      <c r="GO37" s="102">
        <v>1</v>
      </c>
      <c r="GP37" s="102">
        <v>0</v>
      </c>
      <c r="GQ37" s="103">
        <v>5</v>
      </c>
      <c r="GR37" s="104">
        <v>8</v>
      </c>
      <c r="GS37" s="105">
        <v>6</v>
      </c>
      <c r="GT37" s="97">
        <v>1</v>
      </c>
      <c r="GU37" s="98">
        <v>7</v>
      </c>
      <c r="GV37" s="413">
        <v>0</v>
      </c>
      <c r="GW37" s="97">
        <v>5</v>
      </c>
      <c r="GX37" s="97">
        <v>5</v>
      </c>
      <c r="GY37" s="97">
        <v>2</v>
      </c>
      <c r="GZ37" s="97">
        <v>3</v>
      </c>
      <c r="HA37" s="97">
        <v>0</v>
      </c>
      <c r="HB37" s="99">
        <v>15</v>
      </c>
      <c r="HC37" s="100">
        <v>22</v>
      </c>
      <c r="HD37" s="101">
        <v>0</v>
      </c>
      <c r="HE37" s="102">
        <v>0</v>
      </c>
      <c r="HF37" s="103">
        <v>0</v>
      </c>
      <c r="HG37" s="413">
        <v>0</v>
      </c>
      <c r="HH37" s="102">
        <v>0</v>
      </c>
      <c r="HI37" s="102">
        <v>0</v>
      </c>
      <c r="HJ37" s="102">
        <v>0</v>
      </c>
      <c r="HK37" s="102">
        <v>0</v>
      </c>
      <c r="HL37" s="102">
        <v>0</v>
      </c>
      <c r="HM37" s="103">
        <v>0</v>
      </c>
      <c r="HN37" s="104">
        <v>0</v>
      </c>
      <c r="HO37" s="101">
        <v>0</v>
      </c>
      <c r="HP37" s="102">
        <v>0</v>
      </c>
      <c r="HQ37" s="103">
        <v>0</v>
      </c>
      <c r="HR37" s="413">
        <v>0</v>
      </c>
      <c r="HS37" s="102">
        <v>0</v>
      </c>
      <c r="HT37" s="102">
        <v>1</v>
      </c>
      <c r="HU37" s="102">
        <v>0</v>
      </c>
      <c r="HV37" s="102">
        <v>0</v>
      </c>
      <c r="HW37" s="102">
        <v>0</v>
      </c>
      <c r="HX37" s="103">
        <v>1</v>
      </c>
      <c r="HY37" s="104">
        <v>1</v>
      </c>
      <c r="HZ37" s="101">
        <v>2</v>
      </c>
      <c r="IA37" s="102">
        <v>0</v>
      </c>
      <c r="IB37" s="103">
        <v>2</v>
      </c>
      <c r="IC37" s="413">
        <v>0</v>
      </c>
      <c r="ID37" s="102">
        <v>0</v>
      </c>
      <c r="IE37" s="102">
        <v>1</v>
      </c>
      <c r="IF37" s="102">
        <v>1</v>
      </c>
      <c r="IG37" s="102">
        <v>0</v>
      </c>
      <c r="IH37" s="102">
        <v>0</v>
      </c>
      <c r="II37" s="103">
        <v>2</v>
      </c>
      <c r="IJ37" s="104">
        <v>4</v>
      </c>
      <c r="IK37" s="101">
        <v>1</v>
      </c>
      <c r="IL37" s="102">
        <v>1</v>
      </c>
      <c r="IM37" s="103">
        <v>2</v>
      </c>
      <c r="IN37" s="413">
        <v>0</v>
      </c>
      <c r="IO37" s="102">
        <v>1</v>
      </c>
      <c r="IP37" s="102">
        <v>1</v>
      </c>
      <c r="IQ37" s="102">
        <v>0</v>
      </c>
      <c r="IR37" s="102">
        <v>1</v>
      </c>
      <c r="IS37" s="102">
        <v>0</v>
      </c>
      <c r="IT37" s="103">
        <v>3</v>
      </c>
      <c r="IU37" s="104">
        <v>5</v>
      </c>
      <c r="IV37" s="101">
        <v>2</v>
      </c>
      <c r="IW37" s="102">
        <v>0</v>
      </c>
      <c r="IX37" s="103">
        <v>2</v>
      </c>
      <c r="IY37" s="413">
        <v>0</v>
      </c>
      <c r="IZ37" s="102">
        <v>1</v>
      </c>
      <c r="JA37" s="102">
        <v>0</v>
      </c>
      <c r="JB37" s="102">
        <v>0</v>
      </c>
      <c r="JC37" s="102">
        <v>1</v>
      </c>
      <c r="JD37" s="102">
        <v>0</v>
      </c>
      <c r="JE37" s="103">
        <v>2</v>
      </c>
      <c r="JF37" s="104">
        <v>4</v>
      </c>
      <c r="JG37" s="101">
        <v>1</v>
      </c>
      <c r="JH37" s="102">
        <v>0</v>
      </c>
      <c r="JI37" s="103">
        <v>1</v>
      </c>
      <c r="JJ37" s="413">
        <v>0</v>
      </c>
      <c r="JK37" s="102">
        <v>3</v>
      </c>
      <c r="JL37" s="102">
        <v>2</v>
      </c>
      <c r="JM37" s="102">
        <v>1</v>
      </c>
      <c r="JN37" s="102">
        <v>1</v>
      </c>
      <c r="JO37" s="102">
        <v>0</v>
      </c>
      <c r="JP37" s="103">
        <v>7</v>
      </c>
      <c r="JQ37" s="104">
        <v>8</v>
      </c>
      <c r="JR37" s="101">
        <v>0</v>
      </c>
      <c r="JS37" s="102">
        <v>0</v>
      </c>
      <c r="JT37" s="103">
        <v>0</v>
      </c>
      <c r="JU37" s="413">
        <v>0</v>
      </c>
      <c r="JV37" s="102">
        <v>0</v>
      </c>
      <c r="JW37" s="102">
        <v>0</v>
      </c>
      <c r="JX37" s="102">
        <v>0</v>
      </c>
      <c r="JY37" s="102">
        <v>0</v>
      </c>
      <c r="JZ37" s="102">
        <v>0</v>
      </c>
      <c r="KA37" s="103">
        <v>0</v>
      </c>
      <c r="KB37" s="104">
        <v>0</v>
      </c>
      <c r="KC37" s="101">
        <v>6</v>
      </c>
      <c r="KD37" s="102">
        <v>1</v>
      </c>
      <c r="KE37" s="103">
        <v>7</v>
      </c>
      <c r="KF37" s="413">
        <v>0</v>
      </c>
      <c r="KG37" s="102">
        <v>5</v>
      </c>
      <c r="KH37" s="102">
        <v>5</v>
      </c>
      <c r="KI37" s="102">
        <v>2</v>
      </c>
      <c r="KJ37" s="102">
        <v>3</v>
      </c>
      <c r="KK37" s="102">
        <v>0</v>
      </c>
      <c r="KL37" s="103">
        <v>15</v>
      </c>
      <c r="KM37" s="104">
        <v>22</v>
      </c>
    </row>
    <row r="38" spans="2:299" s="70" customFormat="1" ht="21" customHeight="1" x14ac:dyDescent="0.2">
      <c r="B38" s="106" t="s">
        <v>35</v>
      </c>
      <c r="C38" s="96">
        <v>7</v>
      </c>
      <c r="D38" s="97">
        <v>11</v>
      </c>
      <c r="E38" s="98">
        <v>18</v>
      </c>
      <c r="F38" s="413">
        <v>0</v>
      </c>
      <c r="G38" s="97">
        <v>15</v>
      </c>
      <c r="H38" s="97">
        <v>10</v>
      </c>
      <c r="I38" s="97">
        <v>5</v>
      </c>
      <c r="J38" s="97">
        <v>1</v>
      </c>
      <c r="K38" s="97">
        <v>1</v>
      </c>
      <c r="L38" s="99">
        <v>32</v>
      </c>
      <c r="M38" s="100">
        <v>50</v>
      </c>
      <c r="N38" s="101">
        <v>0</v>
      </c>
      <c r="O38" s="102">
        <v>0</v>
      </c>
      <c r="P38" s="103">
        <v>0</v>
      </c>
      <c r="Q38" s="413">
        <v>0</v>
      </c>
      <c r="R38" s="102">
        <v>0</v>
      </c>
      <c r="S38" s="102">
        <v>0</v>
      </c>
      <c r="T38" s="102">
        <v>0</v>
      </c>
      <c r="U38" s="102">
        <v>0</v>
      </c>
      <c r="V38" s="102">
        <v>0</v>
      </c>
      <c r="W38" s="103">
        <v>0</v>
      </c>
      <c r="X38" s="104">
        <v>0</v>
      </c>
      <c r="Y38" s="101">
        <v>0</v>
      </c>
      <c r="Z38" s="102">
        <v>0</v>
      </c>
      <c r="AA38" s="103">
        <v>0</v>
      </c>
      <c r="AB38" s="413">
        <v>0</v>
      </c>
      <c r="AC38" s="102">
        <v>0</v>
      </c>
      <c r="AD38" s="102">
        <v>0</v>
      </c>
      <c r="AE38" s="102">
        <v>1</v>
      </c>
      <c r="AF38" s="102">
        <v>0</v>
      </c>
      <c r="AG38" s="102">
        <v>0</v>
      </c>
      <c r="AH38" s="103">
        <v>1</v>
      </c>
      <c r="AI38" s="104">
        <v>1</v>
      </c>
      <c r="AJ38" s="101">
        <v>0</v>
      </c>
      <c r="AK38" s="102">
        <v>2</v>
      </c>
      <c r="AL38" s="103">
        <v>2</v>
      </c>
      <c r="AM38" s="413">
        <v>0</v>
      </c>
      <c r="AN38" s="102">
        <v>4</v>
      </c>
      <c r="AO38" s="102">
        <v>0</v>
      </c>
      <c r="AP38" s="102">
        <v>3</v>
      </c>
      <c r="AQ38" s="102">
        <v>0</v>
      </c>
      <c r="AR38" s="102">
        <v>0</v>
      </c>
      <c r="AS38" s="103">
        <v>7</v>
      </c>
      <c r="AT38" s="104">
        <v>9</v>
      </c>
      <c r="AU38" s="101">
        <v>3</v>
      </c>
      <c r="AV38" s="102">
        <v>3</v>
      </c>
      <c r="AW38" s="103">
        <v>6</v>
      </c>
      <c r="AX38" s="413">
        <v>0</v>
      </c>
      <c r="AY38" s="102">
        <v>3</v>
      </c>
      <c r="AZ38" s="102">
        <v>5</v>
      </c>
      <c r="BA38" s="102">
        <v>0</v>
      </c>
      <c r="BB38" s="102">
        <v>0</v>
      </c>
      <c r="BC38" s="102">
        <v>0</v>
      </c>
      <c r="BD38" s="103">
        <v>8</v>
      </c>
      <c r="BE38" s="104">
        <v>14</v>
      </c>
      <c r="BF38" s="101">
        <v>3</v>
      </c>
      <c r="BG38" s="102">
        <v>3</v>
      </c>
      <c r="BH38" s="103">
        <v>6</v>
      </c>
      <c r="BI38" s="413">
        <v>0</v>
      </c>
      <c r="BJ38" s="102">
        <v>5</v>
      </c>
      <c r="BK38" s="102">
        <v>2</v>
      </c>
      <c r="BL38" s="102">
        <v>1</v>
      </c>
      <c r="BM38" s="102">
        <v>0</v>
      </c>
      <c r="BN38" s="102">
        <v>1</v>
      </c>
      <c r="BO38" s="103">
        <v>9</v>
      </c>
      <c r="BP38" s="104">
        <v>15</v>
      </c>
      <c r="BQ38" s="101">
        <v>1</v>
      </c>
      <c r="BR38" s="102">
        <v>3</v>
      </c>
      <c r="BS38" s="103">
        <v>4</v>
      </c>
      <c r="BT38" s="413">
        <v>0</v>
      </c>
      <c r="BU38" s="102">
        <v>3</v>
      </c>
      <c r="BV38" s="102">
        <v>3</v>
      </c>
      <c r="BW38" s="102">
        <v>0</v>
      </c>
      <c r="BX38" s="102">
        <v>1</v>
      </c>
      <c r="BY38" s="102">
        <v>0</v>
      </c>
      <c r="BZ38" s="103">
        <v>7</v>
      </c>
      <c r="CA38" s="104">
        <v>11</v>
      </c>
      <c r="CB38" s="101">
        <v>0</v>
      </c>
      <c r="CC38" s="102">
        <v>0</v>
      </c>
      <c r="CD38" s="103">
        <v>0</v>
      </c>
      <c r="CE38" s="413">
        <v>0</v>
      </c>
      <c r="CF38" s="102">
        <v>0</v>
      </c>
      <c r="CG38" s="102">
        <v>0</v>
      </c>
      <c r="CH38" s="102">
        <v>0</v>
      </c>
      <c r="CI38" s="102">
        <v>0</v>
      </c>
      <c r="CJ38" s="102">
        <v>0</v>
      </c>
      <c r="CK38" s="103">
        <v>0</v>
      </c>
      <c r="CL38" s="104">
        <v>0</v>
      </c>
      <c r="CM38" s="101">
        <v>7</v>
      </c>
      <c r="CN38" s="102">
        <v>11</v>
      </c>
      <c r="CO38" s="103">
        <v>18</v>
      </c>
      <c r="CP38" s="413">
        <v>0</v>
      </c>
      <c r="CQ38" s="102">
        <v>15</v>
      </c>
      <c r="CR38" s="102">
        <v>10</v>
      </c>
      <c r="CS38" s="102">
        <v>5</v>
      </c>
      <c r="CT38" s="102">
        <v>1</v>
      </c>
      <c r="CU38" s="102">
        <v>1</v>
      </c>
      <c r="CV38" s="103">
        <v>32</v>
      </c>
      <c r="CW38" s="104">
        <v>50</v>
      </c>
      <c r="CX38" s="105">
        <v>4</v>
      </c>
      <c r="CY38" s="97">
        <v>4</v>
      </c>
      <c r="CZ38" s="98">
        <v>8</v>
      </c>
      <c r="DA38" s="413">
        <v>0</v>
      </c>
      <c r="DB38" s="97">
        <v>8</v>
      </c>
      <c r="DC38" s="97">
        <v>5</v>
      </c>
      <c r="DD38" s="97">
        <v>2</v>
      </c>
      <c r="DE38" s="97">
        <v>3</v>
      </c>
      <c r="DF38" s="97">
        <v>5</v>
      </c>
      <c r="DG38" s="99">
        <v>23</v>
      </c>
      <c r="DH38" s="100">
        <v>31</v>
      </c>
      <c r="DI38" s="101">
        <v>0</v>
      </c>
      <c r="DJ38" s="102">
        <v>0</v>
      </c>
      <c r="DK38" s="103">
        <v>0</v>
      </c>
      <c r="DL38" s="413">
        <v>0</v>
      </c>
      <c r="DM38" s="102">
        <v>0</v>
      </c>
      <c r="DN38" s="102">
        <v>1</v>
      </c>
      <c r="DO38" s="102">
        <v>0</v>
      </c>
      <c r="DP38" s="102">
        <v>0</v>
      </c>
      <c r="DQ38" s="102">
        <v>0</v>
      </c>
      <c r="DR38" s="103">
        <v>1</v>
      </c>
      <c r="DS38" s="104">
        <v>1</v>
      </c>
      <c r="DT38" s="101">
        <v>1</v>
      </c>
      <c r="DU38" s="102">
        <v>1</v>
      </c>
      <c r="DV38" s="103">
        <v>2</v>
      </c>
      <c r="DW38" s="413">
        <v>0</v>
      </c>
      <c r="DX38" s="102">
        <v>0</v>
      </c>
      <c r="DY38" s="102">
        <v>1</v>
      </c>
      <c r="DZ38" s="102">
        <v>0</v>
      </c>
      <c r="EA38" s="102">
        <v>0</v>
      </c>
      <c r="EB38" s="102">
        <v>0</v>
      </c>
      <c r="EC38" s="103">
        <v>1</v>
      </c>
      <c r="ED38" s="104">
        <v>3</v>
      </c>
      <c r="EE38" s="101">
        <v>1</v>
      </c>
      <c r="EF38" s="102">
        <v>0</v>
      </c>
      <c r="EG38" s="103">
        <v>1</v>
      </c>
      <c r="EH38" s="413">
        <v>0</v>
      </c>
      <c r="EI38" s="102">
        <v>0</v>
      </c>
      <c r="EJ38" s="102">
        <v>0</v>
      </c>
      <c r="EK38" s="102">
        <v>1</v>
      </c>
      <c r="EL38" s="102">
        <v>1</v>
      </c>
      <c r="EM38" s="102">
        <v>1</v>
      </c>
      <c r="EN38" s="103">
        <v>3</v>
      </c>
      <c r="EO38" s="104">
        <v>4</v>
      </c>
      <c r="EP38" s="101">
        <v>1</v>
      </c>
      <c r="EQ38" s="102">
        <v>1</v>
      </c>
      <c r="ER38" s="103">
        <v>2</v>
      </c>
      <c r="ES38" s="413">
        <v>0</v>
      </c>
      <c r="ET38" s="102">
        <v>1</v>
      </c>
      <c r="EU38" s="102">
        <v>0</v>
      </c>
      <c r="EV38" s="102">
        <v>0</v>
      </c>
      <c r="EW38" s="102">
        <v>1</v>
      </c>
      <c r="EX38" s="102">
        <v>0</v>
      </c>
      <c r="EY38" s="103">
        <v>2</v>
      </c>
      <c r="EZ38" s="104">
        <v>4</v>
      </c>
      <c r="FA38" s="101">
        <v>0</v>
      </c>
      <c r="FB38" s="102">
        <v>2</v>
      </c>
      <c r="FC38" s="103">
        <v>2</v>
      </c>
      <c r="FD38" s="413">
        <v>0</v>
      </c>
      <c r="FE38" s="102">
        <v>3</v>
      </c>
      <c r="FF38" s="102">
        <v>1</v>
      </c>
      <c r="FG38" s="102">
        <v>0</v>
      </c>
      <c r="FH38" s="102">
        <v>0</v>
      </c>
      <c r="FI38" s="102">
        <v>0</v>
      </c>
      <c r="FJ38" s="103">
        <v>4</v>
      </c>
      <c r="FK38" s="104">
        <v>6</v>
      </c>
      <c r="FL38" s="101">
        <v>1</v>
      </c>
      <c r="FM38" s="102">
        <v>0</v>
      </c>
      <c r="FN38" s="103">
        <v>1</v>
      </c>
      <c r="FO38" s="413">
        <v>0</v>
      </c>
      <c r="FP38" s="102">
        <v>4</v>
      </c>
      <c r="FQ38" s="102">
        <v>2</v>
      </c>
      <c r="FR38" s="102">
        <v>1</v>
      </c>
      <c r="FS38" s="102">
        <v>1</v>
      </c>
      <c r="FT38" s="102">
        <v>4</v>
      </c>
      <c r="FU38" s="103">
        <v>12</v>
      </c>
      <c r="FV38" s="104">
        <v>13</v>
      </c>
      <c r="FW38" s="101">
        <v>0</v>
      </c>
      <c r="FX38" s="102">
        <v>0</v>
      </c>
      <c r="FY38" s="103">
        <v>0</v>
      </c>
      <c r="FZ38" s="413">
        <v>0</v>
      </c>
      <c r="GA38" s="102">
        <v>0</v>
      </c>
      <c r="GB38" s="102">
        <v>0</v>
      </c>
      <c r="GC38" s="102">
        <v>0</v>
      </c>
      <c r="GD38" s="102">
        <v>0</v>
      </c>
      <c r="GE38" s="102">
        <v>0</v>
      </c>
      <c r="GF38" s="103">
        <v>0</v>
      </c>
      <c r="GG38" s="104">
        <v>0</v>
      </c>
      <c r="GH38" s="101">
        <v>4</v>
      </c>
      <c r="GI38" s="102">
        <v>4</v>
      </c>
      <c r="GJ38" s="103">
        <v>8</v>
      </c>
      <c r="GK38" s="413">
        <v>0</v>
      </c>
      <c r="GL38" s="102">
        <v>8</v>
      </c>
      <c r="GM38" s="102">
        <v>5</v>
      </c>
      <c r="GN38" s="102">
        <v>2</v>
      </c>
      <c r="GO38" s="102">
        <v>3</v>
      </c>
      <c r="GP38" s="102">
        <v>5</v>
      </c>
      <c r="GQ38" s="103">
        <v>23</v>
      </c>
      <c r="GR38" s="104">
        <v>31</v>
      </c>
      <c r="GS38" s="105">
        <v>11</v>
      </c>
      <c r="GT38" s="97">
        <v>15</v>
      </c>
      <c r="GU38" s="98">
        <v>26</v>
      </c>
      <c r="GV38" s="413">
        <v>0</v>
      </c>
      <c r="GW38" s="97">
        <v>23</v>
      </c>
      <c r="GX38" s="97">
        <v>15</v>
      </c>
      <c r="GY38" s="97">
        <v>7</v>
      </c>
      <c r="GZ38" s="97">
        <v>4</v>
      </c>
      <c r="HA38" s="97">
        <v>6</v>
      </c>
      <c r="HB38" s="99">
        <v>55</v>
      </c>
      <c r="HC38" s="100">
        <v>81</v>
      </c>
      <c r="HD38" s="101">
        <v>0</v>
      </c>
      <c r="HE38" s="102">
        <v>0</v>
      </c>
      <c r="HF38" s="103">
        <v>0</v>
      </c>
      <c r="HG38" s="413">
        <v>0</v>
      </c>
      <c r="HH38" s="102">
        <v>0</v>
      </c>
      <c r="HI38" s="102">
        <v>1</v>
      </c>
      <c r="HJ38" s="102">
        <v>0</v>
      </c>
      <c r="HK38" s="102">
        <v>0</v>
      </c>
      <c r="HL38" s="102">
        <v>0</v>
      </c>
      <c r="HM38" s="103">
        <v>1</v>
      </c>
      <c r="HN38" s="104">
        <v>1</v>
      </c>
      <c r="HO38" s="101">
        <v>1</v>
      </c>
      <c r="HP38" s="102">
        <v>1</v>
      </c>
      <c r="HQ38" s="103">
        <v>2</v>
      </c>
      <c r="HR38" s="413">
        <v>0</v>
      </c>
      <c r="HS38" s="102">
        <v>0</v>
      </c>
      <c r="HT38" s="102">
        <v>1</v>
      </c>
      <c r="HU38" s="102">
        <v>1</v>
      </c>
      <c r="HV38" s="102">
        <v>0</v>
      </c>
      <c r="HW38" s="102">
        <v>0</v>
      </c>
      <c r="HX38" s="103">
        <v>2</v>
      </c>
      <c r="HY38" s="104">
        <v>4</v>
      </c>
      <c r="HZ38" s="101">
        <v>1</v>
      </c>
      <c r="IA38" s="102">
        <v>2</v>
      </c>
      <c r="IB38" s="103">
        <v>3</v>
      </c>
      <c r="IC38" s="413">
        <v>0</v>
      </c>
      <c r="ID38" s="102">
        <v>4</v>
      </c>
      <c r="IE38" s="102">
        <v>0</v>
      </c>
      <c r="IF38" s="102">
        <v>4</v>
      </c>
      <c r="IG38" s="102">
        <v>1</v>
      </c>
      <c r="IH38" s="102">
        <v>1</v>
      </c>
      <c r="II38" s="103">
        <v>10</v>
      </c>
      <c r="IJ38" s="104">
        <v>13</v>
      </c>
      <c r="IK38" s="101">
        <v>4</v>
      </c>
      <c r="IL38" s="102">
        <v>4</v>
      </c>
      <c r="IM38" s="103">
        <v>8</v>
      </c>
      <c r="IN38" s="413">
        <v>0</v>
      </c>
      <c r="IO38" s="102">
        <v>4</v>
      </c>
      <c r="IP38" s="102">
        <v>5</v>
      </c>
      <c r="IQ38" s="102">
        <v>0</v>
      </c>
      <c r="IR38" s="102">
        <v>1</v>
      </c>
      <c r="IS38" s="102">
        <v>0</v>
      </c>
      <c r="IT38" s="103">
        <v>10</v>
      </c>
      <c r="IU38" s="104">
        <v>18</v>
      </c>
      <c r="IV38" s="101">
        <v>3</v>
      </c>
      <c r="IW38" s="102">
        <v>5</v>
      </c>
      <c r="IX38" s="103">
        <v>8</v>
      </c>
      <c r="IY38" s="413">
        <v>0</v>
      </c>
      <c r="IZ38" s="102">
        <v>8</v>
      </c>
      <c r="JA38" s="102">
        <v>3</v>
      </c>
      <c r="JB38" s="102">
        <v>1</v>
      </c>
      <c r="JC38" s="102">
        <v>0</v>
      </c>
      <c r="JD38" s="102">
        <v>1</v>
      </c>
      <c r="JE38" s="103">
        <v>13</v>
      </c>
      <c r="JF38" s="104">
        <v>21</v>
      </c>
      <c r="JG38" s="101">
        <v>2</v>
      </c>
      <c r="JH38" s="102">
        <v>3</v>
      </c>
      <c r="JI38" s="103">
        <v>5</v>
      </c>
      <c r="JJ38" s="413">
        <v>0</v>
      </c>
      <c r="JK38" s="102">
        <v>7</v>
      </c>
      <c r="JL38" s="102">
        <v>5</v>
      </c>
      <c r="JM38" s="102">
        <v>1</v>
      </c>
      <c r="JN38" s="102">
        <v>2</v>
      </c>
      <c r="JO38" s="102">
        <v>4</v>
      </c>
      <c r="JP38" s="103">
        <v>19</v>
      </c>
      <c r="JQ38" s="104">
        <v>24</v>
      </c>
      <c r="JR38" s="101">
        <v>0</v>
      </c>
      <c r="JS38" s="102">
        <v>0</v>
      </c>
      <c r="JT38" s="103">
        <v>0</v>
      </c>
      <c r="JU38" s="413">
        <v>0</v>
      </c>
      <c r="JV38" s="102">
        <v>0</v>
      </c>
      <c r="JW38" s="102">
        <v>0</v>
      </c>
      <c r="JX38" s="102">
        <v>0</v>
      </c>
      <c r="JY38" s="102">
        <v>0</v>
      </c>
      <c r="JZ38" s="102">
        <v>0</v>
      </c>
      <c r="KA38" s="103">
        <v>0</v>
      </c>
      <c r="KB38" s="104">
        <v>0</v>
      </c>
      <c r="KC38" s="101">
        <v>11</v>
      </c>
      <c r="KD38" s="102">
        <v>15</v>
      </c>
      <c r="KE38" s="103">
        <v>26</v>
      </c>
      <c r="KF38" s="413">
        <v>0</v>
      </c>
      <c r="KG38" s="102">
        <v>23</v>
      </c>
      <c r="KH38" s="102">
        <v>15</v>
      </c>
      <c r="KI38" s="102">
        <v>7</v>
      </c>
      <c r="KJ38" s="102">
        <v>4</v>
      </c>
      <c r="KK38" s="102">
        <v>6</v>
      </c>
      <c r="KL38" s="103">
        <v>55</v>
      </c>
      <c r="KM38" s="104">
        <v>81</v>
      </c>
    </row>
    <row r="39" spans="2:299" s="70" customFormat="1" ht="21" customHeight="1" x14ac:dyDescent="0.2">
      <c r="B39" s="106" t="s">
        <v>36</v>
      </c>
      <c r="C39" s="96">
        <v>4</v>
      </c>
      <c r="D39" s="97">
        <v>8</v>
      </c>
      <c r="E39" s="98">
        <v>12</v>
      </c>
      <c r="F39" s="413">
        <v>0</v>
      </c>
      <c r="G39" s="97">
        <v>14</v>
      </c>
      <c r="H39" s="97">
        <v>9</v>
      </c>
      <c r="I39" s="97">
        <v>4</v>
      </c>
      <c r="J39" s="97">
        <v>3</v>
      </c>
      <c r="K39" s="97">
        <v>0</v>
      </c>
      <c r="L39" s="99">
        <v>30</v>
      </c>
      <c r="M39" s="100">
        <v>42</v>
      </c>
      <c r="N39" s="101">
        <v>0</v>
      </c>
      <c r="O39" s="102">
        <v>1</v>
      </c>
      <c r="P39" s="103">
        <v>1</v>
      </c>
      <c r="Q39" s="413">
        <v>0</v>
      </c>
      <c r="R39" s="102">
        <v>0</v>
      </c>
      <c r="S39" s="102">
        <v>0</v>
      </c>
      <c r="T39" s="102">
        <v>1</v>
      </c>
      <c r="U39" s="102">
        <v>0</v>
      </c>
      <c r="V39" s="102">
        <v>0</v>
      </c>
      <c r="W39" s="103">
        <v>1</v>
      </c>
      <c r="X39" s="104">
        <v>2</v>
      </c>
      <c r="Y39" s="101">
        <v>1</v>
      </c>
      <c r="Z39" s="102">
        <v>0</v>
      </c>
      <c r="AA39" s="103">
        <v>1</v>
      </c>
      <c r="AB39" s="413">
        <v>0</v>
      </c>
      <c r="AC39" s="102">
        <v>2</v>
      </c>
      <c r="AD39" s="102">
        <v>2</v>
      </c>
      <c r="AE39" s="102">
        <v>0</v>
      </c>
      <c r="AF39" s="102">
        <v>0</v>
      </c>
      <c r="AG39" s="102">
        <v>0</v>
      </c>
      <c r="AH39" s="103">
        <v>4</v>
      </c>
      <c r="AI39" s="104">
        <v>5</v>
      </c>
      <c r="AJ39" s="101">
        <v>0</v>
      </c>
      <c r="AK39" s="102">
        <v>1</v>
      </c>
      <c r="AL39" s="103">
        <v>1</v>
      </c>
      <c r="AM39" s="413">
        <v>0</v>
      </c>
      <c r="AN39" s="102">
        <v>2</v>
      </c>
      <c r="AO39" s="102">
        <v>2</v>
      </c>
      <c r="AP39" s="102">
        <v>0</v>
      </c>
      <c r="AQ39" s="102">
        <v>0</v>
      </c>
      <c r="AR39" s="102">
        <v>0</v>
      </c>
      <c r="AS39" s="103">
        <v>4</v>
      </c>
      <c r="AT39" s="104">
        <v>5</v>
      </c>
      <c r="AU39" s="101">
        <v>1</v>
      </c>
      <c r="AV39" s="102">
        <v>2</v>
      </c>
      <c r="AW39" s="103">
        <v>3</v>
      </c>
      <c r="AX39" s="413">
        <v>0</v>
      </c>
      <c r="AY39" s="102">
        <v>5</v>
      </c>
      <c r="AZ39" s="102">
        <v>1</v>
      </c>
      <c r="BA39" s="102">
        <v>0</v>
      </c>
      <c r="BB39" s="102">
        <v>1</v>
      </c>
      <c r="BC39" s="102">
        <v>0</v>
      </c>
      <c r="BD39" s="103">
        <v>7</v>
      </c>
      <c r="BE39" s="104">
        <v>10</v>
      </c>
      <c r="BF39" s="101">
        <v>2</v>
      </c>
      <c r="BG39" s="102">
        <v>2</v>
      </c>
      <c r="BH39" s="103">
        <v>4</v>
      </c>
      <c r="BI39" s="413">
        <v>0</v>
      </c>
      <c r="BJ39" s="102">
        <v>2</v>
      </c>
      <c r="BK39" s="102">
        <v>2</v>
      </c>
      <c r="BL39" s="102">
        <v>1</v>
      </c>
      <c r="BM39" s="102">
        <v>0</v>
      </c>
      <c r="BN39" s="102">
        <v>0</v>
      </c>
      <c r="BO39" s="103">
        <v>5</v>
      </c>
      <c r="BP39" s="104">
        <v>9</v>
      </c>
      <c r="BQ39" s="101">
        <v>0</v>
      </c>
      <c r="BR39" s="102">
        <v>2</v>
      </c>
      <c r="BS39" s="103">
        <v>2</v>
      </c>
      <c r="BT39" s="413">
        <v>0</v>
      </c>
      <c r="BU39" s="102">
        <v>3</v>
      </c>
      <c r="BV39" s="102">
        <v>2</v>
      </c>
      <c r="BW39" s="102">
        <v>2</v>
      </c>
      <c r="BX39" s="102">
        <v>2</v>
      </c>
      <c r="BY39" s="102">
        <v>0</v>
      </c>
      <c r="BZ39" s="103">
        <v>9</v>
      </c>
      <c r="CA39" s="104">
        <v>11</v>
      </c>
      <c r="CB39" s="101">
        <v>0</v>
      </c>
      <c r="CC39" s="102">
        <v>0</v>
      </c>
      <c r="CD39" s="103">
        <v>0</v>
      </c>
      <c r="CE39" s="413">
        <v>0</v>
      </c>
      <c r="CF39" s="102">
        <v>0</v>
      </c>
      <c r="CG39" s="102">
        <v>0</v>
      </c>
      <c r="CH39" s="102">
        <v>0</v>
      </c>
      <c r="CI39" s="102">
        <v>0</v>
      </c>
      <c r="CJ39" s="102">
        <v>0</v>
      </c>
      <c r="CK39" s="103">
        <v>0</v>
      </c>
      <c r="CL39" s="104">
        <v>0</v>
      </c>
      <c r="CM39" s="101">
        <v>4</v>
      </c>
      <c r="CN39" s="102">
        <v>8</v>
      </c>
      <c r="CO39" s="103">
        <v>12</v>
      </c>
      <c r="CP39" s="413">
        <v>0</v>
      </c>
      <c r="CQ39" s="102">
        <v>14</v>
      </c>
      <c r="CR39" s="102">
        <v>9</v>
      </c>
      <c r="CS39" s="102">
        <v>4</v>
      </c>
      <c r="CT39" s="102">
        <v>3</v>
      </c>
      <c r="CU39" s="102">
        <v>0</v>
      </c>
      <c r="CV39" s="103">
        <v>30</v>
      </c>
      <c r="CW39" s="104">
        <v>42</v>
      </c>
      <c r="CX39" s="105">
        <v>2</v>
      </c>
      <c r="CY39" s="97">
        <v>3</v>
      </c>
      <c r="CZ39" s="98">
        <v>5</v>
      </c>
      <c r="DA39" s="413">
        <v>0</v>
      </c>
      <c r="DB39" s="97">
        <v>7</v>
      </c>
      <c r="DC39" s="97">
        <v>6</v>
      </c>
      <c r="DD39" s="97">
        <v>2</v>
      </c>
      <c r="DE39" s="97">
        <v>3</v>
      </c>
      <c r="DF39" s="97">
        <v>2</v>
      </c>
      <c r="DG39" s="99">
        <v>20</v>
      </c>
      <c r="DH39" s="100">
        <v>25</v>
      </c>
      <c r="DI39" s="101">
        <v>0</v>
      </c>
      <c r="DJ39" s="102">
        <v>0</v>
      </c>
      <c r="DK39" s="103">
        <v>0</v>
      </c>
      <c r="DL39" s="413">
        <v>0</v>
      </c>
      <c r="DM39" s="102">
        <v>0</v>
      </c>
      <c r="DN39" s="102">
        <v>0</v>
      </c>
      <c r="DO39" s="102">
        <v>0</v>
      </c>
      <c r="DP39" s="102">
        <v>0</v>
      </c>
      <c r="DQ39" s="102">
        <v>0</v>
      </c>
      <c r="DR39" s="103">
        <v>0</v>
      </c>
      <c r="DS39" s="104">
        <v>0</v>
      </c>
      <c r="DT39" s="101">
        <v>0</v>
      </c>
      <c r="DU39" s="102">
        <v>0</v>
      </c>
      <c r="DV39" s="103">
        <v>0</v>
      </c>
      <c r="DW39" s="413">
        <v>0</v>
      </c>
      <c r="DX39" s="102">
        <v>1</v>
      </c>
      <c r="DY39" s="102">
        <v>0</v>
      </c>
      <c r="DZ39" s="102">
        <v>0</v>
      </c>
      <c r="EA39" s="102">
        <v>0</v>
      </c>
      <c r="EB39" s="102">
        <v>0</v>
      </c>
      <c r="EC39" s="103">
        <v>1</v>
      </c>
      <c r="ED39" s="104">
        <v>1</v>
      </c>
      <c r="EE39" s="101">
        <v>0</v>
      </c>
      <c r="EF39" s="102">
        <v>1</v>
      </c>
      <c r="EG39" s="103">
        <v>1</v>
      </c>
      <c r="EH39" s="413">
        <v>0</v>
      </c>
      <c r="EI39" s="102">
        <v>0</v>
      </c>
      <c r="EJ39" s="102">
        <v>0</v>
      </c>
      <c r="EK39" s="102">
        <v>0</v>
      </c>
      <c r="EL39" s="102">
        <v>0</v>
      </c>
      <c r="EM39" s="102">
        <v>0</v>
      </c>
      <c r="EN39" s="103">
        <v>0</v>
      </c>
      <c r="EO39" s="104">
        <v>1</v>
      </c>
      <c r="EP39" s="101">
        <v>0</v>
      </c>
      <c r="EQ39" s="102">
        <v>0</v>
      </c>
      <c r="ER39" s="103">
        <v>0</v>
      </c>
      <c r="ES39" s="413">
        <v>0</v>
      </c>
      <c r="ET39" s="102">
        <v>1</v>
      </c>
      <c r="EU39" s="102">
        <v>0</v>
      </c>
      <c r="EV39" s="102">
        <v>0</v>
      </c>
      <c r="EW39" s="102">
        <v>0</v>
      </c>
      <c r="EX39" s="102">
        <v>0</v>
      </c>
      <c r="EY39" s="103">
        <v>1</v>
      </c>
      <c r="EZ39" s="104">
        <v>1</v>
      </c>
      <c r="FA39" s="101">
        <v>1</v>
      </c>
      <c r="FB39" s="102">
        <v>2</v>
      </c>
      <c r="FC39" s="103">
        <v>3</v>
      </c>
      <c r="FD39" s="413">
        <v>0</v>
      </c>
      <c r="FE39" s="102">
        <v>2</v>
      </c>
      <c r="FF39" s="102">
        <v>3</v>
      </c>
      <c r="FG39" s="102">
        <v>1</v>
      </c>
      <c r="FH39" s="102">
        <v>1</v>
      </c>
      <c r="FI39" s="102">
        <v>0</v>
      </c>
      <c r="FJ39" s="103">
        <v>7</v>
      </c>
      <c r="FK39" s="104">
        <v>10</v>
      </c>
      <c r="FL39" s="101">
        <v>1</v>
      </c>
      <c r="FM39" s="102">
        <v>0</v>
      </c>
      <c r="FN39" s="103">
        <v>1</v>
      </c>
      <c r="FO39" s="413">
        <v>0</v>
      </c>
      <c r="FP39" s="102">
        <v>3</v>
      </c>
      <c r="FQ39" s="102">
        <v>3</v>
      </c>
      <c r="FR39" s="102">
        <v>1</v>
      </c>
      <c r="FS39" s="102">
        <v>2</v>
      </c>
      <c r="FT39" s="102">
        <v>2</v>
      </c>
      <c r="FU39" s="103">
        <v>11</v>
      </c>
      <c r="FV39" s="104">
        <v>12</v>
      </c>
      <c r="FW39" s="101">
        <v>0</v>
      </c>
      <c r="FX39" s="102">
        <v>0</v>
      </c>
      <c r="FY39" s="103">
        <v>0</v>
      </c>
      <c r="FZ39" s="413">
        <v>0</v>
      </c>
      <c r="GA39" s="102">
        <v>0</v>
      </c>
      <c r="GB39" s="102">
        <v>0</v>
      </c>
      <c r="GC39" s="102">
        <v>0</v>
      </c>
      <c r="GD39" s="102">
        <v>0</v>
      </c>
      <c r="GE39" s="102">
        <v>0</v>
      </c>
      <c r="GF39" s="103">
        <v>0</v>
      </c>
      <c r="GG39" s="104">
        <v>0</v>
      </c>
      <c r="GH39" s="101">
        <v>2</v>
      </c>
      <c r="GI39" s="102">
        <v>3</v>
      </c>
      <c r="GJ39" s="103">
        <v>5</v>
      </c>
      <c r="GK39" s="413">
        <v>0</v>
      </c>
      <c r="GL39" s="102">
        <v>7</v>
      </c>
      <c r="GM39" s="102">
        <v>6</v>
      </c>
      <c r="GN39" s="102">
        <v>2</v>
      </c>
      <c r="GO39" s="102">
        <v>3</v>
      </c>
      <c r="GP39" s="102">
        <v>2</v>
      </c>
      <c r="GQ39" s="103">
        <v>20</v>
      </c>
      <c r="GR39" s="104">
        <v>25</v>
      </c>
      <c r="GS39" s="105">
        <v>6</v>
      </c>
      <c r="GT39" s="97">
        <v>11</v>
      </c>
      <c r="GU39" s="98">
        <v>17</v>
      </c>
      <c r="GV39" s="413">
        <v>0</v>
      </c>
      <c r="GW39" s="97">
        <v>21</v>
      </c>
      <c r="GX39" s="97">
        <v>15</v>
      </c>
      <c r="GY39" s="97">
        <v>6</v>
      </c>
      <c r="GZ39" s="97">
        <v>6</v>
      </c>
      <c r="HA39" s="97">
        <v>2</v>
      </c>
      <c r="HB39" s="99">
        <v>50</v>
      </c>
      <c r="HC39" s="100">
        <v>67</v>
      </c>
      <c r="HD39" s="101">
        <v>0</v>
      </c>
      <c r="HE39" s="102">
        <v>1</v>
      </c>
      <c r="HF39" s="103">
        <v>1</v>
      </c>
      <c r="HG39" s="413">
        <v>0</v>
      </c>
      <c r="HH39" s="102">
        <v>0</v>
      </c>
      <c r="HI39" s="102">
        <v>0</v>
      </c>
      <c r="HJ39" s="102">
        <v>1</v>
      </c>
      <c r="HK39" s="102">
        <v>0</v>
      </c>
      <c r="HL39" s="102">
        <v>0</v>
      </c>
      <c r="HM39" s="103">
        <v>1</v>
      </c>
      <c r="HN39" s="104">
        <v>2</v>
      </c>
      <c r="HO39" s="101">
        <v>1</v>
      </c>
      <c r="HP39" s="102">
        <v>0</v>
      </c>
      <c r="HQ39" s="103">
        <v>1</v>
      </c>
      <c r="HR39" s="413">
        <v>0</v>
      </c>
      <c r="HS39" s="102">
        <v>3</v>
      </c>
      <c r="HT39" s="102">
        <v>2</v>
      </c>
      <c r="HU39" s="102">
        <v>0</v>
      </c>
      <c r="HV39" s="102">
        <v>0</v>
      </c>
      <c r="HW39" s="102">
        <v>0</v>
      </c>
      <c r="HX39" s="103">
        <v>5</v>
      </c>
      <c r="HY39" s="104">
        <v>6</v>
      </c>
      <c r="HZ39" s="101">
        <v>0</v>
      </c>
      <c r="IA39" s="102">
        <v>2</v>
      </c>
      <c r="IB39" s="103">
        <v>2</v>
      </c>
      <c r="IC39" s="413">
        <v>0</v>
      </c>
      <c r="ID39" s="102">
        <v>2</v>
      </c>
      <c r="IE39" s="102">
        <v>2</v>
      </c>
      <c r="IF39" s="102">
        <v>0</v>
      </c>
      <c r="IG39" s="102">
        <v>0</v>
      </c>
      <c r="IH39" s="102">
        <v>0</v>
      </c>
      <c r="II39" s="103">
        <v>4</v>
      </c>
      <c r="IJ39" s="104">
        <v>6</v>
      </c>
      <c r="IK39" s="101">
        <v>1</v>
      </c>
      <c r="IL39" s="102">
        <v>2</v>
      </c>
      <c r="IM39" s="103">
        <v>3</v>
      </c>
      <c r="IN39" s="413">
        <v>0</v>
      </c>
      <c r="IO39" s="102">
        <v>6</v>
      </c>
      <c r="IP39" s="102">
        <v>1</v>
      </c>
      <c r="IQ39" s="102">
        <v>0</v>
      </c>
      <c r="IR39" s="102">
        <v>1</v>
      </c>
      <c r="IS39" s="102">
        <v>0</v>
      </c>
      <c r="IT39" s="103">
        <v>8</v>
      </c>
      <c r="IU39" s="104">
        <v>11</v>
      </c>
      <c r="IV39" s="101">
        <v>3</v>
      </c>
      <c r="IW39" s="102">
        <v>4</v>
      </c>
      <c r="IX39" s="103">
        <v>7</v>
      </c>
      <c r="IY39" s="413">
        <v>0</v>
      </c>
      <c r="IZ39" s="102">
        <v>4</v>
      </c>
      <c r="JA39" s="102">
        <v>5</v>
      </c>
      <c r="JB39" s="102">
        <v>2</v>
      </c>
      <c r="JC39" s="102">
        <v>1</v>
      </c>
      <c r="JD39" s="102">
        <v>0</v>
      </c>
      <c r="JE39" s="103">
        <v>12</v>
      </c>
      <c r="JF39" s="104">
        <v>19</v>
      </c>
      <c r="JG39" s="101">
        <v>1</v>
      </c>
      <c r="JH39" s="102">
        <v>2</v>
      </c>
      <c r="JI39" s="103">
        <v>3</v>
      </c>
      <c r="JJ39" s="413">
        <v>0</v>
      </c>
      <c r="JK39" s="102">
        <v>6</v>
      </c>
      <c r="JL39" s="102">
        <v>5</v>
      </c>
      <c r="JM39" s="102">
        <v>3</v>
      </c>
      <c r="JN39" s="102">
        <v>4</v>
      </c>
      <c r="JO39" s="102">
        <v>2</v>
      </c>
      <c r="JP39" s="103">
        <v>20</v>
      </c>
      <c r="JQ39" s="104">
        <v>23</v>
      </c>
      <c r="JR39" s="101">
        <v>0</v>
      </c>
      <c r="JS39" s="102">
        <v>0</v>
      </c>
      <c r="JT39" s="103">
        <v>0</v>
      </c>
      <c r="JU39" s="413">
        <v>0</v>
      </c>
      <c r="JV39" s="102">
        <v>0</v>
      </c>
      <c r="JW39" s="102">
        <v>0</v>
      </c>
      <c r="JX39" s="102">
        <v>0</v>
      </c>
      <c r="JY39" s="102">
        <v>0</v>
      </c>
      <c r="JZ39" s="102">
        <v>0</v>
      </c>
      <c r="KA39" s="103">
        <v>0</v>
      </c>
      <c r="KB39" s="104">
        <v>0</v>
      </c>
      <c r="KC39" s="101">
        <v>6</v>
      </c>
      <c r="KD39" s="102">
        <v>11</v>
      </c>
      <c r="KE39" s="103">
        <v>17</v>
      </c>
      <c r="KF39" s="413">
        <v>0</v>
      </c>
      <c r="KG39" s="102">
        <v>21</v>
      </c>
      <c r="KH39" s="102">
        <v>15</v>
      </c>
      <c r="KI39" s="102">
        <v>6</v>
      </c>
      <c r="KJ39" s="102">
        <v>6</v>
      </c>
      <c r="KK39" s="102">
        <v>2</v>
      </c>
      <c r="KL39" s="103">
        <v>50</v>
      </c>
      <c r="KM39" s="104">
        <v>67</v>
      </c>
    </row>
    <row r="40" spans="2:299" s="70" customFormat="1" ht="21" customHeight="1" thickBot="1" x14ac:dyDescent="0.25">
      <c r="B40" s="108" t="s">
        <v>37</v>
      </c>
      <c r="C40" s="109">
        <v>0</v>
      </c>
      <c r="D40" s="110">
        <v>0</v>
      </c>
      <c r="E40" s="111">
        <v>0</v>
      </c>
      <c r="F40" s="414">
        <v>0</v>
      </c>
      <c r="G40" s="110">
        <v>0</v>
      </c>
      <c r="H40" s="110">
        <v>2</v>
      </c>
      <c r="I40" s="110">
        <v>0</v>
      </c>
      <c r="J40" s="110">
        <v>0</v>
      </c>
      <c r="K40" s="110">
        <v>0</v>
      </c>
      <c r="L40" s="112">
        <v>2</v>
      </c>
      <c r="M40" s="113">
        <v>2</v>
      </c>
      <c r="N40" s="114">
        <v>0</v>
      </c>
      <c r="O40" s="115">
        <v>0</v>
      </c>
      <c r="P40" s="116">
        <v>0</v>
      </c>
      <c r="Q40" s="414">
        <v>0</v>
      </c>
      <c r="R40" s="115">
        <v>0</v>
      </c>
      <c r="S40" s="115">
        <v>0</v>
      </c>
      <c r="T40" s="115">
        <v>0</v>
      </c>
      <c r="U40" s="115">
        <v>0</v>
      </c>
      <c r="V40" s="115">
        <v>0</v>
      </c>
      <c r="W40" s="116">
        <v>0</v>
      </c>
      <c r="X40" s="117">
        <v>0</v>
      </c>
      <c r="Y40" s="114">
        <v>0</v>
      </c>
      <c r="Z40" s="115">
        <v>0</v>
      </c>
      <c r="AA40" s="116">
        <v>0</v>
      </c>
      <c r="AB40" s="414">
        <v>0</v>
      </c>
      <c r="AC40" s="115">
        <v>0</v>
      </c>
      <c r="AD40" s="115">
        <v>0</v>
      </c>
      <c r="AE40" s="115">
        <v>0</v>
      </c>
      <c r="AF40" s="115">
        <v>0</v>
      </c>
      <c r="AG40" s="115">
        <v>0</v>
      </c>
      <c r="AH40" s="116">
        <v>0</v>
      </c>
      <c r="AI40" s="117">
        <v>0</v>
      </c>
      <c r="AJ40" s="114">
        <v>0</v>
      </c>
      <c r="AK40" s="115">
        <v>0</v>
      </c>
      <c r="AL40" s="116">
        <v>0</v>
      </c>
      <c r="AM40" s="414">
        <v>0</v>
      </c>
      <c r="AN40" s="115">
        <v>0</v>
      </c>
      <c r="AO40" s="115">
        <v>1</v>
      </c>
      <c r="AP40" s="115">
        <v>0</v>
      </c>
      <c r="AQ40" s="115">
        <v>0</v>
      </c>
      <c r="AR40" s="115">
        <v>0</v>
      </c>
      <c r="AS40" s="116">
        <v>1</v>
      </c>
      <c r="AT40" s="117">
        <v>1</v>
      </c>
      <c r="AU40" s="114">
        <v>0</v>
      </c>
      <c r="AV40" s="115">
        <v>0</v>
      </c>
      <c r="AW40" s="116">
        <v>0</v>
      </c>
      <c r="AX40" s="414">
        <v>0</v>
      </c>
      <c r="AY40" s="115">
        <v>0</v>
      </c>
      <c r="AZ40" s="115">
        <v>0</v>
      </c>
      <c r="BA40" s="115">
        <v>0</v>
      </c>
      <c r="BB40" s="115">
        <v>0</v>
      </c>
      <c r="BC40" s="115">
        <v>0</v>
      </c>
      <c r="BD40" s="116">
        <v>0</v>
      </c>
      <c r="BE40" s="117">
        <v>0</v>
      </c>
      <c r="BF40" s="114">
        <v>0</v>
      </c>
      <c r="BG40" s="115">
        <v>0</v>
      </c>
      <c r="BH40" s="116">
        <v>0</v>
      </c>
      <c r="BI40" s="414">
        <v>0</v>
      </c>
      <c r="BJ40" s="115">
        <v>0</v>
      </c>
      <c r="BK40" s="115">
        <v>1</v>
      </c>
      <c r="BL40" s="115">
        <v>0</v>
      </c>
      <c r="BM40" s="115">
        <v>0</v>
      </c>
      <c r="BN40" s="115">
        <v>0</v>
      </c>
      <c r="BO40" s="116">
        <v>1</v>
      </c>
      <c r="BP40" s="117">
        <v>1</v>
      </c>
      <c r="BQ40" s="114">
        <v>0</v>
      </c>
      <c r="BR40" s="115">
        <v>0</v>
      </c>
      <c r="BS40" s="116">
        <v>0</v>
      </c>
      <c r="BT40" s="414">
        <v>0</v>
      </c>
      <c r="BU40" s="115">
        <v>0</v>
      </c>
      <c r="BV40" s="115">
        <v>0</v>
      </c>
      <c r="BW40" s="115">
        <v>0</v>
      </c>
      <c r="BX40" s="115">
        <v>0</v>
      </c>
      <c r="BY40" s="115">
        <v>0</v>
      </c>
      <c r="BZ40" s="116">
        <v>0</v>
      </c>
      <c r="CA40" s="117">
        <v>0</v>
      </c>
      <c r="CB40" s="114">
        <v>0</v>
      </c>
      <c r="CC40" s="115">
        <v>0</v>
      </c>
      <c r="CD40" s="116">
        <v>0</v>
      </c>
      <c r="CE40" s="414">
        <v>0</v>
      </c>
      <c r="CF40" s="115">
        <v>0</v>
      </c>
      <c r="CG40" s="115">
        <v>0</v>
      </c>
      <c r="CH40" s="115">
        <v>0</v>
      </c>
      <c r="CI40" s="115">
        <v>0</v>
      </c>
      <c r="CJ40" s="115">
        <v>0</v>
      </c>
      <c r="CK40" s="116">
        <v>0</v>
      </c>
      <c r="CL40" s="117">
        <v>0</v>
      </c>
      <c r="CM40" s="114">
        <v>0</v>
      </c>
      <c r="CN40" s="115">
        <v>0</v>
      </c>
      <c r="CO40" s="116">
        <v>0</v>
      </c>
      <c r="CP40" s="414">
        <v>0</v>
      </c>
      <c r="CQ40" s="115">
        <v>0</v>
      </c>
      <c r="CR40" s="115">
        <v>2</v>
      </c>
      <c r="CS40" s="115">
        <v>0</v>
      </c>
      <c r="CT40" s="115">
        <v>0</v>
      </c>
      <c r="CU40" s="115">
        <v>0</v>
      </c>
      <c r="CV40" s="116">
        <v>2</v>
      </c>
      <c r="CW40" s="117">
        <v>2</v>
      </c>
      <c r="CX40" s="118">
        <v>0</v>
      </c>
      <c r="CY40" s="110">
        <v>0</v>
      </c>
      <c r="CZ40" s="111">
        <v>0</v>
      </c>
      <c r="DA40" s="414">
        <v>0</v>
      </c>
      <c r="DB40" s="110">
        <v>0</v>
      </c>
      <c r="DC40" s="110">
        <v>0</v>
      </c>
      <c r="DD40" s="110">
        <v>0</v>
      </c>
      <c r="DE40" s="110">
        <v>0</v>
      </c>
      <c r="DF40" s="110">
        <v>0</v>
      </c>
      <c r="DG40" s="112">
        <v>0</v>
      </c>
      <c r="DH40" s="113">
        <v>0</v>
      </c>
      <c r="DI40" s="114">
        <v>0</v>
      </c>
      <c r="DJ40" s="115">
        <v>0</v>
      </c>
      <c r="DK40" s="116">
        <v>0</v>
      </c>
      <c r="DL40" s="414">
        <v>0</v>
      </c>
      <c r="DM40" s="115">
        <v>0</v>
      </c>
      <c r="DN40" s="115">
        <v>0</v>
      </c>
      <c r="DO40" s="115">
        <v>0</v>
      </c>
      <c r="DP40" s="115">
        <v>0</v>
      </c>
      <c r="DQ40" s="115">
        <v>0</v>
      </c>
      <c r="DR40" s="116">
        <v>0</v>
      </c>
      <c r="DS40" s="117">
        <v>0</v>
      </c>
      <c r="DT40" s="114">
        <v>0</v>
      </c>
      <c r="DU40" s="115">
        <v>0</v>
      </c>
      <c r="DV40" s="116">
        <v>0</v>
      </c>
      <c r="DW40" s="414">
        <v>0</v>
      </c>
      <c r="DX40" s="115">
        <v>0</v>
      </c>
      <c r="DY40" s="115">
        <v>0</v>
      </c>
      <c r="DZ40" s="115">
        <v>0</v>
      </c>
      <c r="EA40" s="115">
        <v>0</v>
      </c>
      <c r="EB40" s="115">
        <v>0</v>
      </c>
      <c r="EC40" s="116">
        <v>0</v>
      </c>
      <c r="ED40" s="117">
        <v>0</v>
      </c>
      <c r="EE40" s="114">
        <v>0</v>
      </c>
      <c r="EF40" s="115">
        <v>0</v>
      </c>
      <c r="EG40" s="116">
        <v>0</v>
      </c>
      <c r="EH40" s="414">
        <v>0</v>
      </c>
      <c r="EI40" s="115">
        <v>0</v>
      </c>
      <c r="EJ40" s="115">
        <v>0</v>
      </c>
      <c r="EK40" s="115">
        <v>0</v>
      </c>
      <c r="EL40" s="115">
        <v>0</v>
      </c>
      <c r="EM40" s="115">
        <v>0</v>
      </c>
      <c r="EN40" s="116">
        <v>0</v>
      </c>
      <c r="EO40" s="117">
        <v>0</v>
      </c>
      <c r="EP40" s="114">
        <v>0</v>
      </c>
      <c r="EQ40" s="115">
        <v>0</v>
      </c>
      <c r="ER40" s="116">
        <v>0</v>
      </c>
      <c r="ES40" s="414">
        <v>0</v>
      </c>
      <c r="ET40" s="115">
        <v>0</v>
      </c>
      <c r="EU40" s="115">
        <v>0</v>
      </c>
      <c r="EV40" s="115">
        <v>0</v>
      </c>
      <c r="EW40" s="115">
        <v>0</v>
      </c>
      <c r="EX40" s="115">
        <v>0</v>
      </c>
      <c r="EY40" s="116">
        <v>0</v>
      </c>
      <c r="EZ40" s="117">
        <v>0</v>
      </c>
      <c r="FA40" s="114">
        <v>0</v>
      </c>
      <c r="FB40" s="115">
        <v>0</v>
      </c>
      <c r="FC40" s="116">
        <v>0</v>
      </c>
      <c r="FD40" s="414">
        <v>0</v>
      </c>
      <c r="FE40" s="115">
        <v>0</v>
      </c>
      <c r="FF40" s="115">
        <v>0</v>
      </c>
      <c r="FG40" s="115">
        <v>0</v>
      </c>
      <c r="FH40" s="115">
        <v>0</v>
      </c>
      <c r="FI40" s="115">
        <v>0</v>
      </c>
      <c r="FJ40" s="116">
        <v>0</v>
      </c>
      <c r="FK40" s="117">
        <v>0</v>
      </c>
      <c r="FL40" s="114">
        <v>0</v>
      </c>
      <c r="FM40" s="115">
        <v>0</v>
      </c>
      <c r="FN40" s="116">
        <v>0</v>
      </c>
      <c r="FO40" s="414">
        <v>0</v>
      </c>
      <c r="FP40" s="115">
        <v>0</v>
      </c>
      <c r="FQ40" s="115">
        <v>0</v>
      </c>
      <c r="FR40" s="115">
        <v>0</v>
      </c>
      <c r="FS40" s="115">
        <v>0</v>
      </c>
      <c r="FT40" s="115">
        <v>0</v>
      </c>
      <c r="FU40" s="116">
        <v>0</v>
      </c>
      <c r="FV40" s="117">
        <v>0</v>
      </c>
      <c r="FW40" s="114">
        <v>0</v>
      </c>
      <c r="FX40" s="115">
        <v>0</v>
      </c>
      <c r="FY40" s="116">
        <v>0</v>
      </c>
      <c r="FZ40" s="414">
        <v>0</v>
      </c>
      <c r="GA40" s="115">
        <v>0</v>
      </c>
      <c r="GB40" s="115">
        <v>0</v>
      </c>
      <c r="GC40" s="115">
        <v>0</v>
      </c>
      <c r="GD40" s="115">
        <v>0</v>
      </c>
      <c r="GE40" s="115">
        <v>0</v>
      </c>
      <c r="GF40" s="116">
        <v>0</v>
      </c>
      <c r="GG40" s="117">
        <v>0</v>
      </c>
      <c r="GH40" s="114">
        <v>0</v>
      </c>
      <c r="GI40" s="115">
        <v>0</v>
      </c>
      <c r="GJ40" s="116">
        <v>0</v>
      </c>
      <c r="GK40" s="414">
        <v>0</v>
      </c>
      <c r="GL40" s="115">
        <v>0</v>
      </c>
      <c r="GM40" s="115">
        <v>0</v>
      </c>
      <c r="GN40" s="115">
        <v>0</v>
      </c>
      <c r="GO40" s="115">
        <v>0</v>
      </c>
      <c r="GP40" s="115">
        <v>0</v>
      </c>
      <c r="GQ40" s="116">
        <v>0</v>
      </c>
      <c r="GR40" s="117">
        <v>0</v>
      </c>
      <c r="GS40" s="118">
        <v>0</v>
      </c>
      <c r="GT40" s="110">
        <v>0</v>
      </c>
      <c r="GU40" s="111">
        <v>0</v>
      </c>
      <c r="GV40" s="414">
        <v>0</v>
      </c>
      <c r="GW40" s="110">
        <v>0</v>
      </c>
      <c r="GX40" s="110">
        <v>2</v>
      </c>
      <c r="GY40" s="110">
        <v>0</v>
      </c>
      <c r="GZ40" s="110">
        <v>0</v>
      </c>
      <c r="HA40" s="110">
        <v>0</v>
      </c>
      <c r="HB40" s="112">
        <v>2</v>
      </c>
      <c r="HC40" s="113">
        <v>2</v>
      </c>
      <c r="HD40" s="114">
        <v>0</v>
      </c>
      <c r="HE40" s="115">
        <v>0</v>
      </c>
      <c r="HF40" s="116">
        <v>0</v>
      </c>
      <c r="HG40" s="414">
        <v>0</v>
      </c>
      <c r="HH40" s="115">
        <v>0</v>
      </c>
      <c r="HI40" s="115">
        <v>0</v>
      </c>
      <c r="HJ40" s="115">
        <v>0</v>
      </c>
      <c r="HK40" s="115">
        <v>0</v>
      </c>
      <c r="HL40" s="115">
        <v>0</v>
      </c>
      <c r="HM40" s="116">
        <v>0</v>
      </c>
      <c r="HN40" s="117">
        <v>0</v>
      </c>
      <c r="HO40" s="114">
        <v>0</v>
      </c>
      <c r="HP40" s="115">
        <v>0</v>
      </c>
      <c r="HQ40" s="116">
        <v>0</v>
      </c>
      <c r="HR40" s="414">
        <v>0</v>
      </c>
      <c r="HS40" s="115">
        <v>0</v>
      </c>
      <c r="HT40" s="115">
        <v>0</v>
      </c>
      <c r="HU40" s="115">
        <v>0</v>
      </c>
      <c r="HV40" s="115">
        <v>0</v>
      </c>
      <c r="HW40" s="115">
        <v>0</v>
      </c>
      <c r="HX40" s="116">
        <v>0</v>
      </c>
      <c r="HY40" s="117">
        <v>0</v>
      </c>
      <c r="HZ40" s="114">
        <v>0</v>
      </c>
      <c r="IA40" s="115">
        <v>0</v>
      </c>
      <c r="IB40" s="116">
        <v>0</v>
      </c>
      <c r="IC40" s="414">
        <v>0</v>
      </c>
      <c r="ID40" s="115">
        <v>0</v>
      </c>
      <c r="IE40" s="115">
        <v>1</v>
      </c>
      <c r="IF40" s="115">
        <v>0</v>
      </c>
      <c r="IG40" s="115">
        <v>0</v>
      </c>
      <c r="IH40" s="115">
        <v>0</v>
      </c>
      <c r="II40" s="116">
        <v>1</v>
      </c>
      <c r="IJ40" s="117">
        <v>1</v>
      </c>
      <c r="IK40" s="114">
        <v>0</v>
      </c>
      <c r="IL40" s="115">
        <v>0</v>
      </c>
      <c r="IM40" s="116">
        <v>0</v>
      </c>
      <c r="IN40" s="414">
        <v>0</v>
      </c>
      <c r="IO40" s="115">
        <v>0</v>
      </c>
      <c r="IP40" s="115">
        <v>0</v>
      </c>
      <c r="IQ40" s="115">
        <v>0</v>
      </c>
      <c r="IR40" s="115">
        <v>0</v>
      </c>
      <c r="IS40" s="115">
        <v>0</v>
      </c>
      <c r="IT40" s="116">
        <v>0</v>
      </c>
      <c r="IU40" s="117">
        <v>0</v>
      </c>
      <c r="IV40" s="114">
        <v>0</v>
      </c>
      <c r="IW40" s="115">
        <v>0</v>
      </c>
      <c r="IX40" s="116">
        <v>0</v>
      </c>
      <c r="IY40" s="414">
        <v>0</v>
      </c>
      <c r="IZ40" s="115">
        <v>0</v>
      </c>
      <c r="JA40" s="115">
        <v>1</v>
      </c>
      <c r="JB40" s="115">
        <v>0</v>
      </c>
      <c r="JC40" s="115">
        <v>0</v>
      </c>
      <c r="JD40" s="115">
        <v>0</v>
      </c>
      <c r="JE40" s="116">
        <v>1</v>
      </c>
      <c r="JF40" s="117">
        <v>1</v>
      </c>
      <c r="JG40" s="114">
        <v>0</v>
      </c>
      <c r="JH40" s="115">
        <v>0</v>
      </c>
      <c r="JI40" s="116">
        <v>0</v>
      </c>
      <c r="JJ40" s="414">
        <v>0</v>
      </c>
      <c r="JK40" s="115">
        <v>0</v>
      </c>
      <c r="JL40" s="115">
        <v>0</v>
      </c>
      <c r="JM40" s="115">
        <v>0</v>
      </c>
      <c r="JN40" s="115">
        <v>0</v>
      </c>
      <c r="JO40" s="115">
        <v>0</v>
      </c>
      <c r="JP40" s="116">
        <v>0</v>
      </c>
      <c r="JQ40" s="117">
        <v>0</v>
      </c>
      <c r="JR40" s="114">
        <v>0</v>
      </c>
      <c r="JS40" s="115">
        <v>0</v>
      </c>
      <c r="JT40" s="116">
        <v>0</v>
      </c>
      <c r="JU40" s="414">
        <v>0</v>
      </c>
      <c r="JV40" s="115">
        <v>0</v>
      </c>
      <c r="JW40" s="115">
        <v>0</v>
      </c>
      <c r="JX40" s="115">
        <v>0</v>
      </c>
      <c r="JY40" s="115">
        <v>0</v>
      </c>
      <c r="JZ40" s="115">
        <v>0</v>
      </c>
      <c r="KA40" s="116">
        <v>0</v>
      </c>
      <c r="KB40" s="117">
        <v>0</v>
      </c>
      <c r="KC40" s="114">
        <v>0</v>
      </c>
      <c r="KD40" s="115">
        <v>0</v>
      </c>
      <c r="KE40" s="116">
        <v>0</v>
      </c>
      <c r="KF40" s="414">
        <v>0</v>
      </c>
      <c r="KG40" s="115">
        <v>0</v>
      </c>
      <c r="KH40" s="115">
        <v>2</v>
      </c>
      <c r="KI40" s="115">
        <v>0</v>
      </c>
      <c r="KJ40" s="115">
        <v>0</v>
      </c>
      <c r="KK40" s="115">
        <v>0</v>
      </c>
      <c r="KL40" s="116">
        <v>2</v>
      </c>
      <c r="KM40" s="117">
        <v>2</v>
      </c>
    </row>
    <row r="41" spans="2:299" ht="32.25" customHeight="1" x14ac:dyDescent="0.2">
      <c r="C41" s="70" t="s">
        <v>124</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3" customWidth="1"/>
    <col min="2" max="2" width="9.77734375" style="13" customWidth="1"/>
    <col min="3" max="6" width="7.77734375" style="11" customWidth="1"/>
    <col min="7" max="7" width="8.109375" style="11" customWidth="1"/>
    <col min="8" max="8" width="7.44140625" style="11" customWidth="1"/>
    <col min="9" max="9" width="9.109375" style="11" customWidth="1"/>
    <col min="10" max="10" width="7.77734375" style="11" customWidth="1"/>
    <col min="11" max="11" width="8.6640625" style="11" customWidth="1"/>
    <col min="12" max="12" width="9.33203125" style="11" customWidth="1"/>
    <col min="13" max="13" width="8.33203125" style="11" customWidth="1"/>
    <col min="14" max="26" width="7.77734375" style="11" customWidth="1"/>
    <col min="27" max="33" width="7.77734375" style="13" customWidth="1"/>
    <col min="34" max="34" width="9" style="13"/>
    <col min="35" max="35" width="8.6640625" style="13" customWidth="1"/>
    <col min="36" max="16384" width="9" style="13"/>
  </cols>
  <sheetData>
    <row r="1" spans="2:35" ht="24" customHeight="1" x14ac:dyDescent="0.2">
      <c r="B1" s="10" t="s">
        <v>131</v>
      </c>
      <c r="F1" s="12"/>
      <c r="G1" s="442">
        <f>第１表!F2</f>
        <v>6</v>
      </c>
      <c r="H1" s="442"/>
      <c r="I1" s="18">
        <f>第１表!G2</f>
        <v>11</v>
      </c>
      <c r="J1" s="447">
        <f>IF(I1&lt;3,I1+12-2,I1-2)</f>
        <v>9</v>
      </c>
      <c r="K1" s="447"/>
    </row>
    <row r="2" spans="2:35" ht="24" customHeight="1" thickBot="1" x14ac:dyDescent="0.25">
      <c r="B2" s="71"/>
      <c r="J2" s="14"/>
      <c r="K2" s="14"/>
      <c r="L2" s="14"/>
      <c r="M2" s="14"/>
      <c r="N2" s="14"/>
      <c r="O2" s="14"/>
      <c r="P2" s="15"/>
      <c r="Q2" s="15"/>
      <c r="R2" s="15"/>
    </row>
    <row r="3" spans="2:35" s="71" customFormat="1" ht="21" customHeight="1" thickBot="1" x14ac:dyDescent="0.25">
      <c r="B3" s="119"/>
      <c r="C3" s="444" t="s">
        <v>53</v>
      </c>
      <c r="D3" s="445"/>
      <c r="E3" s="445"/>
      <c r="F3" s="445"/>
      <c r="G3" s="445"/>
      <c r="H3" s="445"/>
      <c r="I3" s="445"/>
      <c r="J3" s="445"/>
      <c r="K3" s="445"/>
      <c r="L3" s="445"/>
      <c r="M3" s="446"/>
      <c r="N3" s="444" t="s">
        <v>54</v>
      </c>
      <c r="O3" s="445"/>
      <c r="P3" s="445"/>
      <c r="Q3" s="445"/>
      <c r="R3" s="445"/>
      <c r="S3" s="445"/>
      <c r="T3" s="445"/>
      <c r="U3" s="445"/>
      <c r="V3" s="445"/>
      <c r="W3" s="445"/>
      <c r="X3" s="446"/>
      <c r="Y3" s="444" t="s">
        <v>55</v>
      </c>
      <c r="Z3" s="445"/>
      <c r="AA3" s="445"/>
      <c r="AB3" s="445"/>
      <c r="AC3" s="445"/>
      <c r="AD3" s="445"/>
      <c r="AE3" s="445"/>
      <c r="AF3" s="445"/>
      <c r="AG3" s="445"/>
      <c r="AH3" s="445"/>
      <c r="AI3" s="446"/>
    </row>
    <row r="4" spans="2:35" s="71" customFormat="1" ht="30" customHeight="1" thickBot="1" x14ac:dyDescent="0.25">
      <c r="B4" s="119" t="s">
        <v>42</v>
      </c>
      <c r="C4" s="120" t="s">
        <v>43</v>
      </c>
      <c r="D4" s="121" t="s">
        <v>44</v>
      </c>
      <c r="E4" s="122" t="s">
        <v>45</v>
      </c>
      <c r="F4" s="123" t="s">
        <v>46</v>
      </c>
      <c r="G4" s="121" t="s">
        <v>47</v>
      </c>
      <c r="H4" s="121" t="s">
        <v>48</v>
      </c>
      <c r="I4" s="121" t="s">
        <v>49</v>
      </c>
      <c r="J4" s="121" t="s">
        <v>50</v>
      </c>
      <c r="K4" s="121" t="s">
        <v>51</v>
      </c>
      <c r="L4" s="122" t="s">
        <v>45</v>
      </c>
      <c r="M4" s="69" t="s">
        <v>52</v>
      </c>
      <c r="N4" s="120" t="s">
        <v>43</v>
      </c>
      <c r="O4" s="121" t="s">
        <v>44</v>
      </c>
      <c r="P4" s="122" t="s">
        <v>45</v>
      </c>
      <c r="Q4" s="123" t="s">
        <v>46</v>
      </c>
      <c r="R4" s="121" t="s">
        <v>47</v>
      </c>
      <c r="S4" s="121" t="s">
        <v>48</v>
      </c>
      <c r="T4" s="121" t="s">
        <v>49</v>
      </c>
      <c r="U4" s="121" t="s">
        <v>50</v>
      </c>
      <c r="V4" s="121" t="s">
        <v>51</v>
      </c>
      <c r="W4" s="122" t="s">
        <v>45</v>
      </c>
      <c r="X4" s="69" t="s">
        <v>52</v>
      </c>
      <c r="Y4" s="120" t="s">
        <v>43</v>
      </c>
      <c r="Z4" s="121" t="s">
        <v>44</v>
      </c>
      <c r="AA4" s="122" t="s">
        <v>45</v>
      </c>
      <c r="AB4" s="123" t="s">
        <v>46</v>
      </c>
      <c r="AC4" s="121" t="s">
        <v>47</v>
      </c>
      <c r="AD4" s="121" t="s">
        <v>48</v>
      </c>
      <c r="AE4" s="121" t="s">
        <v>49</v>
      </c>
      <c r="AF4" s="121" t="s">
        <v>50</v>
      </c>
      <c r="AG4" s="121" t="s">
        <v>51</v>
      </c>
      <c r="AH4" s="122" t="s">
        <v>45</v>
      </c>
      <c r="AI4" s="69" t="s">
        <v>52</v>
      </c>
    </row>
    <row r="5" spans="2:35" ht="21" customHeight="1" x14ac:dyDescent="0.2">
      <c r="B5" s="84" t="s">
        <v>4</v>
      </c>
      <c r="C5" s="124">
        <v>18027</v>
      </c>
      <c r="D5" s="125">
        <v>32640</v>
      </c>
      <c r="E5" s="126">
        <v>50667</v>
      </c>
      <c r="F5" s="127">
        <v>0</v>
      </c>
      <c r="G5" s="125">
        <v>62646</v>
      </c>
      <c r="H5" s="125">
        <v>65148</v>
      </c>
      <c r="I5" s="125">
        <v>36728</v>
      </c>
      <c r="J5" s="125">
        <v>28001</v>
      </c>
      <c r="K5" s="125">
        <v>16724</v>
      </c>
      <c r="L5" s="126">
        <v>209247</v>
      </c>
      <c r="M5" s="128">
        <v>259914</v>
      </c>
      <c r="N5" s="129">
        <v>339</v>
      </c>
      <c r="O5" s="125">
        <v>910</v>
      </c>
      <c r="P5" s="126">
        <v>1249</v>
      </c>
      <c r="Q5" s="127">
        <v>0</v>
      </c>
      <c r="R5" s="125">
        <v>1086</v>
      </c>
      <c r="S5" s="125">
        <v>2038</v>
      </c>
      <c r="T5" s="125">
        <v>1055</v>
      </c>
      <c r="U5" s="125">
        <v>840</v>
      </c>
      <c r="V5" s="125">
        <v>824</v>
      </c>
      <c r="W5" s="126">
        <v>5843</v>
      </c>
      <c r="X5" s="128">
        <v>7092</v>
      </c>
      <c r="Y5" s="124">
        <v>18366</v>
      </c>
      <c r="Z5" s="125">
        <v>33550</v>
      </c>
      <c r="AA5" s="126">
        <v>51916</v>
      </c>
      <c r="AB5" s="127">
        <v>0</v>
      </c>
      <c r="AC5" s="125">
        <v>63732</v>
      </c>
      <c r="AD5" s="125">
        <v>67186</v>
      </c>
      <c r="AE5" s="125">
        <v>37783</v>
      </c>
      <c r="AF5" s="125">
        <v>28841</v>
      </c>
      <c r="AG5" s="125">
        <v>17548</v>
      </c>
      <c r="AH5" s="126">
        <v>215090</v>
      </c>
      <c r="AI5" s="128">
        <v>267006</v>
      </c>
    </row>
    <row r="6" spans="2:35" ht="21" customHeight="1" x14ac:dyDescent="0.2">
      <c r="B6" s="95" t="s">
        <v>5</v>
      </c>
      <c r="C6" s="130">
        <v>6433</v>
      </c>
      <c r="D6" s="131">
        <v>14582</v>
      </c>
      <c r="E6" s="132">
        <v>21015</v>
      </c>
      <c r="F6" s="133">
        <v>0</v>
      </c>
      <c r="G6" s="131">
        <v>16476</v>
      </c>
      <c r="H6" s="131">
        <v>24463</v>
      </c>
      <c r="I6" s="131">
        <v>12049</v>
      </c>
      <c r="J6" s="131">
        <v>9443</v>
      </c>
      <c r="K6" s="131">
        <v>5500</v>
      </c>
      <c r="L6" s="132">
        <v>67931</v>
      </c>
      <c r="M6" s="134">
        <v>88946</v>
      </c>
      <c r="N6" s="135">
        <v>122</v>
      </c>
      <c r="O6" s="131">
        <v>394</v>
      </c>
      <c r="P6" s="132">
        <v>516</v>
      </c>
      <c r="Q6" s="133">
        <v>0</v>
      </c>
      <c r="R6" s="131">
        <v>253</v>
      </c>
      <c r="S6" s="131">
        <v>854</v>
      </c>
      <c r="T6" s="131">
        <v>373</v>
      </c>
      <c r="U6" s="131">
        <v>304</v>
      </c>
      <c r="V6" s="131">
        <v>330</v>
      </c>
      <c r="W6" s="132">
        <v>2114</v>
      </c>
      <c r="X6" s="134">
        <v>2630</v>
      </c>
      <c r="Y6" s="130">
        <v>6555</v>
      </c>
      <c r="Z6" s="131">
        <v>14976</v>
      </c>
      <c r="AA6" s="132">
        <v>21531</v>
      </c>
      <c r="AB6" s="133">
        <v>0</v>
      </c>
      <c r="AC6" s="131">
        <v>16729</v>
      </c>
      <c r="AD6" s="131">
        <v>25317</v>
      </c>
      <c r="AE6" s="131">
        <v>12422</v>
      </c>
      <c r="AF6" s="131">
        <v>9747</v>
      </c>
      <c r="AG6" s="131">
        <v>5830</v>
      </c>
      <c r="AH6" s="132">
        <v>70045</v>
      </c>
      <c r="AI6" s="134">
        <v>91576</v>
      </c>
    </row>
    <row r="7" spans="2:35" ht="21" customHeight="1" x14ac:dyDescent="0.2">
      <c r="B7" s="106" t="s">
        <v>6</v>
      </c>
      <c r="C7" s="130">
        <v>2524</v>
      </c>
      <c r="D7" s="131">
        <v>3843</v>
      </c>
      <c r="E7" s="132">
        <v>6367</v>
      </c>
      <c r="F7" s="133">
        <v>0</v>
      </c>
      <c r="G7" s="131">
        <v>11247</v>
      </c>
      <c r="H7" s="131">
        <v>9783</v>
      </c>
      <c r="I7" s="131">
        <v>5736</v>
      </c>
      <c r="J7" s="131">
        <v>4406</v>
      </c>
      <c r="K7" s="131">
        <v>2846</v>
      </c>
      <c r="L7" s="132">
        <v>34018</v>
      </c>
      <c r="M7" s="134">
        <v>40385</v>
      </c>
      <c r="N7" s="135">
        <v>70</v>
      </c>
      <c r="O7" s="131">
        <v>120</v>
      </c>
      <c r="P7" s="132">
        <v>190</v>
      </c>
      <c r="Q7" s="133">
        <v>0</v>
      </c>
      <c r="R7" s="131">
        <v>231</v>
      </c>
      <c r="S7" s="131">
        <v>281</v>
      </c>
      <c r="T7" s="131">
        <v>160</v>
      </c>
      <c r="U7" s="131">
        <v>151</v>
      </c>
      <c r="V7" s="131">
        <v>138</v>
      </c>
      <c r="W7" s="132">
        <v>961</v>
      </c>
      <c r="X7" s="134">
        <v>1151</v>
      </c>
      <c r="Y7" s="130">
        <v>2594</v>
      </c>
      <c r="Z7" s="131">
        <v>3963</v>
      </c>
      <c r="AA7" s="132">
        <v>6557</v>
      </c>
      <c r="AB7" s="133">
        <v>0</v>
      </c>
      <c r="AC7" s="131">
        <v>11478</v>
      </c>
      <c r="AD7" s="131">
        <v>10064</v>
      </c>
      <c r="AE7" s="131">
        <v>5896</v>
      </c>
      <c r="AF7" s="131">
        <v>4557</v>
      </c>
      <c r="AG7" s="131">
        <v>2984</v>
      </c>
      <c r="AH7" s="132">
        <v>34979</v>
      </c>
      <c r="AI7" s="134">
        <v>41536</v>
      </c>
    </row>
    <row r="8" spans="2:35" ht="21" customHeight="1" x14ac:dyDescent="0.2">
      <c r="B8" s="106" t="s">
        <v>14</v>
      </c>
      <c r="C8" s="130">
        <v>1275</v>
      </c>
      <c r="D8" s="131">
        <v>2907</v>
      </c>
      <c r="E8" s="132">
        <v>4182</v>
      </c>
      <c r="F8" s="133">
        <v>0</v>
      </c>
      <c r="G8" s="131">
        <v>4787</v>
      </c>
      <c r="H8" s="131">
        <v>6045</v>
      </c>
      <c r="I8" s="131">
        <v>3755</v>
      </c>
      <c r="J8" s="131">
        <v>2457</v>
      </c>
      <c r="K8" s="131">
        <v>1384</v>
      </c>
      <c r="L8" s="132">
        <v>18428</v>
      </c>
      <c r="M8" s="134">
        <v>22610</v>
      </c>
      <c r="N8" s="135">
        <v>18</v>
      </c>
      <c r="O8" s="131">
        <v>106</v>
      </c>
      <c r="P8" s="132">
        <v>124</v>
      </c>
      <c r="Q8" s="133">
        <v>0</v>
      </c>
      <c r="R8" s="131">
        <v>75</v>
      </c>
      <c r="S8" s="131">
        <v>185</v>
      </c>
      <c r="T8" s="131">
        <v>98</v>
      </c>
      <c r="U8" s="131">
        <v>72</v>
      </c>
      <c r="V8" s="131">
        <v>65</v>
      </c>
      <c r="W8" s="132">
        <v>495</v>
      </c>
      <c r="X8" s="134">
        <v>619</v>
      </c>
      <c r="Y8" s="130">
        <v>1293</v>
      </c>
      <c r="Z8" s="131">
        <v>3013</v>
      </c>
      <c r="AA8" s="132">
        <v>4306</v>
      </c>
      <c r="AB8" s="133">
        <v>0</v>
      </c>
      <c r="AC8" s="131">
        <v>4862</v>
      </c>
      <c r="AD8" s="131">
        <v>6230</v>
      </c>
      <c r="AE8" s="131">
        <v>3853</v>
      </c>
      <c r="AF8" s="131">
        <v>2529</v>
      </c>
      <c r="AG8" s="131">
        <v>1449</v>
      </c>
      <c r="AH8" s="132">
        <v>18923</v>
      </c>
      <c r="AI8" s="134">
        <v>23229</v>
      </c>
    </row>
    <row r="9" spans="2:35" ht="21" customHeight="1" x14ac:dyDescent="0.2">
      <c r="B9" s="106" t="s">
        <v>7</v>
      </c>
      <c r="C9" s="130">
        <v>698</v>
      </c>
      <c r="D9" s="131">
        <v>1017</v>
      </c>
      <c r="E9" s="132">
        <v>1715</v>
      </c>
      <c r="F9" s="133">
        <v>0</v>
      </c>
      <c r="G9" s="131">
        <v>5288</v>
      </c>
      <c r="H9" s="131">
        <v>3504</v>
      </c>
      <c r="I9" s="131">
        <v>1930</v>
      </c>
      <c r="J9" s="131">
        <v>1571</v>
      </c>
      <c r="K9" s="131">
        <v>928</v>
      </c>
      <c r="L9" s="132">
        <v>13221</v>
      </c>
      <c r="M9" s="134">
        <v>14936</v>
      </c>
      <c r="N9" s="135">
        <v>6</v>
      </c>
      <c r="O9" s="131">
        <v>20</v>
      </c>
      <c r="P9" s="132">
        <v>26</v>
      </c>
      <c r="Q9" s="133">
        <v>0</v>
      </c>
      <c r="R9" s="131">
        <v>100</v>
      </c>
      <c r="S9" s="131">
        <v>95</v>
      </c>
      <c r="T9" s="131">
        <v>50</v>
      </c>
      <c r="U9" s="131">
        <v>29</v>
      </c>
      <c r="V9" s="131">
        <v>27</v>
      </c>
      <c r="W9" s="132">
        <v>301</v>
      </c>
      <c r="X9" s="134">
        <v>327</v>
      </c>
      <c r="Y9" s="130">
        <v>704</v>
      </c>
      <c r="Z9" s="131">
        <v>1037</v>
      </c>
      <c r="AA9" s="132">
        <v>1741</v>
      </c>
      <c r="AB9" s="133">
        <v>0</v>
      </c>
      <c r="AC9" s="131">
        <v>5388</v>
      </c>
      <c r="AD9" s="131">
        <v>3599</v>
      </c>
      <c r="AE9" s="131">
        <v>1980</v>
      </c>
      <c r="AF9" s="131">
        <v>1600</v>
      </c>
      <c r="AG9" s="131">
        <v>955</v>
      </c>
      <c r="AH9" s="132">
        <v>13522</v>
      </c>
      <c r="AI9" s="134">
        <v>15263</v>
      </c>
    </row>
    <row r="10" spans="2:35" ht="21" customHeight="1" x14ac:dyDescent="0.2">
      <c r="B10" s="106" t="s">
        <v>8</v>
      </c>
      <c r="C10" s="130">
        <v>684</v>
      </c>
      <c r="D10" s="131">
        <v>737</v>
      </c>
      <c r="E10" s="132">
        <v>1421</v>
      </c>
      <c r="F10" s="133">
        <v>0</v>
      </c>
      <c r="G10" s="131">
        <v>2202</v>
      </c>
      <c r="H10" s="131">
        <v>2168</v>
      </c>
      <c r="I10" s="131">
        <v>1305</v>
      </c>
      <c r="J10" s="131">
        <v>920</v>
      </c>
      <c r="K10" s="131">
        <v>595</v>
      </c>
      <c r="L10" s="132">
        <v>7190</v>
      </c>
      <c r="M10" s="134">
        <v>8611</v>
      </c>
      <c r="N10" s="135">
        <v>10</v>
      </c>
      <c r="O10" s="131">
        <v>25</v>
      </c>
      <c r="P10" s="132">
        <v>35</v>
      </c>
      <c r="Q10" s="133">
        <v>0</v>
      </c>
      <c r="R10" s="131">
        <v>44</v>
      </c>
      <c r="S10" s="131">
        <v>75</v>
      </c>
      <c r="T10" s="131">
        <v>34</v>
      </c>
      <c r="U10" s="131">
        <v>30</v>
      </c>
      <c r="V10" s="131">
        <v>16</v>
      </c>
      <c r="W10" s="132">
        <v>199</v>
      </c>
      <c r="X10" s="134">
        <v>234</v>
      </c>
      <c r="Y10" s="130">
        <v>694</v>
      </c>
      <c r="Z10" s="131">
        <v>762</v>
      </c>
      <c r="AA10" s="132">
        <v>1456</v>
      </c>
      <c r="AB10" s="133">
        <v>0</v>
      </c>
      <c r="AC10" s="131">
        <v>2246</v>
      </c>
      <c r="AD10" s="131">
        <v>2243</v>
      </c>
      <c r="AE10" s="131">
        <v>1339</v>
      </c>
      <c r="AF10" s="131">
        <v>950</v>
      </c>
      <c r="AG10" s="131">
        <v>611</v>
      </c>
      <c r="AH10" s="132">
        <v>7389</v>
      </c>
      <c r="AI10" s="134">
        <v>8845</v>
      </c>
    </row>
    <row r="11" spans="2:35" ht="21" customHeight="1" x14ac:dyDescent="0.2">
      <c r="B11" s="106" t="s">
        <v>9</v>
      </c>
      <c r="C11" s="130">
        <v>503</v>
      </c>
      <c r="D11" s="131">
        <v>568</v>
      </c>
      <c r="E11" s="132">
        <v>1071</v>
      </c>
      <c r="F11" s="133">
        <v>0</v>
      </c>
      <c r="G11" s="131">
        <v>2045</v>
      </c>
      <c r="H11" s="131">
        <v>1550</v>
      </c>
      <c r="I11" s="131">
        <v>1059</v>
      </c>
      <c r="J11" s="131">
        <v>904</v>
      </c>
      <c r="K11" s="131">
        <v>536</v>
      </c>
      <c r="L11" s="132">
        <v>6094</v>
      </c>
      <c r="M11" s="134">
        <v>7165</v>
      </c>
      <c r="N11" s="135">
        <v>3</v>
      </c>
      <c r="O11" s="131">
        <v>10</v>
      </c>
      <c r="P11" s="132">
        <v>13</v>
      </c>
      <c r="Q11" s="133">
        <v>0</v>
      </c>
      <c r="R11" s="131">
        <v>33</v>
      </c>
      <c r="S11" s="131">
        <v>46</v>
      </c>
      <c r="T11" s="131">
        <v>17</v>
      </c>
      <c r="U11" s="131">
        <v>14</v>
      </c>
      <c r="V11" s="131">
        <v>19</v>
      </c>
      <c r="W11" s="132">
        <v>129</v>
      </c>
      <c r="X11" s="134">
        <v>142</v>
      </c>
      <c r="Y11" s="130">
        <v>506</v>
      </c>
      <c r="Z11" s="131">
        <v>578</v>
      </c>
      <c r="AA11" s="132">
        <v>1084</v>
      </c>
      <c r="AB11" s="133">
        <v>0</v>
      </c>
      <c r="AC11" s="131">
        <v>2078</v>
      </c>
      <c r="AD11" s="131">
        <v>1596</v>
      </c>
      <c r="AE11" s="131">
        <v>1076</v>
      </c>
      <c r="AF11" s="131">
        <v>918</v>
      </c>
      <c r="AG11" s="131">
        <v>555</v>
      </c>
      <c r="AH11" s="132">
        <v>6223</v>
      </c>
      <c r="AI11" s="134">
        <v>7307</v>
      </c>
    </row>
    <row r="12" spans="2:35" ht="21" customHeight="1" x14ac:dyDescent="0.2">
      <c r="B12" s="106" t="s">
        <v>10</v>
      </c>
      <c r="C12" s="130">
        <v>1373</v>
      </c>
      <c r="D12" s="131">
        <v>1652</v>
      </c>
      <c r="E12" s="132">
        <v>3025</v>
      </c>
      <c r="F12" s="133">
        <v>0</v>
      </c>
      <c r="G12" s="131">
        <v>4261</v>
      </c>
      <c r="H12" s="131">
        <v>2458</v>
      </c>
      <c r="I12" s="131">
        <v>1597</v>
      </c>
      <c r="J12" s="131">
        <v>1358</v>
      </c>
      <c r="K12" s="131">
        <v>866</v>
      </c>
      <c r="L12" s="132">
        <v>10540</v>
      </c>
      <c r="M12" s="134">
        <v>13565</v>
      </c>
      <c r="N12" s="135">
        <v>27</v>
      </c>
      <c r="O12" s="131">
        <v>37</v>
      </c>
      <c r="P12" s="132">
        <v>64</v>
      </c>
      <c r="Q12" s="133">
        <v>0</v>
      </c>
      <c r="R12" s="131">
        <v>85</v>
      </c>
      <c r="S12" s="131">
        <v>91</v>
      </c>
      <c r="T12" s="131">
        <v>54</v>
      </c>
      <c r="U12" s="131">
        <v>42</v>
      </c>
      <c r="V12" s="131">
        <v>37</v>
      </c>
      <c r="W12" s="132">
        <v>309</v>
      </c>
      <c r="X12" s="134">
        <v>373</v>
      </c>
      <c r="Y12" s="130">
        <v>1400</v>
      </c>
      <c r="Z12" s="131">
        <v>1689</v>
      </c>
      <c r="AA12" s="132">
        <v>3089</v>
      </c>
      <c r="AB12" s="133">
        <v>0</v>
      </c>
      <c r="AC12" s="131">
        <v>4346</v>
      </c>
      <c r="AD12" s="131">
        <v>2549</v>
      </c>
      <c r="AE12" s="131">
        <v>1651</v>
      </c>
      <c r="AF12" s="131">
        <v>1400</v>
      </c>
      <c r="AG12" s="131">
        <v>903</v>
      </c>
      <c r="AH12" s="132">
        <v>10849</v>
      </c>
      <c r="AI12" s="134">
        <v>13938</v>
      </c>
    </row>
    <row r="13" spans="2:35" ht="21" customHeight="1" x14ac:dyDescent="0.2">
      <c r="B13" s="106" t="s">
        <v>11</v>
      </c>
      <c r="C13" s="130">
        <v>553</v>
      </c>
      <c r="D13" s="131">
        <v>640</v>
      </c>
      <c r="E13" s="132">
        <v>1193</v>
      </c>
      <c r="F13" s="133">
        <v>0</v>
      </c>
      <c r="G13" s="131">
        <v>2076</v>
      </c>
      <c r="H13" s="131">
        <v>1388</v>
      </c>
      <c r="I13" s="131">
        <v>971</v>
      </c>
      <c r="J13" s="131">
        <v>787</v>
      </c>
      <c r="K13" s="131">
        <v>426</v>
      </c>
      <c r="L13" s="132">
        <v>5648</v>
      </c>
      <c r="M13" s="134">
        <v>6841</v>
      </c>
      <c r="N13" s="135">
        <v>9</v>
      </c>
      <c r="O13" s="131">
        <v>13</v>
      </c>
      <c r="P13" s="132">
        <v>22</v>
      </c>
      <c r="Q13" s="133">
        <v>0</v>
      </c>
      <c r="R13" s="131">
        <v>34</v>
      </c>
      <c r="S13" s="131">
        <v>30</v>
      </c>
      <c r="T13" s="131">
        <v>29</v>
      </c>
      <c r="U13" s="131">
        <v>24</v>
      </c>
      <c r="V13" s="131">
        <v>20</v>
      </c>
      <c r="W13" s="132">
        <v>137</v>
      </c>
      <c r="X13" s="134">
        <v>159</v>
      </c>
      <c r="Y13" s="130">
        <v>562</v>
      </c>
      <c r="Z13" s="131">
        <v>653</v>
      </c>
      <c r="AA13" s="132">
        <v>1215</v>
      </c>
      <c r="AB13" s="133">
        <v>0</v>
      </c>
      <c r="AC13" s="131">
        <v>2110</v>
      </c>
      <c r="AD13" s="131">
        <v>1418</v>
      </c>
      <c r="AE13" s="131">
        <v>1000</v>
      </c>
      <c r="AF13" s="131">
        <v>811</v>
      </c>
      <c r="AG13" s="131">
        <v>446</v>
      </c>
      <c r="AH13" s="132">
        <v>5785</v>
      </c>
      <c r="AI13" s="134">
        <v>7000</v>
      </c>
    </row>
    <row r="14" spans="2:35" ht="21" customHeight="1" x14ac:dyDescent="0.2">
      <c r="B14" s="106" t="s">
        <v>12</v>
      </c>
      <c r="C14" s="130">
        <v>763</v>
      </c>
      <c r="D14" s="131">
        <v>1240</v>
      </c>
      <c r="E14" s="132">
        <v>2003</v>
      </c>
      <c r="F14" s="133">
        <v>0</v>
      </c>
      <c r="G14" s="131">
        <v>1761</v>
      </c>
      <c r="H14" s="131">
        <v>1586</v>
      </c>
      <c r="I14" s="131">
        <v>1018</v>
      </c>
      <c r="J14" s="131">
        <v>865</v>
      </c>
      <c r="K14" s="131">
        <v>486</v>
      </c>
      <c r="L14" s="132">
        <v>5716</v>
      </c>
      <c r="M14" s="134">
        <v>7719</v>
      </c>
      <c r="N14" s="135">
        <v>12</v>
      </c>
      <c r="O14" s="131">
        <v>34</v>
      </c>
      <c r="P14" s="132">
        <v>46</v>
      </c>
      <c r="Q14" s="133">
        <v>0</v>
      </c>
      <c r="R14" s="131">
        <v>20</v>
      </c>
      <c r="S14" s="131">
        <v>41</v>
      </c>
      <c r="T14" s="131">
        <v>26</v>
      </c>
      <c r="U14" s="131">
        <v>23</v>
      </c>
      <c r="V14" s="131">
        <v>21</v>
      </c>
      <c r="W14" s="132">
        <v>131</v>
      </c>
      <c r="X14" s="134">
        <v>177</v>
      </c>
      <c r="Y14" s="130">
        <v>775</v>
      </c>
      <c r="Z14" s="131">
        <v>1274</v>
      </c>
      <c r="AA14" s="132">
        <v>2049</v>
      </c>
      <c r="AB14" s="133">
        <v>0</v>
      </c>
      <c r="AC14" s="131">
        <v>1781</v>
      </c>
      <c r="AD14" s="131">
        <v>1627</v>
      </c>
      <c r="AE14" s="131">
        <v>1044</v>
      </c>
      <c r="AF14" s="131">
        <v>888</v>
      </c>
      <c r="AG14" s="131">
        <v>507</v>
      </c>
      <c r="AH14" s="132">
        <v>5847</v>
      </c>
      <c r="AI14" s="134">
        <v>7896</v>
      </c>
    </row>
    <row r="15" spans="2:35" ht="21" customHeight="1" x14ac:dyDescent="0.2">
      <c r="B15" s="106" t="s">
        <v>13</v>
      </c>
      <c r="C15" s="130">
        <v>131</v>
      </c>
      <c r="D15" s="131">
        <v>219</v>
      </c>
      <c r="E15" s="132">
        <v>350</v>
      </c>
      <c r="F15" s="133">
        <v>0</v>
      </c>
      <c r="G15" s="131">
        <v>689</v>
      </c>
      <c r="H15" s="131">
        <v>714</v>
      </c>
      <c r="I15" s="131">
        <v>383</v>
      </c>
      <c r="J15" s="131">
        <v>311</v>
      </c>
      <c r="K15" s="131">
        <v>223</v>
      </c>
      <c r="L15" s="132">
        <v>2320</v>
      </c>
      <c r="M15" s="134">
        <v>2670</v>
      </c>
      <c r="N15" s="135">
        <v>0</v>
      </c>
      <c r="O15" s="131">
        <v>1</v>
      </c>
      <c r="P15" s="132">
        <v>1</v>
      </c>
      <c r="Q15" s="133">
        <v>0</v>
      </c>
      <c r="R15" s="131">
        <v>15</v>
      </c>
      <c r="S15" s="131">
        <v>19</v>
      </c>
      <c r="T15" s="131">
        <v>8</v>
      </c>
      <c r="U15" s="131">
        <v>0</v>
      </c>
      <c r="V15" s="131">
        <v>9</v>
      </c>
      <c r="W15" s="132">
        <v>51</v>
      </c>
      <c r="X15" s="134">
        <v>52</v>
      </c>
      <c r="Y15" s="130">
        <v>131</v>
      </c>
      <c r="Z15" s="131">
        <v>220</v>
      </c>
      <c r="AA15" s="132">
        <v>351</v>
      </c>
      <c r="AB15" s="133">
        <v>0</v>
      </c>
      <c r="AC15" s="131">
        <v>704</v>
      </c>
      <c r="AD15" s="131">
        <v>733</v>
      </c>
      <c r="AE15" s="131">
        <v>391</v>
      </c>
      <c r="AF15" s="131">
        <v>311</v>
      </c>
      <c r="AG15" s="131">
        <v>232</v>
      </c>
      <c r="AH15" s="132">
        <v>2371</v>
      </c>
      <c r="AI15" s="134">
        <v>2722</v>
      </c>
    </row>
    <row r="16" spans="2:35" ht="21" customHeight="1" x14ac:dyDescent="0.2">
      <c r="B16" s="106" t="s">
        <v>15</v>
      </c>
      <c r="C16" s="130">
        <v>95</v>
      </c>
      <c r="D16" s="131">
        <v>199</v>
      </c>
      <c r="E16" s="132">
        <v>294</v>
      </c>
      <c r="F16" s="133">
        <v>0</v>
      </c>
      <c r="G16" s="131">
        <v>549</v>
      </c>
      <c r="H16" s="131">
        <v>550</v>
      </c>
      <c r="I16" s="131">
        <v>277</v>
      </c>
      <c r="J16" s="131">
        <v>228</v>
      </c>
      <c r="K16" s="131">
        <v>130</v>
      </c>
      <c r="L16" s="132">
        <v>1734</v>
      </c>
      <c r="M16" s="134">
        <v>2028</v>
      </c>
      <c r="N16" s="135">
        <v>0</v>
      </c>
      <c r="O16" s="131">
        <v>5</v>
      </c>
      <c r="P16" s="132">
        <v>5</v>
      </c>
      <c r="Q16" s="133">
        <v>0</v>
      </c>
      <c r="R16" s="131">
        <v>9</v>
      </c>
      <c r="S16" s="131">
        <v>10</v>
      </c>
      <c r="T16" s="131">
        <v>9</v>
      </c>
      <c r="U16" s="131">
        <v>5</v>
      </c>
      <c r="V16" s="131">
        <v>7</v>
      </c>
      <c r="W16" s="132">
        <v>40</v>
      </c>
      <c r="X16" s="134">
        <v>45</v>
      </c>
      <c r="Y16" s="130">
        <v>95</v>
      </c>
      <c r="Z16" s="131">
        <v>204</v>
      </c>
      <c r="AA16" s="132">
        <v>299</v>
      </c>
      <c r="AB16" s="133">
        <v>0</v>
      </c>
      <c r="AC16" s="131">
        <v>558</v>
      </c>
      <c r="AD16" s="131">
        <v>560</v>
      </c>
      <c r="AE16" s="131">
        <v>286</v>
      </c>
      <c r="AF16" s="131">
        <v>233</v>
      </c>
      <c r="AG16" s="131">
        <v>137</v>
      </c>
      <c r="AH16" s="132">
        <v>1774</v>
      </c>
      <c r="AI16" s="134">
        <v>2073</v>
      </c>
    </row>
    <row r="17" spans="2:35" ht="21" customHeight="1" x14ac:dyDescent="0.2">
      <c r="B17" s="106" t="s">
        <v>16</v>
      </c>
      <c r="C17" s="130">
        <v>263</v>
      </c>
      <c r="D17" s="131">
        <v>516</v>
      </c>
      <c r="E17" s="132">
        <v>779</v>
      </c>
      <c r="F17" s="133">
        <v>0</v>
      </c>
      <c r="G17" s="131">
        <v>1016</v>
      </c>
      <c r="H17" s="131">
        <v>1331</v>
      </c>
      <c r="I17" s="131">
        <v>706</v>
      </c>
      <c r="J17" s="131">
        <v>575</v>
      </c>
      <c r="K17" s="131">
        <v>319</v>
      </c>
      <c r="L17" s="132">
        <v>3947</v>
      </c>
      <c r="M17" s="134">
        <v>4726</v>
      </c>
      <c r="N17" s="135">
        <v>3</v>
      </c>
      <c r="O17" s="131">
        <v>20</v>
      </c>
      <c r="P17" s="132">
        <v>23</v>
      </c>
      <c r="Q17" s="133">
        <v>0</v>
      </c>
      <c r="R17" s="131">
        <v>13</v>
      </c>
      <c r="S17" s="131">
        <v>35</v>
      </c>
      <c r="T17" s="131">
        <v>25</v>
      </c>
      <c r="U17" s="131">
        <v>17</v>
      </c>
      <c r="V17" s="131">
        <v>15</v>
      </c>
      <c r="W17" s="132">
        <v>105</v>
      </c>
      <c r="X17" s="134">
        <v>128</v>
      </c>
      <c r="Y17" s="130">
        <v>266</v>
      </c>
      <c r="Z17" s="131">
        <v>536</v>
      </c>
      <c r="AA17" s="132">
        <v>802</v>
      </c>
      <c r="AB17" s="133">
        <v>0</v>
      </c>
      <c r="AC17" s="131">
        <v>1029</v>
      </c>
      <c r="AD17" s="131">
        <v>1366</v>
      </c>
      <c r="AE17" s="131">
        <v>731</v>
      </c>
      <c r="AF17" s="131">
        <v>592</v>
      </c>
      <c r="AG17" s="131">
        <v>334</v>
      </c>
      <c r="AH17" s="132">
        <v>4052</v>
      </c>
      <c r="AI17" s="134">
        <v>4854</v>
      </c>
    </row>
    <row r="18" spans="2:35" ht="21" customHeight="1" x14ac:dyDescent="0.2">
      <c r="B18" s="106" t="s">
        <v>17</v>
      </c>
      <c r="C18" s="130">
        <v>341</v>
      </c>
      <c r="D18" s="131">
        <v>692</v>
      </c>
      <c r="E18" s="132">
        <v>1033</v>
      </c>
      <c r="F18" s="133">
        <v>0</v>
      </c>
      <c r="G18" s="131">
        <v>1128</v>
      </c>
      <c r="H18" s="131">
        <v>1847</v>
      </c>
      <c r="I18" s="131">
        <v>1108</v>
      </c>
      <c r="J18" s="131">
        <v>793</v>
      </c>
      <c r="K18" s="131">
        <v>438</v>
      </c>
      <c r="L18" s="132">
        <v>5314</v>
      </c>
      <c r="M18" s="134">
        <v>6347</v>
      </c>
      <c r="N18" s="135">
        <v>5</v>
      </c>
      <c r="O18" s="131">
        <v>22</v>
      </c>
      <c r="P18" s="132">
        <v>27</v>
      </c>
      <c r="Q18" s="133">
        <v>0</v>
      </c>
      <c r="R18" s="131">
        <v>22</v>
      </c>
      <c r="S18" s="131">
        <v>59</v>
      </c>
      <c r="T18" s="131">
        <v>39</v>
      </c>
      <c r="U18" s="131">
        <v>24</v>
      </c>
      <c r="V18" s="131">
        <v>26</v>
      </c>
      <c r="W18" s="132">
        <v>170</v>
      </c>
      <c r="X18" s="134">
        <v>197</v>
      </c>
      <c r="Y18" s="130">
        <v>346</v>
      </c>
      <c r="Z18" s="131">
        <v>714</v>
      </c>
      <c r="AA18" s="132">
        <v>1060</v>
      </c>
      <c r="AB18" s="133">
        <v>0</v>
      </c>
      <c r="AC18" s="131">
        <v>1150</v>
      </c>
      <c r="AD18" s="131">
        <v>1906</v>
      </c>
      <c r="AE18" s="131">
        <v>1147</v>
      </c>
      <c r="AF18" s="131">
        <v>817</v>
      </c>
      <c r="AG18" s="131">
        <v>464</v>
      </c>
      <c r="AH18" s="132">
        <v>5484</v>
      </c>
      <c r="AI18" s="134">
        <v>6544</v>
      </c>
    </row>
    <row r="19" spans="2:35" ht="21" customHeight="1" x14ac:dyDescent="0.2">
      <c r="B19" s="106" t="s">
        <v>18</v>
      </c>
      <c r="C19" s="130">
        <v>412</v>
      </c>
      <c r="D19" s="131">
        <v>757</v>
      </c>
      <c r="E19" s="132">
        <v>1169</v>
      </c>
      <c r="F19" s="133">
        <v>0</v>
      </c>
      <c r="G19" s="131">
        <v>1901</v>
      </c>
      <c r="H19" s="131">
        <v>1804</v>
      </c>
      <c r="I19" s="131">
        <v>1138</v>
      </c>
      <c r="J19" s="131">
        <v>813</v>
      </c>
      <c r="K19" s="131">
        <v>503</v>
      </c>
      <c r="L19" s="132">
        <v>6159</v>
      </c>
      <c r="M19" s="134">
        <v>7328</v>
      </c>
      <c r="N19" s="135">
        <v>17</v>
      </c>
      <c r="O19" s="131">
        <v>20</v>
      </c>
      <c r="P19" s="132">
        <v>37</v>
      </c>
      <c r="Q19" s="133">
        <v>0</v>
      </c>
      <c r="R19" s="131">
        <v>43</v>
      </c>
      <c r="S19" s="131">
        <v>58</v>
      </c>
      <c r="T19" s="131">
        <v>32</v>
      </c>
      <c r="U19" s="131">
        <v>26</v>
      </c>
      <c r="V19" s="131">
        <v>27</v>
      </c>
      <c r="W19" s="132">
        <v>186</v>
      </c>
      <c r="X19" s="134">
        <v>223</v>
      </c>
      <c r="Y19" s="130">
        <v>429</v>
      </c>
      <c r="Z19" s="131">
        <v>777</v>
      </c>
      <c r="AA19" s="132">
        <v>1206</v>
      </c>
      <c r="AB19" s="133">
        <v>0</v>
      </c>
      <c r="AC19" s="131">
        <v>1944</v>
      </c>
      <c r="AD19" s="131">
        <v>1862</v>
      </c>
      <c r="AE19" s="131">
        <v>1170</v>
      </c>
      <c r="AF19" s="131">
        <v>839</v>
      </c>
      <c r="AG19" s="131">
        <v>530</v>
      </c>
      <c r="AH19" s="132">
        <v>6345</v>
      </c>
      <c r="AI19" s="134">
        <v>7551</v>
      </c>
    </row>
    <row r="20" spans="2:35" ht="21" customHeight="1" x14ac:dyDescent="0.2">
      <c r="B20" s="106" t="s">
        <v>19</v>
      </c>
      <c r="C20" s="130">
        <v>272</v>
      </c>
      <c r="D20" s="131">
        <v>366</v>
      </c>
      <c r="E20" s="132">
        <v>638</v>
      </c>
      <c r="F20" s="133">
        <v>0</v>
      </c>
      <c r="G20" s="131">
        <v>898</v>
      </c>
      <c r="H20" s="131">
        <v>719</v>
      </c>
      <c r="I20" s="131">
        <v>461</v>
      </c>
      <c r="J20" s="131">
        <v>287</v>
      </c>
      <c r="K20" s="131">
        <v>201</v>
      </c>
      <c r="L20" s="132">
        <v>2566</v>
      </c>
      <c r="M20" s="134">
        <v>3204</v>
      </c>
      <c r="N20" s="135">
        <v>7</v>
      </c>
      <c r="O20" s="131">
        <v>12</v>
      </c>
      <c r="P20" s="132">
        <v>19</v>
      </c>
      <c r="Q20" s="133">
        <v>0</v>
      </c>
      <c r="R20" s="131">
        <v>18</v>
      </c>
      <c r="S20" s="131">
        <v>17</v>
      </c>
      <c r="T20" s="131">
        <v>11</v>
      </c>
      <c r="U20" s="131">
        <v>8</v>
      </c>
      <c r="V20" s="131">
        <v>9</v>
      </c>
      <c r="W20" s="132">
        <v>63</v>
      </c>
      <c r="X20" s="134">
        <v>82</v>
      </c>
      <c r="Y20" s="130">
        <v>279</v>
      </c>
      <c r="Z20" s="131">
        <v>378</v>
      </c>
      <c r="AA20" s="132">
        <v>657</v>
      </c>
      <c r="AB20" s="133">
        <v>0</v>
      </c>
      <c r="AC20" s="131">
        <v>916</v>
      </c>
      <c r="AD20" s="131">
        <v>736</v>
      </c>
      <c r="AE20" s="131">
        <v>472</v>
      </c>
      <c r="AF20" s="131">
        <v>295</v>
      </c>
      <c r="AG20" s="131">
        <v>210</v>
      </c>
      <c r="AH20" s="132">
        <v>2629</v>
      </c>
      <c r="AI20" s="134">
        <v>3286</v>
      </c>
    </row>
    <row r="21" spans="2:35" ht="21" customHeight="1" x14ac:dyDescent="0.2">
      <c r="B21" s="106" t="s">
        <v>20</v>
      </c>
      <c r="C21" s="130">
        <v>257</v>
      </c>
      <c r="D21" s="131">
        <v>447</v>
      </c>
      <c r="E21" s="132">
        <v>704</v>
      </c>
      <c r="F21" s="133">
        <v>0</v>
      </c>
      <c r="G21" s="131">
        <v>1261</v>
      </c>
      <c r="H21" s="131">
        <v>817</v>
      </c>
      <c r="I21" s="131">
        <v>569</v>
      </c>
      <c r="J21" s="131">
        <v>368</v>
      </c>
      <c r="K21" s="131">
        <v>215</v>
      </c>
      <c r="L21" s="132">
        <v>3230</v>
      </c>
      <c r="M21" s="134">
        <v>3934</v>
      </c>
      <c r="N21" s="135">
        <v>5</v>
      </c>
      <c r="O21" s="131">
        <v>19</v>
      </c>
      <c r="P21" s="132">
        <v>24</v>
      </c>
      <c r="Q21" s="133">
        <v>0</v>
      </c>
      <c r="R21" s="131">
        <v>27</v>
      </c>
      <c r="S21" s="131">
        <v>18</v>
      </c>
      <c r="T21" s="131">
        <v>17</v>
      </c>
      <c r="U21" s="131">
        <v>15</v>
      </c>
      <c r="V21" s="131">
        <v>7</v>
      </c>
      <c r="W21" s="132">
        <v>84</v>
      </c>
      <c r="X21" s="134">
        <v>108</v>
      </c>
      <c r="Y21" s="130">
        <v>262</v>
      </c>
      <c r="Z21" s="131">
        <v>466</v>
      </c>
      <c r="AA21" s="132">
        <v>728</v>
      </c>
      <c r="AB21" s="133">
        <v>0</v>
      </c>
      <c r="AC21" s="131">
        <v>1288</v>
      </c>
      <c r="AD21" s="131">
        <v>835</v>
      </c>
      <c r="AE21" s="131">
        <v>586</v>
      </c>
      <c r="AF21" s="131">
        <v>383</v>
      </c>
      <c r="AG21" s="131">
        <v>222</v>
      </c>
      <c r="AH21" s="132">
        <v>3314</v>
      </c>
      <c r="AI21" s="134">
        <v>4042</v>
      </c>
    </row>
    <row r="22" spans="2:35" ht="21" customHeight="1" x14ac:dyDescent="0.2">
      <c r="B22" s="106" t="s">
        <v>21</v>
      </c>
      <c r="C22" s="130">
        <v>338</v>
      </c>
      <c r="D22" s="131">
        <v>478</v>
      </c>
      <c r="E22" s="132">
        <v>816</v>
      </c>
      <c r="F22" s="133">
        <v>0</v>
      </c>
      <c r="G22" s="131">
        <v>1135</v>
      </c>
      <c r="H22" s="131">
        <v>1113</v>
      </c>
      <c r="I22" s="131">
        <v>694</v>
      </c>
      <c r="J22" s="131">
        <v>414</v>
      </c>
      <c r="K22" s="131">
        <v>262</v>
      </c>
      <c r="L22" s="132">
        <v>3618</v>
      </c>
      <c r="M22" s="134">
        <v>4434</v>
      </c>
      <c r="N22" s="135">
        <v>6</v>
      </c>
      <c r="O22" s="131">
        <v>15</v>
      </c>
      <c r="P22" s="132">
        <v>21</v>
      </c>
      <c r="Q22" s="133">
        <v>0</v>
      </c>
      <c r="R22" s="131">
        <v>6</v>
      </c>
      <c r="S22" s="131">
        <v>33</v>
      </c>
      <c r="T22" s="131">
        <v>28</v>
      </c>
      <c r="U22" s="131">
        <v>14</v>
      </c>
      <c r="V22" s="131">
        <v>15</v>
      </c>
      <c r="W22" s="132">
        <v>96</v>
      </c>
      <c r="X22" s="134">
        <v>117</v>
      </c>
      <c r="Y22" s="130">
        <v>344</v>
      </c>
      <c r="Z22" s="131">
        <v>493</v>
      </c>
      <c r="AA22" s="132">
        <v>837</v>
      </c>
      <c r="AB22" s="133">
        <v>0</v>
      </c>
      <c r="AC22" s="131">
        <v>1141</v>
      </c>
      <c r="AD22" s="131">
        <v>1146</v>
      </c>
      <c r="AE22" s="131">
        <v>722</v>
      </c>
      <c r="AF22" s="131">
        <v>428</v>
      </c>
      <c r="AG22" s="131">
        <v>277</v>
      </c>
      <c r="AH22" s="132">
        <v>3714</v>
      </c>
      <c r="AI22" s="134">
        <v>4551</v>
      </c>
    </row>
    <row r="23" spans="2:35" ht="21" customHeight="1" x14ac:dyDescent="0.2">
      <c r="B23" s="106" t="s">
        <v>22</v>
      </c>
      <c r="C23" s="130">
        <v>75</v>
      </c>
      <c r="D23" s="131">
        <v>181</v>
      </c>
      <c r="E23" s="132">
        <v>256</v>
      </c>
      <c r="F23" s="133">
        <v>0</v>
      </c>
      <c r="G23" s="131">
        <v>415</v>
      </c>
      <c r="H23" s="131">
        <v>393</v>
      </c>
      <c r="I23" s="131">
        <v>219</v>
      </c>
      <c r="J23" s="131">
        <v>163</v>
      </c>
      <c r="K23" s="131">
        <v>88</v>
      </c>
      <c r="L23" s="132">
        <v>1278</v>
      </c>
      <c r="M23" s="134">
        <v>1534</v>
      </c>
      <c r="N23" s="135">
        <v>2</v>
      </c>
      <c r="O23" s="131">
        <v>5</v>
      </c>
      <c r="P23" s="132">
        <v>7</v>
      </c>
      <c r="Q23" s="133">
        <v>0</v>
      </c>
      <c r="R23" s="131">
        <v>6</v>
      </c>
      <c r="S23" s="131">
        <v>11</v>
      </c>
      <c r="T23" s="131">
        <v>2</v>
      </c>
      <c r="U23" s="131">
        <v>2</v>
      </c>
      <c r="V23" s="131">
        <v>4</v>
      </c>
      <c r="W23" s="132">
        <v>25</v>
      </c>
      <c r="X23" s="134">
        <v>32</v>
      </c>
      <c r="Y23" s="130">
        <v>77</v>
      </c>
      <c r="Z23" s="131">
        <v>186</v>
      </c>
      <c r="AA23" s="132">
        <v>263</v>
      </c>
      <c r="AB23" s="133">
        <v>0</v>
      </c>
      <c r="AC23" s="131">
        <v>421</v>
      </c>
      <c r="AD23" s="131">
        <v>404</v>
      </c>
      <c r="AE23" s="131">
        <v>221</v>
      </c>
      <c r="AF23" s="131">
        <v>165</v>
      </c>
      <c r="AG23" s="131">
        <v>92</v>
      </c>
      <c r="AH23" s="132">
        <v>1303</v>
      </c>
      <c r="AI23" s="134">
        <v>1566</v>
      </c>
    </row>
    <row r="24" spans="2:35" ht="21" customHeight="1" x14ac:dyDescent="0.2">
      <c r="B24" s="106" t="s">
        <v>23</v>
      </c>
      <c r="C24" s="130">
        <v>164</v>
      </c>
      <c r="D24" s="131">
        <v>311</v>
      </c>
      <c r="E24" s="132">
        <v>475</v>
      </c>
      <c r="F24" s="133">
        <v>0</v>
      </c>
      <c r="G24" s="131">
        <v>638</v>
      </c>
      <c r="H24" s="131">
        <v>610</v>
      </c>
      <c r="I24" s="131">
        <v>339</v>
      </c>
      <c r="J24" s="131">
        <v>276</v>
      </c>
      <c r="K24" s="131">
        <v>155</v>
      </c>
      <c r="L24" s="132">
        <v>2018</v>
      </c>
      <c r="M24" s="134">
        <v>2493</v>
      </c>
      <c r="N24" s="135">
        <v>7</v>
      </c>
      <c r="O24" s="131">
        <v>9</v>
      </c>
      <c r="P24" s="132">
        <v>16</v>
      </c>
      <c r="Q24" s="133">
        <v>0</v>
      </c>
      <c r="R24" s="131">
        <v>9</v>
      </c>
      <c r="S24" s="131">
        <v>25</v>
      </c>
      <c r="T24" s="131">
        <v>7</v>
      </c>
      <c r="U24" s="131">
        <v>8</v>
      </c>
      <c r="V24" s="131">
        <v>3</v>
      </c>
      <c r="W24" s="132">
        <v>52</v>
      </c>
      <c r="X24" s="134">
        <v>68</v>
      </c>
      <c r="Y24" s="130">
        <v>171</v>
      </c>
      <c r="Z24" s="131">
        <v>320</v>
      </c>
      <c r="AA24" s="132">
        <v>491</v>
      </c>
      <c r="AB24" s="133">
        <v>0</v>
      </c>
      <c r="AC24" s="131">
        <v>647</v>
      </c>
      <c r="AD24" s="131">
        <v>635</v>
      </c>
      <c r="AE24" s="131">
        <v>346</v>
      </c>
      <c r="AF24" s="131">
        <v>284</v>
      </c>
      <c r="AG24" s="131">
        <v>158</v>
      </c>
      <c r="AH24" s="132">
        <v>2070</v>
      </c>
      <c r="AI24" s="134">
        <v>2561</v>
      </c>
    </row>
    <row r="25" spans="2:35" ht="21" customHeight="1" x14ac:dyDescent="0.2">
      <c r="B25" s="106" t="s">
        <v>24</v>
      </c>
      <c r="C25" s="130">
        <v>119</v>
      </c>
      <c r="D25" s="131">
        <v>136</v>
      </c>
      <c r="E25" s="132">
        <v>255</v>
      </c>
      <c r="F25" s="133">
        <v>0</v>
      </c>
      <c r="G25" s="131">
        <v>338</v>
      </c>
      <c r="H25" s="131">
        <v>247</v>
      </c>
      <c r="I25" s="131">
        <v>177</v>
      </c>
      <c r="J25" s="131">
        <v>137</v>
      </c>
      <c r="K25" s="131">
        <v>84</v>
      </c>
      <c r="L25" s="132">
        <v>983</v>
      </c>
      <c r="M25" s="134">
        <v>1238</v>
      </c>
      <c r="N25" s="135">
        <v>1</v>
      </c>
      <c r="O25" s="131">
        <v>1</v>
      </c>
      <c r="P25" s="132">
        <v>2</v>
      </c>
      <c r="Q25" s="133">
        <v>0</v>
      </c>
      <c r="R25" s="131">
        <v>5</v>
      </c>
      <c r="S25" s="131">
        <v>7</v>
      </c>
      <c r="T25" s="131">
        <v>2</v>
      </c>
      <c r="U25" s="131">
        <v>4</v>
      </c>
      <c r="V25" s="131">
        <v>4</v>
      </c>
      <c r="W25" s="132">
        <v>22</v>
      </c>
      <c r="X25" s="134">
        <v>24</v>
      </c>
      <c r="Y25" s="130">
        <v>120</v>
      </c>
      <c r="Z25" s="131">
        <v>137</v>
      </c>
      <c r="AA25" s="132">
        <v>257</v>
      </c>
      <c r="AB25" s="133">
        <v>0</v>
      </c>
      <c r="AC25" s="131">
        <v>343</v>
      </c>
      <c r="AD25" s="131">
        <v>254</v>
      </c>
      <c r="AE25" s="131">
        <v>179</v>
      </c>
      <c r="AF25" s="131">
        <v>141</v>
      </c>
      <c r="AG25" s="131">
        <v>88</v>
      </c>
      <c r="AH25" s="132">
        <v>1005</v>
      </c>
      <c r="AI25" s="134">
        <v>1262</v>
      </c>
    </row>
    <row r="26" spans="2:35" ht="21" customHeight="1" x14ac:dyDescent="0.2">
      <c r="B26" s="106" t="s">
        <v>25</v>
      </c>
      <c r="C26" s="130">
        <v>116</v>
      </c>
      <c r="D26" s="131">
        <v>203</v>
      </c>
      <c r="E26" s="132">
        <v>319</v>
      </c>
      <c r="F26" s="133">
        <v>0</v>
      </c>
      <c r="G26" s="131">
        <v>396</v>
      </c>
      <c r="H26" s="131">
        <v>340</v>
      </c>
      <c r="I26" s="131">
        <v>167</v>
      </c>
      <c r="J26" s="131">
        <v>146</v>
      </c>
      <c r="K26" s="131">
        <v>70</v>
      </c>
      <c r="L26" s="132">
        <v>1119</v>
      </c>
      <c r="M26" s="134">
        <v>1438</v>
      </c>
      <c r="N26" s="135">
        <v>0</v>
      </c>
      <c r="O26" s="131">
        <v>5</v>
      </c>
      <c r="P26" s="132">
        <v>5</v>
      </c>
      <c r="Q26" s="133">
        <v>0</v>
      </c>
      <c r="R26" s="131">
        <v>3</v>
      </c>
      <c r="S26" s="131">
        <v>13</v>
      </c>
      <c r="T26" s="131">
        <v>5</v>
      </c>
      <c r="U26" s="131">
        <v>4</v>
      </c>
      <c r="V26" s="131">
        <v>3</v>
      </c>
      <c r="W26" s="132">
        <v>28</v>
      </c>
      <c r="X26" s="134">
        <v>33</v>
      </c>
      <c r="Y26" s="130">
        <v>116</v>
      </c>
      <c r="Z26" s="131">
        <v>208</v>
      </c>
      <c r="AA26" s="132">
        <v>324</v>
      </c>
      <c r="AB26" s="133">
        <v>0</v>
      </c>
      <c r="AC26" s="131">
        <v>399</v>
      </c>
      <c r="AD26" s="131">
        <v>353</v>
      </c>
      <c r="AE26" s="131">
        <v>172</v>
      </c>
      <c r="AF26" s="131">
        <v>150</v>
      </c>
      <c r="AG26" s="131">
        <v>73</v>
      </c>
      <c r="AH26" s="132">
        <v>1147</v>
      </c>
      <c r="AI26" s="134">
        <v>1471</v>
      </c>
    </row>
    <row r="27" spans="2:35" ht="21" customHeight="1" x14ac:dyDescent="0.2">
      <c r="B27" s="106" t="s">
        <v>26</v>
      </c>
      <c r="C27" s="130">
        <v>95</v>
      </c>
      <c r="D27" s="131">
        <v>135</v>
      </c>
      <c r="E27" s="132">
        <v>230</v>
      </c>
      <c r="F27" s="133">
        <v>0</v>
      </c>
      <c r="G27" s="131">
        <v>300</v>
      </c>
      <c r="H27" s="131">
        <v>325</v>
      </c>
      <c r="I27" s="131">
        <v>194</v>
      </c>
      <c r="J27" s="131">
        <v>123</v>
      </c>
      <c r="K27" s="131">
        <v>93</v>
      </c>
      <c r="L27" s="132">
        <v>1035</v>
      </c>
      <c r="M27" s="134">
        <v>1265</v>
      </c>
      <c r="N27" s="135">
        <v>1</v>
      </c>
      <c r="O27" s="131">
        <v>0</v>
      </c>
      <c r="P27" s="132">
        <v>1</v>
      </c>
      <c r="Q27" s="133">
        <v>0</v>
      </c>
      <c r="R27" s="131">
        <v>7</v>
      </c>
      <c r="S27" s="131">
        <v>6</v>
      </c>
      <c r="T27" s="131">
        <v>6</v>
      </c>
      <c r="U27" s="131">
        <v>3</v>
      </c>
      <c r="V27" s="131">
        <v>4</v>
      </c>
      <c r="W27" s="132">
        <v>26</v>
      </c>
      <c r="X27" s="134">
        <v>27</v>
      </c>
      <c r="Y27" s="130">
        <v>96</v>
      </c>
      <c r="Z27" s="131">
        <v>135</v>
      </c>
      <c r="AA27" s="132">
        <v>231</v>
      </c>
      <c r="AB27" s="133">
        <v>0</v>
      </c>
      <c r="AC27" s="131">
        <v>307</v>
      </c>
      <c r="AD27" s="131">
        <v>331</v>
      </c>
      <c r="AE27" s="131">
        <v>200</v>
      </c>
      <c r="AF27" s="131">
        <v>126</v>
      </c>
      <c r="AG27" s="131">
        <v>97</v>
      </c>
      <c r="AH27" s="132">
        <v>1061</v>
      </c>
      <c r="AI27" s="134">
        <v>1292</v>
      </c>
    </row>
    <row r="28" spans="2:35" ht="21" customHeight="1" x14ac:dyDescent="0.2">
      <c r="B28" s="106" t="s">
        <v>27</v>
      </c>
      <c r="C28" s="130">
        <v>151</v>
      </c>
      <c r="D28" s="131">
        <v>209</v>
      </c>
      <c r="E28" s="132">
        <v>360</v>
      </c>
      <c r="F28" s="133">
        <v>0</v>
      </c>
      <c r="G28" s="131">
        <v>284</v>
      </c>
      <c r="H28" s="131">
        <v>193</v>
      </c>
      <c r="I28" s="131">
        <v>136</v>
      </c>
      <c r="J28" s="131">
        <v>123</v>
      </c>
      <c r="K28" s="131">
        <v>65</v>
      </c>
      <c r="L28" s="132">
        <v>801</v>
      </c>
      <c r="M28" s="134">
        <v>1161</v>
      </c>
      <c r="N28" s="135">
        <v>7</v>
      </c>
      <c r="O28" s="131">
        <v>4</v>
      </c>
      <c r="P28" s="132">
        <v>11</v>
      </c>
      <c r="Q28" s="133">
        <v>0</v>
      </c>
      <c r="R28" s="131">
        <v>4</v>
      </c>
      <c r="S28" s="131">
        <v>5</v>
      </c>
      <c r="T28" s="131">
        <v>4</v>
      </c>
      <c r="U28" s="131">
        <v>4</v>
      </c>
      <c r="V28" s="131">
        <v>2</v>
      </c>
      <c r="W28" s="132">
        <v>19</v>
      </c>
      <c r="X28" s="134">
        <v>30</v>
      </c>
      <c r="Y28" s="130">
        <v>158</v>
      </c>
      <c r="Z28" s="131">
        <v>213</v>
      </c>
      <c r="AA28" s="132">
        <v>371</v>
      </c>
      <c r="AB28" s="133">
        <v>0</v>
      </c>
      <c r="AC28" s="131">
        <v>288</v>
      </c>
      <c r="AD28" s="131">
        <v>198</v>
      </c>
      <c r="AE28" s="131">
        <v>140</v>
      </c>
      <c r="AF28" s="131">
        <v>127</v>
      </c>
      <c r="AG28" s="131">
        <v>67</v>
      </c>
      <c r="AH28" s="132">
        <v>820</v>
      </c>
      <c r="AI28" s="134">
        <v>1191</v>
      </c>
    </row>
    <row r="29" spans="2:35" ht="21" customHeight="1" x14ac:dyDescent="0.2">
      <c r="B29" s="106" t="s">
        <v>28</v>
      </c>
      <c r="C29" s="130">
        <v>10</v>
      </c>
      <c r="D29" s="131">
        <v>28</v>
      </c>
      <c r="E29" s="132">
        <v>38</v>
      </c>
      <c r="F29" s="133">
        <v>0</v>
      </c>
      <c r="G29" s="131">
        <v>95</v>
      </c>
      <c r="H29" s="131">
        <v>99</v>
      </c>
      <c r="I29" s="131">
        <v>51</v>
      </c>
      <c r="J29" s="131">
        <v>34</v>
      </c>
      <c r="K29" s="131">
        <v>25</v>
      </c>
      <c r="L29" s="132">
        <v>304</v>
      </c>
      <c r="M29" s="134">
        <v>342</v>
      </c>
      <c r="N29" s="135">
        <v>0</v>
      </c>
      <c r="O29" s="131">
        <v>0</v>
      </c>
      <c r="P29" s="132">
        <v>0</v>
      </c>
      <c r="Q29" s="133">
        <v>0</v>
      </c>
      <c r="R29" s="131">
        <v>0</v>
      </c>
      <c r="S29" s="131">
        <v>2</v>
      </c>
      <c r="T29" s="131">
        <v>1</v>
      </c>
      <c r="U29" s="131">
        <v>0</v>
      </c>
      <c r="V29" s="131">
        <v>3</v>
      </c>
      <c r="W29" s="132">
        <v>6</v>
      </c>
      <c r="X29" s="134">
        <v>6</v>
      </c>
      <c r="Y29" s="130">
        <v>10</v>
      </c>
      <c r="Z29" s="131">
        <v>28</v>
      </c>
      <c r="AA29" s="132">
        <v>38</v>
      </c>
      <c r="AB29" s="133">
        <v>0</v>
      </c>
      <c r="AC29" s="131">
        <v>95</v>
      </c>
      <c r="AD29" s="131">
        <v>101</v>
      </c>
      <c r="AE29" s="131">
        <v>52</v>
      </c>
      <c r="AF29" s="131">
        <v>34</v>
      </c>
      <c r="AG29" s="131">
        <v>28</v>
      </c>
      <c r="AH29" s="132">
        <v>310</v>
      </c>
      <c r="AI29" s="134">
        <v>348</v>
      </c>
    </row>
    <row r="30" spans="2:35" ht="21" customHeight="1" x14ac:dyDescent="0.2">
      <c r="B30" s="106" t="s">
        <v>29</v>
      </c>
      <c r="C30" s="130">
        <v>42</v>
      </c>
      <c r="D30" s="131">
        <v>42</v>
      </c>
      <c r="E30" s="132">
        <v>84</v>
      </c>
      <c r="F30" s="133">
        <v>0</v>
      </c>
      <c r="G30" s="131">
        <v>103</v>
      </c>
      <c r="H30" s="131">
        <v>123</v>
      </c>
      <c r="I30" s="131">
        <v>77</v>
      </c>
      <c r="J30" s="131">
        <v>57</v>
      </c>
      <c r="K30" s="131">
        <v>28</v>
      </c>
      <c r="L30" s="132">
        <v>388</v>
      </c>
      <c r="M30" s="134">
        <v>472</v>
      </c>
      <c r="N30" s="135">
        <v>0</v>
      </c>
      <c r="O30" s="131">
        <v>2</v>
      </c>
      <c r="P30" s="132">
        <v>2</v>
      </c>
      <c r="Q30" s="133">
        <v>0</v>
      </c>
      <c r="R30" s="131">
        <v>2</v>
      </c>
      <c r="S30" s="131">
        <v>2</v>
      </c>
      <c r="T30" s="131">
        <v>4</v>
      </c>
      <c r="U30" s="131">
        <v>1</v>
      </c>
      <c r="V30" s="131">
        <v>2</v>
      </c>
      <c r="W30" s="132">
        <v>11</v>
      </c>
      <c r="X30" s="134">
        <v>13</v>
      </c>
      <c r="Y30" s="130">
        <v>42</v>
      </c>
      <c r="Z30" s="131">
        <v>44</v>
      </c>
      <c r="AA30" s="132">
        <v>86</v>
      </c>
      <c r="AB30" s="133">
        <v>0</v>
      </c>
      <c r="AC30" s="131">
        <v>105</v>
      </c>
      <c r="AD30" s="131">
        <v>125</v>
      </c>
      <c r="AE30" s="131">
        <v>81</v>
      </c>
      <c r="AF30" s="131">
        <v>58</v>
      </c>
      <c r="AG30" s="131">
        <v>30</v>
      </c>
      <c r="AH30" s="132">
        <v>399</v>
      </c>
      <c r="AI30" s="134">
        <v>485</v>
      </c>
    </row>
    <row r="31" spans="2:35" ht="21" customHeight="1" x14ac:dyDescent="0.2">
      <c r="B31" s="106" t="s">
        <v>30</v>
      </c>
      <c r="C31" s="130">
        <v>43</v>
      </c>
      <c r="D31" s="131">
        <v>31</v>
      </c>
      <c r="E31" s="132">
        <v>74</v>
      </c>
      <c r="F31" s="133">
        <v>0</v>
      </c>
      <c r="G31" s="131">
        <v>111</v>
      </c>
      <c r="H31" s="131">
        <v>79</v>
      </c>
      <c r="I31" s="131">
        <v>57</v>
      </c>
      <c r="J31" s="131">
        <v>36</v>
      </c>
      <c r="K31" s="131">
        <v>17</v>
      </c>
      <c r="L31" s="132">
        <v>300</v>
      </c>
      <c r="M31" s="134">
        <v>374</v>
      </c>
      <c r="N31" s="135">
        <v>0</v>
      </c>
      <c r="O31" s="131">
        <v>0</v>
      </c>
      <c r="P31" s="132">
        <v>0</v>
      </c>
      <c r="Q31" s="133">
        <v>0</v>
      </c>
      <c r="R31" s="131">
        <v>2</v>
      </c>
      <c r="S31" s="131">
        <v>4</v>
      </c>
      <c r="T31" s="131">
        <v>2</v>
      </c>
      <c r="U31" s="131">
        <v>1</v>
      </c>
      <c r="V31" s="131">
        <v>1</v>
      </c>
      <c r="W31" s="132">
        <v>10</v>
      </c>
      <c r="X31" s="134">
        <v>10</v>
      </c>
      <c r="Y31" s="130">
        <v>43</v>
      </c>
      <c r="Z31" s="131">
        <v>31</v>
      </c>
      <c r="AA31" s="132">
        <v>74</v>
      </c>
      <c r="AB31" s="133">
        <v>0</v>
      </c>
      <c r="AC31" s="131">
        <v>113</v>
      </c>
      <c r="AD31" s="131">
        <v>83</v>
      </c>
      <c r="AE31" s="131">
        <v>59</v>
      </c>
      <c r="AF31" s="131">
        <v>37</v>
      </c>
      <c r="AG31" s="131">
        <v>18</v>
      </c>
      <c r="AH31" s="132">
        <v>310</v>
      </c>
      <c r="AI31" s="134">
        <v>384</v>
      </c>
    </row>
    <row r="32" spans="2:35" ht="21" customHeight="1" x14ac:dyDescent="0.2">
      <c r="B32" s="106" t="s">
        <v>31</v>
      </c>
      <c r="C32" s="130">
        <v>34</v>
      </c>
      <c r="D32" s="131">
        <v>64</v>
      </c>
      <c r="E32" s="132">
        <v>98</v>
      </c>
      <c r="F32" s="133">
        <v>0</v>
      </c>
      <c r="G32" s="131">
        <v>108</v>
      </c>
      <c r="H32" s="131">
        <v>90</v>
      </c>
      <c r="I32" s="131">
        <v>63</v>
      </c>
      <c r="J32" s="131">
        <v>41</v>
      </c>
      <c r="K32" s="131">
        <v>17</v>
      </c>
      <c r="L32" s="132">
        <v>319</v>
      </c>
      <c r="M32" s="134">
        <v>417</v>
      </c>
      <c r="N32" s="135">
        <v>0</v>
      </c>
      <c r="O32" s="131">
        <v>3</v>
      </c>
      <c r="P32" s="132">
        <v>3</v>
      </c>
      <c r="Q32" s="133">
        <v>0</v>
      </c>
      <c r="R32" s="131">
        <v>2</v>
      </c>
      <c r="S32" s="131">
        <v>0</v>
      </c>
      <c r="T32" s="131">
        <v>0</v>
      </c>
      <c r="U32" s="131">
        <v>2</v>
      </c>
      <c r="V32" s="131">
        <v>1</v>
      </c>
      <c r="W32" s="132">
        <v>5</v>
      </c>
      <c r="X32" s="134">
        <v>8</v>
      </c>
      <c r="Y32" s="130">
        <v>34</v>
      </c>
      <c r="Z32" s="131">
        <v>67</v>
      </c>
      <c r="AA32" s="132">
        <v>101</v>
      </c>
      <c r="AB32" s="133">
        <v>0</v>
      </c>
      <c r="AC32" s="131">
        <v>110</v>
      </c>
      <c r="AD32" s="131">
        <v>90</v>
      </c>
      <c r="AE32" s="131">
        <v>63</v>
      </c>
      <c r="AF32" s="131">
        <v>43</v>
      </c>
      <c r="AG32" s="131">
        <v>18</v>
      </c>
      <c r="AH32" s="132">
        <v>324</v>
      </c>
      <c r="AI32" s="134">
        <v>425</v>
      </c>
    </row>
    <row r="33" spans="2:35" ht="21" customHeight="1" x14ac:dyDescent="0.2">
      <c r="B33" s="106" t="s">
        <v>32</v>
      </c>
      <c r="C33" s="130">
        <v>43</v>
      </c>
      <c r="D33" s="131">
        <v>66</v>
      </c>
      <c r="E33" s="132">
        <v>109</v>
      </c>
      <c r="F33" s="133">
        <v>0</v>
      </c>
      <c r="G33" s="131">
        <v>159</v>
      </c>
      <c r="H33" s="131">
        <v>127</v>
      </c>
      <c r="I33" s="131">
        <v>59</v>
      </c>
      <c r="J33" s="131">
        <v>64</v>
      </c>
      <c r="K33" s="131">
        <v>32</v>
      </c>
      <c r="L33" s="132">
        <v>441</v>
      </c>
      <c r="M33" s="134">
        <v>550</v>
      </c>
      <c r="N33" s="135">
        <v>0</v>
      </c>
      <c r="O33" s="131">
        <v>1</v>
      </c>
      <c r="P33" s="132">
        <v>1</v>
      </c>
      <c r="Q33" s="133">
        <v>0</v>
      </c>
      <c r="R33" s="131">
        <v>5</v>
      </c>
      <c r="S33" s="131">
        <v>4</v>
      </c>
      <c r="T33" s="131">
        <v>1</v>
      </c>
      <c r="U33" s="131">
        <v>1</v>
      </c>
      <c r="V33" s="131">
        <v>2</v>
      </c>
      <c r="W33" s="132">
        <v>13</v>
      </c>
      <c r="X33" s="134">
        <v>14</v>
      </c>
      <c r="Y33" s="130">
        <v>43</v>
      </c>
      <c r="Z33" s="131">
        <v>67</v>
      </c>
      <c r="AA33" s="132">
        <v>110</v>
      </c>
      <c r="AB33" s="133">
        <v>0</v>
      </c>
      <c r="AC33" s="131">
        <v>164</v>
      </c>
      <c r="AD33" s="131">
        <v>131</v>
      </c>
      <c r="AE33" s="131">
        <v>60</v>
      </c>
      <c r="AF33" s="131">
        <v>65</v>
      </c>
      <c r="AG33" s="131">
        <v>34</v>
      </c>
      <c r="AH33" s="132">
        <v>454</v>
      </c>
      <c r="AI33" s="134">
        <v>564</v>
      </c>
    </row>
    <row r="34" spans="2:35" ht="21" customHeight="1" x14ac:dyDescent="0.2">
      <c r="B34" s="106" t="s">
        <v>33</v>
      </c>
      <c r="C34" s="130">
        <v>32</v>
      </c>
      <c r="D34" s="131">
        <v>49</v>
      </c>
      <c r="E34" s="132">
        <v>81</v>
      </c>
      <c r="F34" s="133">
        <v>0</v>
      </c>
      <c r="G34" s="131">
        <v>158</v>
      </c>
      <c r="H34" s="131">
        <v>87</v>
      </c>
      <c r="I34" s="131">
        <v>66</v>
      </c>
      <c r="J34" s="131">
        <v>30</v>
      </c>
      <c r="K34" s="131">
        <v>22</v>
      </c>
      <c r="L34" s="132">
        <v>363</v>
      </c>
      <c r="M34" s="134">
        <v>444</v>
      </c>
      <c r="N34" s="135">
        <v>0</v>
      </c>
      <c r="O34" s="131">
        <v>0</v>
      </c>
      <c r="P34" s="132">
        <v>0</v>
      </c>
      <c r="Q34" s="133">
        <v>0</v>
      </c>
      <c r="R34" s="131">
        <v>1</v>
      </c>
      <c r="S34" s="131">
        <v>1</v>
      </c>
      <c r="T34" s="131">
        <v>0</v>
      </c>
      <c r="U34" s="131">
        <v>0</v>
      </c>
      <c r="V34" s="131">
        <v>1</v>
      </c>
      <c r="W34" s="132">
        <v>3</v>
      </c>
      <c r="X34" s="134">
        <v>3</v>
      </c>
      <c r="Y34" s="130">
        <v>32</v>
      </c>
      <c r="Z34" s="131">
        <v>49</v>
      </c>
      <c r="AA34" s="132">
        <v>81</v>
      </c>
      <c r="AB34" s="133">
        <v>0</v>
      </c>
      <c r="AC34" s="131">
        <v>159</v>
      </c>
      <c r="AD34" s="131">
        <v>88</v>
      </c>
      <c r="AE34" s="131">
        <v>66</v>
      </c>
      <c r="AF34" s="131">
        <v>30</v>
      </c>
      <c r="AG34" s="131">
        <v>23</v>
      </c>
      <c r="AH34" s="132">
        <v>366</v>
      </c>
      <c r="AI34" s="134">
        <v>447</v>
      </c>
    </row>
    <row r="35" spans="2:35" ht="21" customHeight="1" x14ac:dyDescent="0.2">
      <c r="B35" s="106" t="s">
        <v>34</v>
      </c>
      <c r="C35" s="130">
        <v>26</v>
      </c>
      <c r="D35" s="131">
        <v>32</v>
      </c>
      <c r="E35" s="132">
        <v>58</v>
      </c>
      <c r="F35" s="133">
        <v>0</v>
      </c>
      <c r="G35" s="131">
        <v>124</v>
      </c>
      <c r="H35" s="131">
        <v>64</v>
      </c>
      <c r="I35" s="131">
        <v>31</v>
      </c>
      <c r="J35" s="131">
        <v>36</v>
      </c>
      <c r="K35" s="131">
        <v>18</v>
      </c>
      <c r="L35" s="132">
        <v>273</v>
      </c>
      <c r="M35" s="134">
        <v>331</v>
      </c>
      <c r="N35" s="135">
        <v>0</v>
      </c>
      <c r="O35" s="131">
        <v>0</v>
      </c>
      <c r="P35" s="132">
        <v>0</v>
      </c>
      <c r="Q35" s="133">
        <v>0</v>
      </c>
      <c r="R35" s="131">
        <v>2</v>
      </c>
      <c r="S35" s="131">
        <v>1</v>
      </c>
      <c r="T35" s="131">
        <v>1</v>
      </c>
      <c r="U35" s="131">
        <v>1</v>
      </c>
      <c r="V35" s="131">
        <v>1</v>
      </c>
      <c r="W35" s="132">
        <v>6</v>
      </c>
      <c r="X35" s="134">
        <v>6</v>
      </c>
      <c r="Y35" s="130">
        <v>26</v>
      </c>
      <c r="Z35" s="131">
        <v>32</v>
      </c>
      <c r="AA35" s="132">
        <v>58</v>
      </c>
      <c r="AB35" s="133">
        <v>0</v>
      </c>
      <c r="AC35" s="131">
        <v>126</v>
      </c>
      <c r="AD35" s="131">
        <v>65</v>
      </c>
      <c r="AE35" s="131">
        <v>32</v>
      </c>
      <c r="AF35" s="131">
        <v>37</v>
      </c>
      <c r="AG35" s="131">
        <v>19</v>
      </c>
      <c r="AH35" s="132">
        <v>279</v>
      </c>
      <c r="AI35" s="134">
        <v>337</v>
      </c>
    </row>
    <row r="36" spans="2:35" ht="21" customHeight="1" x14ac:dyDescent="0.2">
      <c r="B36" s="106" t="s">
        <v>35</v>
      </c>
      <c r="C36" s="130">
        <v>99</v>
      </c>
      <c r="D36" s="131">
        <v>142</v>
      </c>
      <c r="E36" s="132">
        <v>241</v>
      </c>
      <c r="F36" s="133">
        <v>0</v>
      </c>
      <c r="G36" s="131">
        <v>377</v>
      </c>
      <c r="H36" s="131">
        <v>203</v>
      </c>
      <c r="I36" s="131">
        <v>141</v>
      </c>
      <c r="J36" s="131">
        <v>122</v>
      </c>
      <c r="K36" s="131">
        <v>67</v>
      </c>
      <c r="L36" s="132">
        <v>910</v>
      </c>
      <c r="M36" s="134">
        <v>1151</v>
      </c>
      <c r="N36" s="135">
        <v>0</v>
      </c>
      <c r="O36" s="131">
        <v>2</v>
      </c>
      <c r="P36" s="132">
        <v>2</v>
      </c>
      <c r="Q36" s="133">
        <v>0</v>
      </c>
      <c r="R36" s="131">
        <v>5</v>
      </c>
      <c r="S36" s="131">
        <v>4</v>
      </c>
      <c r="T36" s="131">
        <v>1</v>
      </c>
      <c r="U36" s="131">
        <v>3</v>
      </c>
      <c r="V36" s="131">
        <v>1</v>
      </c>
      <c r="W36" s="132">
        <v>14</v>
      </c>
      <c r="X36" s="134">
        <v>16</v>
      </c>
      <c r="Y36" s="130">
        <v>99</v>
      </c>
      <c r="Z36" s="131">
        <v>144</v>
      </c>
      <c r="AA36" s="132">
        <v>243</v>
      </c>
      <c r="AB36" s="133">
        <v>0</v>
      </c>
      <c r="AC36" s="131">
        <v>382</v>
      </c>
      <c r="AD36" s="131">
        <v>207</v>
      </c>
      <c r="AE36" s="131">
        <v>142</v>
      </c>
      <c r="AF36" s="131">
        <v>125</v>
      </c>
      <c r="AG36" s="131">
        <v>68</v>
      </c>
      <c r="AH36" s="132">
        <v>924</v>
      </c>
      <c r="AI36" s="134">
        <v>1167</v>
      </c>
    </row>
    <row r="37" spans="2:35" ht="21" customHeight="1" x14ac:dyDescent="0.2">
      <c r="B37" s="106" t="s">
        <v>36</v>
      </c>
      <c r="C37" s="130">
        <v>52</v>
      </c>
      <c r="D37" s="131">
        <v>147</v>
      </c>
      <c r="E37" s="132">
        <v>199</v>
      </c>
      <c r="F37" s="133">
        <v>0</v>
      </c>
      <c r="G37" s="131">
        <v>292</v>
      </c>
      <c r="H37" s="131">
        <v>304</v>
      </c>
      <c r="I37" s="131">
        <v>173</v>
      </c>
      <c r="J37" s="131">
        <v>102</v>
      </c>
      <c r="K37" s="131">
        <v>79</v>
      </c>
      <c r="L37" s="132">
        <v>950</v>
      </c>
      <c r="M37" s="134">
        <v>1149</v>
      </c>
      <c r="N37" s="135">
        <v>1</v>
      </c>
      <c r="O37" s="131">
        <v>5</v>
      </c>
      <c r="P37" s="132">
        <v>6</v>
      </c>
      <c r="Q37" s="133">
        <v>0</v>
      </c>
      <c r="R37" s="131">
        <v>5</v>
      </c>
      <c r="S37" s="131">
        <v>4</v>
      </c>
      <c r="T37" s="131">
        <v>9</v>
      </c>
      <c r="U37" s="131">
        <v>6</v>
      </c>
      <c r="V37" s="131">
        <v>4</v>
      </c>
      <c r="W37" s="132">
        <v>28</v>
      </c>
      <c r="X37" s="134">
        <v>34</v>
      </c>
      <c r="Y37" s="130">
        <v>53</v>
      </c>
      <c r="Z37" s="131">
        <v>152</v>
      </c>
      <c r="AA37" s="132">
        <v>205</v>
      </c>
      <c r="AB37" s="133">
        <v>0</v>
      </c>
      <c r="AC37" s="131">
        <v>297</v>
      </c>
      <c r="AD37" s="131">
        <v>308</v>
      </c>
      <c r="AE37" s="131">
        <v>182</v>
      </c>
      <c r="AF37" s="131">
        <v>108</v>
      </c>
      <c r="AG37" s="131">
        <v>83</v>
      </c>
      <c r="AH37" s="132">
        <v>978</v>
      </c>
      <c r="AI37" s="134">
        <v>1183</v>
      </c>
    </row>
    <row r="38" spans="2:35" ht="21" customHeight="1" thickBot="1" x14ac:dyDescent="0.25">
      <c r="B38" s="108" t="s">
        <v>37</v>
      </c>
      <c r="C38" s="136">
        <v>11</v>
      </c>
      <c r="D38" s="137">
        <v>4</v>
      </c>
      <c r="E38" s="138">
        <v>15</v>
      </c>
      <c r="F38" s="139">
        <v>0</v>
      </c>
      <c r="G38" s="137">
        <v>28</v>
      </c>
      <c r="H38" s="137">
        <v>24</v>
      </c>
      <c r="I38" s="137">
        <v>22</v>
      </c>
      <c r="J38" s="137">
        <v>11</v>
      </c>
      <c r="K38" s="137">
        <v>6</v>
      </c>
      <c r="L38" s="138">
        <v>91</v>
      </c>
      <c r="M38" s="140">
        <v>106</v>
      </c>
      <c r="N38" s="141">
        <v>0</v>
      </c>
      <c r="O38" s="137">
        <v>0</v>
      </c>
      <c r="P38" s="138">
        <v>0</v>
      </c>
      <c r="Q38" s="139">
        <v>0</v>
      </c>
      <c r="R38" s="137">
        <v>0</v>
      </c>
      <c r="S38" s="137">
        <v>2</v>
      </c>
      <c r="T38" s="137">
        <v>0</v>
      </c>
      <c r="U38" s="137">
        <v>2</v>
      </c>
      <c r="V38" s="137">
        <v>0</v>
      </c>
      <c r="W38" s="138">
        <v>4</v>
      </c>
      <c r="X38" s="140">
        <v>4</v>
      </c>
      <c r="Y38" s="136">
        <v>11</v>
      </c>
      <c r="Z38" s="137">
        <v>4</v>
      </c>
      <c r="AA38" s="138">
        <v>15</v>
      </c>
      <c r="AB38" s="139">
        <v>0</v>
      </c>
      <c r="AC38" s="137">
        <v>28</v>
      </c>
      <c r="AD38" s="137">
        <v>26</v>
      </c>
      <c r="AE38" s="137">
        <v>22</v>
      </c>
      <c r="AF38" s="137">
        <v>13</v>
      </c>
      <c r="AG38" s="137">
        <v>6</v>
      </c>
      <c r="AH38" s="138">
        <v>95</v>
      </c>
      <c r="AI38" s="140">
        <v>110</v>
      </c>
    </row>
    <row r="39" spans="2:35" x14ac:dyDescent="0.2">
      <c r="AA39" s="11"/>
      <c r="AB39" s="11"/>
      <c r="AC39" s="11"/>
      <c r="AD39" s="11"/>
      <c r="AE39" s="11"/>
      <c r="AF39" s="11"/>
      <c r="AG39" s="11"/>
      <c r="AH39" s="11"/>
      <c r="AI39" s="1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2">
        <f>第１表!F2</f>
        <v>6</v>
      </c>
      <c r="J1" s="442"/>
      <c r="K1" s="18">
        <f>第１表!G2</f>
        <v>11</v>
      </c>
      <c r="L1" s="461">
        <f>IF(K1&lt;3,K1+12-2,K1-2)</f>
        <v>9</v>
      </c>
      <c r="M1" s="461"/>
    </row>
    <row r="2" spans="2:156" ht="24" customHeight="1" thickBot="1" x14ac:dyDescent="0.25">
      <c r="B2" s="142" t="s">
        <v>135</v>
      </c>
      <c r="G2" s="17"/>
      <c r="H2" s="18"/>
      <c r="J2" s="68"/>
      <c r="K2" s="68"/>
    </row>
    <row r="3" spans="2:156" ht="21" customHeight="1" thickBot="1" x14ac:dyDescent="0.25">
      <c r="B3" s="455"/>
      <c r="C3" s="458" t="s">
        <v>70</v>
      </c>
      <c r="D3" s="459"/>
      <c r="E3" s="459"/>
      <c r="F3" s="459"/>
      <c r="G3" s="459"/>
      <c r="H3" s="459"/>
      <c r="I3" s="459"/>
      <c r="J3" s="459"/>
      <c r="K3" s="459"/>
      <c r="L3" s="459"/>
      <c r="M3" s="460"/>
      <c r="N3" s="458" t="s">
        <v>71</v>
      </c>
      <c r="O3" s="459"/>
      <c r="P3" s="459"/>
      <c r="Q3" s="459"/>
      <c r="R3" s="459"/>
      <c r="S3" s="459"/>
      <c r="T3" s="459"/>
      <c r="U3" s="459"/>
      <c r="V3" s="459"/>
      <c r="W3" s="459"/>
      <c r="X3" s="460"/>
      <c r="Y3" s="458" t="s">
        <v>72</v>
      </c>
      <c r="Z3" s="459"/>
      <c r="AA3" s="459"/>
      <c r="AB3" s="459"/>
      <c r="AC3" s="459"/>
      <c r="AD3" s="459"/>
      <c r="AE3" s="459"/>
      <c r="AF3" s="459"/>
      <c r="AG3" s="459"/>
      <c r="AH3" s="459"/>
      <c r="AI3" s="460"/>
      <c r="AJ3" s="458" t="s">
        <v>73</v>
      </c>
      <c r="AK3" s="459"/>
      <c r="AL3" s="459"/>
      <c r="AM3" s="459"/>
      <c r="AN3" s="459"/>
      <c r="AO3" s="459"/>
      <c r="AP3" s="459"/>
      <c r="AQ3" s="459"/>
      <c r="AR3" s="459"/>
      <c r="AS3" s="459"/>
      <c r="AT3" s="460"/>
      <c r="AU3" s="458" t="s">
        <v>74</v>
      </c>
      <c r="AV3" s="459"/>
      <c r="AW3" s="459"/>
      <c r="AX3" s="459"/>
      <c r="AY3" s="459"/>
      <c r="AZ3" s="459"/>
      <c r="BA3" s="459"/>
      <c r="BB3" s="459"/>
      <c r="BC3" s="459"/>
      <c r="BD3" s="459"/>
      <c r="BE3" s="460"/>
      <c r="BF3" s="458" t="s">
        <v>75</v>
      </c>
      <c r="BG3" s="459"/>
      <c r="BH3" s="459"/>
      <c r="BI3" s="459"/>
      <c r="BJ3" s="459"/>
      <c r="BK3" s="459"/>
      <c r="BL3" s="459"/>
      <c r="BM3" s="459"/>
      <c r="BN3" s="459"/>
      <c r="BO3" s="459"/>
      <c r="BP3" s="460"/>
      <c r="BQ3" s="458" t="s">
        <v>76</v>
      </c>
      <c r="BR3" s="459"/>
      <c r="BS3" s="459"/>
      <c r="BT3" s="459"/>
      <c r="BU3" s="459"/>
      <c r="BV3" s="459"/>
      <c r="BW3" s="459"/>
      <c r="BX3" s="459"/>
      <c r="BY3" s="459"/>
      <c r="BZ3" s="459"/>
      <c r="CA3" s="460"/>
      <c r="CB3" s="458" t="s">
        <v>77</v>
      </c>
      <c r="CC3" s="459"/>
      <c r="CD3" s="459"/>
      <c r="CE3" s="459"/>
      <c r="CF3" s="459"/>
      <c r="CG3" s="459"/>
      <c r="CH3" s="459"/>
      <c r="CI3" s="459"/>
      <c r="CJ3" s="459"/>
      <c r="CK3" s="459"/>
      <c r="CL3" s="460"/>
      <c r="CM3" s="458" t="s">
        <v>78</v>
      </c>
      <c r="CN3" s="459"/>
      <c r="CO3" s="459"/>
      <c r="CP3" s="459"/>
      <c r="CQ3" s="459"/>
      <c r="CR3" s="459"/>
      <c r="CS3" s="459"/>
      <c r="CT3" s="459"/>
      <c r="CU3" s="459"/>
      <c r="CV3" s="459"/>
      <c r="CW3" s="460"/>
      <c r="CX3" s="458" t="s">
        <v>79</v>
      </c>
      <c r="CY3" s="459"/>
      <c r="CZ3" s="459"/>
      <c r="DA3" s="459"/>
      <c r="DB3" s="459"/>
      <c r="DC3" s="459"/>
      <c r="DD3" s="459"/>
      <c r="DE3" s="459"/>
      <c r="DF3" s="459"/>
      <c r="DG3" s="459"/>
      <c r="DH3" s="460"/>
      <c r="DI3" s="458" t="s">
        <v>149</v>
      </c>
      <c r="DJ3" s="459"/>
      <c r="DK3" s="459"/>
      <c r="DL3" s="459"/>
      <c r="DM3" s="459"/>
      <c r="DN3" s="459"/>
      <c r="DO3" s="459"/>
      <c r="DP3" s="459"/>
      <c r="DQ3" s="459"/>
      <c r="DR3" s="459"/>
      <c r="DS3" s="460"/>
      <c r="DT3" s="458" t="s">
        <v>80</v>
      </c>
      <c r="DU3" s="459"/>
      <c r="DV3" s="459"/>
      <c r="DW3" s="459"/>
      <c r="DX3" s="459"/>
      <c r="DY3" s="459"/>
      <c r="DZ3" s="459"/>
      <c r="EA3" s="459"/>
      <c r="EB3" s="459"/>
      <c r="EC3" s="459"/>
      <c r="ED3" s="460"/>
      <c r="EE3" s="458" t="s">
        <v>68</v>
      </c>
      <c r="EF3" s="459"/>
      <c r="EG3" s="459"/>
      <c r="EH3" s="459"/>
      <c r="EI3" s="459"/>
      <c r="EJ3" s="459"/>
      <c r="EK3" s="459"/>
      <c r="EL3" s="459"/>
      <c r="EM3" s="459"/>
      <c r="EN3" s="459"/>
      <c r="EO3" s="460"/>
      <c r="EP3" s="462" t="s">
        <v>69</v>
      </c>
      <c r="EQ3" s="463"/>
      <c r="ER3" s="463"/>
      <c r="ES3" s="463"/>
      <c r="ET3" s="463"/>
      <c r="EU3" s="463"/>
      <c r="EV3" s="463"/>
      <c r="EW3" s="463"/>
      <c r="EX3" s="463"/>
      <c r="EY3" s="463"/>
      <c r="EZ3" s="464"/>
    </row>
    <row r="4" spans="2:156" ht="21" customHeight="1" x14ac:dyDescent="0.2">
      <c r="B4" s="456"/>
      <c r="C4" s="450" t="s">
        <v>61</v>
      </c>
      <c r="D4" s="451"/>
      <c r="E4" s="452"/>
      <c r="F4" s="453" t="s">
        <v>62</v>
      </c>
      <c r="G4" s="451"/>
      <c r="H4" s="451"/>
      <c r="I4" s="451"/>
      <c r="J4" s="451"/>
      <c r="K4" s="451"/>
      <c r="L4" s="454"/>
      <c r="M4" s="448" t="s">
        <v>52</v>
      </c>
      <c r="N4" s="450" t="s">
        <v>61</v>
      </c>
      <c r="O4" s="451"/>
      <c r="P4" s="452"/>
      <c r="Q4" s="453" t="s">
        <v>62</v>
      </c>
      <c r="R4" s="451"/>
      <c r="S4" s="451"/>
      <c r="T4" s="451"/>
      <c r="U4" s="451"/>
      <c r="V4" s="451"/>
      <c r="W4" s="452"/>
      <c r="X4" s="448" t="s">
        <v>52</v>
      </c>
      <c r="Y4" s="450" t="s">
        <v>61</v>
      </c>
      <c r="Z4" s="451"/>
      <c r="AA4" s="452"/>
      <c r="AB4" s="453" t="s">
        <v>62</v>
      </c>
      <c r="AC4" s="451"/>
      <c r="AD4" s="451"/>
      <c r="AE4" s="451"/>
      <c r="AF4" s="451"/>
      <c r="AG4" s="451"/>
      <c r="AH4" s="452"/>
      <c r="AI4" s="448" t="s">
        <v>52</v>
      </c>
      <c r="AJ4" s="450" t="s">
        <v>61</v>
      </c>
      <c r="AK4" s="451"/>
      <c r="AL4" s="452"/>
      <c r="AM4" s="453" t="s">
        <v>62</v>
      </c>
      <c r="AN4" s="451"/>
      <c r="AO4" s="451"/>
      <c r="AP4" s="451"/>
      <c r="AQ4" s="451"/>
      <c r="AR4" s="451"/>
      <c r="AS4" s="452"/>
      <c r="AT4" s="448" t="s">
        <v>52</v>
      </c>
      <c r="AU4" s="450" t="s">
        <v>61</v>
      </c>
      <c r="AV4" s="451"/>
      <c r="AW4" s="452"/>
      <c r="AX4" s="453" t="s">
        <v>62</v>
      </c>
      <c r="AY4" s="451"/>
      <c r="AZ4" s="451"/>
      <c r="BA4" s="451"/>
      <c r="BB4" s="451"/>
      <c r="BC4" s="451"/>
      <c r="BD4" s="454"/>
      <c r="BE4" s="448" t="s">
        <v>52</v>
      </c>
      <c r="BF4" s="450" t="s">
        <v>61</v>
      </c>
      <c r="BG4" s="451"/>
      <c r="BH4" s="452"/>
      <c r="BI4" s="453" t="s">
        <v>62</v>
      </c>
      <c r="BJ4" s="451"/>
      <c r="BK4" s="451"/>
      <c r="BL4" s="451"/>
      <c r="BM4" s="451"/>
      <c r="BN4" s="451"/>
      <c r="BO4" s="452"/>
      <c r="BP4" s="448" t="s">
        <v>52</v>
      </c>
      <c r="BQ4" s="450" t="s">
        <v>61</v>
      </c>
      <c r="BR4" s="451"/>
      <c r="BS4" s="452"/>
      <c r="BT4" s="453" t="s">
        <v>62</v>
      </c>
      <c r="BU4" s="451"/>
      <c r="BV4" s="451"/>
      <c r="BW4" s="451"/>
      <c r="BX4" s="451"/>
      <c r="BY4" s="451"/>
      <c r="BZ4" s="452"/>
      <c r="CA4" s="448" t="s">
        <v>52</v>
      </c>
      <c r="CB4" s="450" t="s">
        <v>61</v>
      </c>
      <c r="CC4" s="451"/>
      <c r="CD4" s="452"/>
      <c r="CE4" s="453" t="s">
        <v>62</v>
      </c>
      <c r="CF4" s="451"/>
      <c r="CG4" s="451"/>
      <c r="CH4" s="451"/>
      <c r="CI4" s="451"/>
      <c r="CJ4" s="451"/>
      <c r="CK4" s="452"/>
      <c r="CL4" s="448" t="s">
        <v>52</v>
      </c>
      <c r="CM4" s="450" t="s">
        <v>61</v>
      </c>
      <c r="CN4" s="451"/>
      <c r="CO4" s="452"/>
      <c r="CP4" s="453" t="s">
        <v>62</v>
      </c>
      <c r="CQ4" s="451"/>
      <c r="CR4" s="451"/>
      <c r="CS4" s="451"/>
      <c r="CT4" s="451"/>
      <c r="CU4" s="451"/>
      <c r="CV4" s="452"/>
      <c r="CW4" s="448" t="s">
        <v>52</v>
      </c>
      <c r="CX4" s="450" t="s">
        <v>61</v>
      </c>
      <c r="CY4" s="451"/>
      <c r="CZ4" s="452"/>
      <c r="DA4" s="453" t="s">
        <v>62</v>
      </c>
      <c r="DB4" s="451"/>
      <c r="DC4" s="451"/>
      <c r="DD4" s="451"/>
      <c r="DE4" s="451"/>
      <c r="DF4" s="451"/>
      <c r="DG4" s="452"/>
      <c r="DH4" s="448" t="s">
        <v>52</v>
      </c>
      <c r="DI4" s="450" t="s">
        <v>61</v>
      </c>
      <c r="DJ4" s="451"/>
      <c r="DK4" s="452"/>
      <c r="DL4" s="453" t="s">
        <v>62</v>
      </c>
      <c r="DM4" s="451"/>
      <c r="DN4" s="451"/>
      <c r="DO4" s="451"/>
      <c r="DP4" s="451"/>
      <c r="DQ4" s="451"/>
      <c r="DR4" s="452"/>
      <c r="DS4" s="448" t="s">
        <v>52</v>
      </c>
      <c r="DT4" s="450" t="s">
        <v>61</v>
      </c>
      <c r="DU4" s="451"/>
      <c r="DV4" s="452"/>
      <c r="DW4" s="453" t="s">
        <v>62</v>
      </c>
      <c r="DX4" s="451"/>
      <c r="DY4" s="451"/>
      <c r="DZ4" s="451"/>
      <c r="EA4" s="451"/>
      <c r="EB4" s="451"/>
      <c r="EC4" s="452"/>
      <c r="ED4" s="448" t="s">
        <v>52</v>
      </c>
      <c r="EE4" s="450" t="s">
        <v>61</v>
      </c>
      <c r="EF4" s="451"/>
      <c r="EG4" s="452"/>
      <c r="EH4" s="453" t="s">
        <v>62</v>
      </c>
      <c r="EI4" s="451"/>
      <c r="EJ4" s="451"/>
      <c r="EK4" s="451"/>
      <c r="EL4" s="451"/>
      <c r="EM4" s="451"/>
      <c r="EN4" s="452"/>
      <c r="EO4" s="448" t="s">
        <v>52</v>
      </c>
      <c r="EP4" s="450" t="s">
        <v>61</v>
      </c>
      <c r="EQ4" s="451"/>
      <c r="ER4" s="452"/>
      <c r="ES4" s="453" t="s">
        <v>62</v>
      </c>
      <c r="ET4" s="451"/>
      <c r="EU4" s="451"/>
      <c r="EV4" s="451"/>
      <c r="EW4" s="451"/>
      <c r="EX4" s="451"/>
      <c r="EY4" s="452"/>
      <c r="EZ4" s="448" t="s">
        <v>52</v>
      </c>
    </row>
    <row r="5" spans="2:156" ht="30" customHeight="1" thickBot="1" x14ac:dyDescent="0.25">
      <c r="B5" s="457"/>
      <c r="C5" s="144" t="s">
        <v>43</v>
      </c>
      <c r="D5" s="145" t="s">
        <v>44</v>
      </c>
      <c r="E5" s="146" t="s">
        <v>45</v>
      </c>
      <c r="F5" s="147" t="s">
        <v>83</v>
      </c>
      <c r="G5" s="145" t="s">
        <v>47</v>
      </c>
      <c r="H5" s="145" t="s">
        <v>48</v>
      </c>
      <c r="I5" s="145" t="s">
        <v>49</v>
      </c>
      <c r="J5" s="145" t="s">
        <v>50</v>
      </c>
      <c r="K5" s="145" t="s">
        <v>51</v>
      </c>
      <c r="L5" s="148" t="s">
        <v>45</v>
      </c>
      <c r="M5" s="449"/>
      <c r="N5" s="144" t="s">
        <v>43</v>
      </c>
      <c r="O5" s="145" t="s">
        <v>44</v>
      </c>
      <c r="P5" s="149" t="s">
        <v>45</v>
      </c>
      <c r="Q5" s="147" t="s">
        <v>83</v>
      </c>
      <c r="R5" s="145" t="s">
        <v>47</v>
      </c>
      <c r="S5" s="145" t="s">
        <v>48</v>
      </c>
      <c r="T5" s="145" t="s">
        <v>49</v>
      </c>
      <c r="U5" s="145" t="s">
        <v>50</v>
      </c>
      <c r="V5" s="145" t="s">
        <v>51</v>
      </c>
      <c r="W5" s="149" t="s">
        <v>45</v>
      </c>
      <c r="X5" s="449"/>
      <c r="Y5" s="144" t="s">
        <v>43</v>
      </c>
      <c r="Z5" s="145" t="s">
        <v>44</v>
      </c>
      <c r="AA5" s="149" t="s">
        <v>45</v>
      </c>
      <c r="AB5" s="147" t="s">
        <v>83</v>
      </c>
      <c r="AC5" s="145" t="s">
        <v>47</v>
      </c>
      <c r="AD5" s="145" t="s">
        <v>48</v>
      </c>
      <c r="AE5" s="145" t="s">
        <v>49</v>
      </c>
      <c r="AF5" s="145" t="s">
        <v>50</v>
      </c>
      <c r="AG5" s="145" t="s">
        <v>51</v>
      </c>
      <c r="AH5" s="149" t="s">
        <v>45</v>
      </c>
      <c r="AI5" s="449"/>
      <c r="AJ5" s="144" t="s">
        <v>43</v>
      </c>
      <c r="AK5" s="145" t="s">
        <v>44</v>
      </c>
      <c r="AL5" s="149" t="s">
        <v>45</v>
      </c>
      <c r="AM5" s="147" t="s">
        <v>83</v>
      </c>
      <c r="AN5" s="145" t="s">
        <v>47</v>
      </c>
      <c r="AO5" s="145" t="s">
        <v>48</v>
      </c>
      <c r="AP5" s="145" t="s">
        <v>49</v>
      </c>
      <c r="AQ5" s="145" t="s">
        <v>50</v>
      </c>
      <c r="AR5" s="145" t="s">
        <v>51</v>
      </c>
      <c r="AS5" s="149" t="s">
        <v>45</v>
      </c>
      <c r="AT5" s="449"/>
      <c r="AU5" s="144" t="s">
        <v>43</v>
      </c>
      <c r="AV5" s="145" t="s">
        <v>44</v>
      </c>
      <c r="AW5" s="149" t="s">
        <v>45</v>
      </c>
      <c r="AX5" s="147" t="s">
        <v>83</v>
      </c>
      <c r="AY5" s="145" t="s">
        <v>47</v>
      </c>
      <c r="AZ5" s="145" t="s">
        <v>48</v>
      </c>
      <c r="BA5" s="145" t="s">
        <v>49</v>
      </c>
      <c r="BB5" s="145" t="s">
        <v>50</v>
      </c>
      <c r="BC5" s="145" t="s">
        <v>51</v>
      </c>
      <c r="BD5" s="148" t="s">
        <v>45</v>
      </c>
      <c r="BE5" s="449"/>
      <c r="BF5" s="144" t="s">
        <v>43</v>
      </c>
      <c r="BG5" s="145" t="s">
        <v>44</v>
      </c>
      <c r="BH5" s="149" t="s">
        <v>45</v>
      </c>
      <c r="BI5" s="147" t="s">
        <v>83</v>
      </c>
      <c r="BJ5" s="145" t="s">
        <v>47</v>
      </c>
      <c r="BK5" s="145" t="s">
        <v>48</v>
      </c>
      <c r="BL5" s="145" t="s">
        <v>49</v>
      </c>
      <c r="BM5" s="145" t="s">
        <v>50</v>
      </c>
      <c r="BN5" s="145" t="s">
        <v>51</v>
      </c>
      <c r="BO5" s="149" t="s">
        <v>45</v>
      </c>
      <c r="BP5" s="449"/>
      <c r="BQ5" s="144" t="s">
        <v>43</v>
      </c>
      <c r="BR5" s="145" t="s">
        <v>44</v>
      </c>
      <c r="BS5" s="149" t="s">
        <v>45</v>
      </c>
      <c r="BT5" s="147" t="s">
        <v>83</v>
      </c>
      <c r="BU5" s="145" t="s">
        <v>47</v>
      </c>
      <c r="BV5" s="145" t="s">
        <v>48</v>
      </c>
      <c r="BW5" s="145" t="s">
        <v>49</v>
      </c>
      <c r="BX5" s="145" t="s">
        <v>50</v>
      </c>
      <c r="BY5" s="145" t="s">
        <v>51</v>
      </c>
      <c r="BZ5" s="149" t="s">
        <v>45</v>
      </c>
      <c r="CA5" s="449"/>
      <c r="CB5" s="144" t="s">
        <v>43</v>
      </c>
      <c r="CC5" s="145" t="s">
        <v>44</v>
      </c>
      <c r="CD5" s="149" t="s">
        <v>45</v>
      </c>
      <c r="CE5" s="147" t="s">
        <v>83</v>
      </c>
      <c r="CF5" s="145" t="s">
        <v>47</v>
      </c>
      <c r="CG5" s="145" t="s">
        <v>48</v>
      </c>
      <c r="CH5" s="145" t="s">
        <v>49</v>
      </c>
      <c r="CI5" s="145" t="s">
        <v>50</v>
      </c>
      <c r="CJ5" s="145" t="s">
        <v>51</v>
      </c>
      <c r="CK5" s="149" t="s">
        <v>45</v>
      </c>
      <c r="CL5" s="449"/>
      <c r="CM5" s="144" t="s">
        <v>43</v>
      </c>
      <c r="CN5" s="145" t="s">
        <v>44</v>
      </c>
      <c r="CO5" s="149" t="s">
        <v>45</v>
      </c>
      <c r="CP5" s="147" t="s">
        <v>83</v>
      </c>
      <c r="CQ5" s="145" t="s">
        <v>47</v>
      </c>
      <c r="CR5" s="145" t="s">
        <v>48</v>
      </c>
      <c r="CS5" s="145" t="s">
        <v>49</v>
      </c>
      <c r="CT5" s="145" t="s">
        <v>50</v>
      </c>
      <c r="CU5" s="145" t="s">
        <v>51</v>
      </c>
      <c r="CV5" s="149" t="s">
        <v>45</v>
      </c>
      <c r="CW5" s="449"/>
      <c r="CX5" s="144" t="s">
        <v>43</v>
      </c>
      <c r="CY5" s="145" t="s">
        <v>44</v>
      </c>
      <c r="CZ5" s="149" t="s">
        <v>45</v>
      </c>
      <c r="DA5" s="147" t="s">
        <v>83</v>
      </c>
      <c r="DB5" s="145" t="s">
        <v>47</v>
      </c>
      <c r="DC5" s="145" t="s">
        <v>48</v>
      </c>
      <c r="DD5" s="145" t="s">
        <v>49</v>
      </c>
      <c r="DE5" s="145" t="s">
        <v>50</v>
      </c>
      <c r="DF5" s="145" t="s">
        <v>51</v>
      </c>
      <c r="DG5" s="149" t="s">
        <v>45</v>
      </c>
      <c r="DH5" s="449"/>
      <c r="DI5" s="144" t="s">
        <v>43</v>
      </c>
      <c r="DJ5" s="145" t="s">
        <v>44</v>
      </c>
      <c r="DK5" s="149" t="s">
        <v>45</v>
      </c>
      <c r="DL5" s="147" t="s">
        <v>83</v>
      </c>
      <c r="DM5" s="145" t="s">
        <v>47</v>
      </c>
      <c r="DN5" s="145" t="s">
        <v>48</v>
      </c>
      <c r="DO5" s="145" t="s">
        <v>49</v>
      </c>
      <c r="DP5" s="145" t="s">
        <v>50</v>
      </c>
      <c r="DQ5" s="145" t="s">
        <v>51</v>
      </c>
      <c r="DR5" s="149" t="s">
        <v>45</v>
      </c>
      <c r="DS5" s="449"/>
      <c r="DT5" s="144" t="s">
        <v>43</v>
      </c>
      <c r="DU5" s="145" t="s">
        <v>44</v>
      </c>
      <c r="DV5" s="149" t="s">
        <v>45</v>
      </c>
      <c r="DW5" s="147" t="s">
        <v>83</v>
      </c>
      <c r="DX5" s="145" t="s">
        <v>47</v>
      </c>
      <c r="DY5" s="145" t="s">
        <v>48</v>
      </c>
      <c r="DZ5" s="145" t="s">
        <v>49</v>
      </c>
      <c r="EA5" s="145" t="s">
        <v>50</v>
      </c>
      <c r="EB5" s="145" t="s">
        <v>51</v>
      </c>
      <c r="EC5" s="149" t="s">
        <v>45</v>
      </c>
      <c r="ED5" s="449"/>
      <c r="EE5" s="144" t="s">
        <v>43</v>
      </c>
      <c r="EF5" s="145" t="s">
        <v>44</v>
      </c>
      <c r="EG5" s="149" t="s">
        <v>45</v>
      </c>
      <c r="EH5" s="147" t="s">
        <v>83</v>
      </c>
      <c r="EI5" s="145" t="s">
        <v>47</v>
      </c>
      <c r="EJ5" s="145" t="s">
        <v>48</v>
      </c>
      <c r="EK5" s="145" t="s">
        <v>49</v>
      </c>
      <c r="EL5" s="145" t="s">
        <v>50</v>
      </c>
      <c r="EM5" s="145" t="s">
        <v>51</v>
      </c>
      <c r="EN5" s="149" t="s">
        <v>45</v>
      </c>
      <c r="EO5" s="449"/>
      <c r="EP5" s="144" t="s">
        <v>43</v>
      </c>
      <c r="EQ5" s="145" t="s">
        <v>44</v>
      </c>
      <c r="ER5" s="149" t="s">
        <v>45</v>
      </c>
      <c r="ES5" s="147" t="s">
        <v>83</v>
      </c>
      <c r="ET5" s="145" t="s">
        <v>47</v>
      </c>
      <c r="EU5" s="145" t="s">
        <v>48</v>
      </c>
      <c r="EV5" s="145" t="s">
        <v>49</v>
      </c>
      <c r="EW5" s="145" t="s">
        <v>50</v>
      </c>
      <c r="EX5" s="145" t="s">
        <v>51</v>
      </c>
      <c r="EY5" s="149" t="s">
        <v>45</v>
      </c>
      <c r="EZ5" s="449"/>
    </row>
    <row r="6" spans="2:156" ht="21" customHeight="1" x14ac:dyDescent="0.2">
      <c r="B6" s="150" t="s">
        <v>4</v>
      </c>
      <c r="C6" s="151">
        <v>0</v>
      </c>
      <c r="D6" s="152">
        <v>0</v>
      </c>
      <c r="E6" s="153">
        <v>0</v>
      </c>
      <c r="F6" s="154">
        <v>0</v>
      </c>
      <c r="G6" s="152">
        <v>19410</v>
      </c>
      <c r="H6" s="152">
        <v>23985</v>
      </c>
      <c r="I6" s="152">
        <v>13042</v>
      </c>
      <c r="J6" s="152">
        <v>10331</v>
      </c>
      <c r="K6" s="152">
        <v>7788</v>
      </c>
      <c r="L6" s="155">
        <v>74556</v>
      </c>
      <c r="M6" s="156">
        <v>74556</v>
      </c>
      <c r="N6" s="151">
        <v>2</v>
      </c>
      <c r="O6" s="152">
        <v>21</v>
      </c>
      <c r="P6" s="157">
        <v>23</v>
      </c>
      <c r="Q6" s="154">
        <v>0</v>
      </c>
      <c r="R6" s="152">
        <v>91</v>
      </c>
      <c r="S6" s="152">
        <v>416</v>
      </c>
      <c r="T6" s="152">
        <v>723</v>
      </c>
      <c r="U6" s="152">
        <v>2031</v>
      </c>
      <c r="V6" s="152">
        <v>3386</v>
      </c>
      <c r="W6" s="157">
        <v>6647</v>
      </c>
      <c r="X6" s="156">
        <v>6670</v>
      </c>
      <c r="Y6" s="151">
        <v>2622</v>
      </c>
      <c r="Z6" s="152">
        <v>6630</v>
      </c>
      <c r="AA6" s="157">
        <v>9252</v>
      </c>
      <c r="AB6" s="154">
        <v>0</v>
      </c>
      <c r="AC6" s="152">
        <v>13206</v>
      </c>
      <c r="AD6" s="152">
        <v>19061</v>
      </c>
      <c r="AE6" s="152">
        <v>10955</v>
      </c>
      <c r="AF6" s="152">
        <v>8891</v>
      </c>
      <c r="AG6" s="152">
        <v>6732</v>
      </c>
      <c r="AH6" s="157">
        <v>58845</v>
      </c>
      <c r="AI6" s="156">
        <v>68097</v>
      </c>
      <c r="AJ6" s="151">
        <v>283</v>
      </c>
      <c r="AK6" s="152">
        <v>842</v>
      </c>
      <c r="AL6" s="157">
        <v>1125</v>
      </c>
      <c r="AM6" s="154">
        <v>0</v>
      </c>
      <c r="AN6" s="152">
        <v>1139</v>
      </c>
      <c r="AO6" s="152">
        <v>1776</v>
      </c>
      <c r="AP6" s="152">
        <v>1087</v>
      </c>
      <c r="AQ6" s="152">
        <v>849</v>
      </c>
      <c r="AR6" s="152">
        <v>622</v>
      </c>
      <c r="AS6" s="157">
        <v>5473</v>
      </c>
      <c r="AT6" s="156">
        <v>6598</v>
      </c>
      <c r="AU6" s="151">
        <v>3137</v>
      </c>
      <c r="AV6" s="152">
        <v>4484</v>
      </c>
      <c r="AW6" s="157">
        <v>7621</v>
      </c>
      <c r="AX6" s="154">
        <v>0</v>
      </c>
      <c r="AY6" s="152">
        <v>20083</v>
      </c>
      <c r="AZ6" s="152">
        <v>25893</v>
      </c>
      <c r="BA6" s="152">
        <v>21556</v>
      </c>
      <c r="BB6" s="152">
        <v>20750</v>
      </c>
      <c r="BC6" s="152">
        <v>15384</v>
      </c>
      <c r="BD6" s="155">
        <v>103666</v>
      </c>
      <c r="BE6" s="156">
        <v>111287</v>
      </c>
      <c r="BF6" s="151">
        <v>0</v>
      </c>
      <c r="BG6" s="152">
        <v>0</v>
      </c>
      <c r="BH6" s="157">
        <v>0</v>
      </c>
      <c r="BI6" s="154">
        <v>0</v>
      </c>
      <c r="BJ6" s="152">
        <v>22889</v>
      </c>
      <c r="BK6" s="152">
        <v>21933</v>
      </c>
      <c r="BL6" s="152">
        <v>11281</v>
      </c>
      <c r="BM6" s="152">
        <v>6386</v>
      </c>
      <c r="BN6" s="152">
        <v>3084</v>
      </c>
      <c r="BO6" s="157">
        <v>65573</v>
      </c>
      <c r="BP6" s="156">
        <v>65573</v>
      </c>
      <c r="BQ6" s="151">
        <v>1742</v>
      </c>
      <c r="BR6" s="152">
        <v>2809</v>
      </c>
      <c r="BS6" s="157">
        <v>4551</v>
      </c>
      <c r="BT6" s="154">
        <v>0</v>
      </c>
      <c r="BU6" s="152">
        <v>4600</v>
      </c>
      <c r="BV6" s="152">
        <v>6585</v>
      </c>
      <c r="BW6" s="152">
        <v>3732</v>
      </c>
      <c r="BX6" s="152">
        <v>2277</v>
      </c>
      <c r="BY6" s="152">
        <v>868</v>
      </c>
      <c r="BZ6" s="157">
        <v>18062</v>
      </c>
      <c r="CA6" s="156">
        <v>22613</v>
      </c>
      <c r="CB6" s="151">
        <v>75</v>
      </c>
      <c r="CC6" s="152">
        <v>233</v>
      </c>
      <c r="CD6" s="157">
        <v>308</v>
      </c>
      <c r="CE6" s="154">
        <v>0</v>
      </c>
      <c r="CF6" s="152">
        <v>2235</v>
      </c>
      <c r="CG6" s="152">
        <v>3864</v>
      </c>
      <c r="CH6" s="152">
        <v>4492</v>
      </c>
      <c r="CI6" s="152">
        <v>3116</v>
      </c>
      <c r="CJ6" s="152">
        <v>1812</v>
      </c>
      <c r="CK6" s="157">
        <v>15519</v>
      </c>
      <c r="CL6" s="156">
        <v>15827</v>
      </c>
      <c r="CM6" s="151">
        <v>8</v>
      </c>
      <c r="CN6" s="152">
        <v>18</v>
      </c>
      <c r="CO6" s="157">
        <v>26</v>
      </c>
      <c r="CP6" s="154">
        <v>0</v>
      </c>
      <c r="CQ6" s="152">
        <v>202</v>
      </c>
      <c r="CR6" s="152">
        <v>510</v>
      </c>
      <c r="CS6" s="152">
        <v>532</v>
      </c>
      <c r="CT6" s="152">
        <v>499</v>
      </c>
      <c r="CU6" s="152">
        <v>356</v>
      </c>
      <c r="CV6" s="157">
        <v>2099</v>
      </c>
      <c r="CW6" s="156">
        <v>2125</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11834</v>
      </c>
      <c r="DU6" s="152">
        <v>25525</v>
      </c>
      <c r="DV6" s="157">
        <v>37359</v>
      </c>
      <c r="DW6" s="154">
        <v>0</v>
      </c>
      <c r="DX6" s="152">
        <v>28608</v>
      </c>
      <c r="DY6" s="152">
        <v>49079</v>
      </c>
      <c r="DZ6" s="152">
        <v>27577</v>
      </c>
      <c r="EA6" s="152">
        <v>20897</v>
      </c>
      <c r="EB6" s="152">
        <v>13378</v>
      </c>
      <c r="EC6" s="157">
        <v>139539</v>
      </c>
      <c r="ED6" s="156">
        <v>176898</v>
      </c>
      <c r="EE6" s="151">
        <v>1630</v>
      </c>
      <c r="EF6" s="152">
        <v>1327</v>
      </c>
      <c r="EG6" s="157">
        <v>2957</v>
      </c>
      <c r="EH6" s="154">
        <v>0</v>
      </c>
      <c r="EI6" s="152">
        <v>6335</v>
      </c>
      <c r="EJ6" s="152">
        <v>6150</v>
      </c>
      <c r="EK6" s="152">
        <v>5085</v>
      </c>
      <c r="EL6" s="152">
        <v>5700</v>
      </c>
      <c r="EM6" s="152">
        <v>3284</v>
      </c>
      <c r="EN6" s="157">
        <v>26554</v>
      </c>
      <c r="EO6" s="156">
        <v>29511</v>
      </c>
      <c r="EP6" s="151">
        <v>15276</v>
      </c>
      <c r="EQ6" s="152">
        <v>30496</v>
      </c>
      <c r="ER6" s="157">
        <v>45772</v>
      </c>
      <c r="ES6" s="154">
        <v>0</v>
      </c>
      <c r="ET6" s="152">
        <v>59617</v>
      </c>
      <c r="EU6" s="152">
        <v>64494</v>
      </c>
      <c r="EV6" s="152">
        <v>32481</v>
      </c>
      <c r="EW6" s="152">
        <v>22229</v>
      </c>
      <c r="EX6" s="152">
        <v>13511</v>
      </c>
      <c r="EY6" s="157">
        <v>192332</v>
      </c>
      <c r="EZ6" s="156">
        <v>238104</v>
      </c>
    </row>
    <row r="7" spans="2:156" ht="21" customHeight="1" x14ac:dyDescent="0.2">
      <c r="B7" s="158" t="s">
        <v>5</v>
      </c>
      <c r="C7" s="159">
        <v>0</v>
      </c>
      <c r="D7" s="160">
        <v>0</v>
      </c>
      <c r="E7" s="161">
        <v>0</v>
      </c>
      <c r="F7" s="162">
        <v>0</v>
      </c>
      <c r="G7" s="160">
        <v>6775</v>
      </c>
      <c r="H7" s="160">
        <v>11657</v>
      </c>
      <c r="I7" s="160">
        <v>5634</v>
      </c>
      <c r="J7" s="160">
        <v>4160</v>
      </c>
      <c r="K7" s="160">
        <v>3130</v>
      </c>
      <c r="L7" s="163">
        <v>31356</v>
      </c>
      <c r="M7" s="164">
        <v>31356</v>
      </c>
      <c r="N7" s="159">
        <v>0</v>
      </c>
      <c r="O7" s="160">
        <v>13</v>
      </c>
      <c r="P7" s="165">
        <v>13</v>
      </c>
      <c r="Q7" s="162">
        <v>0</v>
      </c>
      <c r="R7" s="160">
        <v>21</v>
      </c>
      <c r="S7" s="160">
        <v>144</v>
      </c>
      <c r="T7" s="160">
        <v>283</v>
      </c>
      <c r="U7" s="160">
        <v>798</v>
      </c>
      <c r="V7" s="160">
        <v>1472</v>
      </c>
      <c r="W7" s="165">
        <v>2718</v>
      </c>
      <c r="X7" s="164">
        <v>2731</v>
      </c>
      <c r="Y7" s="159">
        <v>1078</v>
      </c>
      <c r="Z7" s="160">
        <v>3519</v>
      </c>
      <c r="AA7" s="165">
        <v>4597</v>
      </c>
      <c r="AB7" s="162">
        <v>0</v>
      </c>
      <c r="AC7" s="160">
        <v>4706</v>
      </c>
      <c r="AD7" s="160">
        <v>9585</v>
      </c>
      <c r="AE7" s="160">
        <v>5154</v>
      </c>
      <c r="AF7" s="160">
        <v>3925</v>
      </c>
      <c r="AG7" s="160">
        <v>2834</v>
      </c>
      <c r="AH7" s="165">
        <v>26204</v>
      </c>
      <c r="AI7" s="164">
        <v>30801</v>
      </c>
      <c r="AJ7" s="159">
        <v>104</v>
      </c>
      <c r="AK7" s="160">
        <v>414</v>
      </c>
      <c r="AL7" s="165">
        <v>518</v>
      </c>
      <c r="AM7" s="162">
        <v>0</v>
      </c>
      <c r="AN7" s="160">
        <v>284</v>
      </c>
      <c r="AO7" s="160">
        <v>738</v>
      </c>
      <c r="AP7" s="160">
        <v>477</v>
      </c>
      <c r="AQ7" s="160">
        <v>339</v>
      </c>
      <c r="AR7" s="160">
        <v>253</v>
      </c>
      <c r="AS7" s="165">
        <v>2091</v>
      </c>
      <c r="AT7" s="164">
        <v>2609</v>
      </c>
      <c r="AU7" s="159">
        <v>1226</v>
      </c>
      <c r="AV7" s="160">
        <v>2251</v>
      </c>
      <c r="AW7" s="165">
        <v>3477</v>
      </c>
      <c r="AX7" s="162">
        <v>0</v>
      </c>
      <c r="AY7" s="160">
        <v>7253</v>
      </c>
      <c r="AZ7" s="160">
        <v>11391</v>
      </c>
      <c r="BA7" s="160">
        <v>8766</v>
      </c>
      <c r="BB7" s="160">
        <v>8391</v>
      </c>
      <c r="BC7" s="160">
        <v>6228</v>
      </c>
      <c r="BD7" s="163">
        <v>42029</v>
      </c>
      <c r="BE7" s="164">
        <v>45506</v>
      </c>
      <c r="BF7" s="159">
        <v>0</v>
      </c>
      <c r="BG7" s="160">
        <v>0</v>
      </c>
      <c r="BH7" s="165">
        <v>0</v>
      </c>
      <c r="BI7" s="162">
        <v>0</v>
      </c>
      <c r="BJ7" s="160">
        <v>7119</v>
      </c>
      <c r="BK7" s="160">
        <v>9057</v>
      </c>
      <c r="BL7" s="160">
        <v>4182</v>
      </c>
      <c r="BM7" s="160">
        <v>2230</v>
      </c>
      <c r="BN7" s="160">
        <v>1089</v>
      </c>
      <c r="BO7" s="165">
        <v>23677</v>
      </c>
      <c r="BP7" s="164">
        <v>23677</v>
      </c>
      <c r="BQ7" s="159">
        <v>736</v>
      </c>
      <c r="BR7" s="160">
        <v>1266</v>
      </c>
      <c r="BS7" s="165">
        <v>2002</v>
      </c>
      <c r="BT7" s="162">
        <v>0</v>
      </c>
      <c r="BU7" s="160">
        <v>1341</v>
      </c>
      <c r="BV7" s="160">
        <v>3008</v>
      </c>
      <c r="BW7" s="160">
        <v>1644</v>
      </c>
      <c r="BX7" s="160">
        <v>1002</v>
      </c>
      <c r="BY7" s="160">
        <v>351</v>
      </c>
      <c r="BZ7" s="165">
        <v>7346</v>
      </c>
      <c r="CA7" s="164">
        <v>9348</v>
      </c>
      <c r="CB7" s="159">
        <v>26</v>
      </c>
      <c r="CC7" s="160">
        <v>98</v>
      </c>
      <c r="CD7" s="165">
        <v>124</v>
      </c>
      <c r="CE7" s="162">
        <v>0</v>
      </c>
      <c r="CF7" s="160">
        <v>662</v>
      </c>
      <c r="CG7" s="160">
        <v>1438</v>
      </c>
      <c r="CH7" s="160">
        <v>1613</v>
      </c>
      <c r="CI7" s="160">
        <v>1085</v>
      </c>
      <c r="CJ7" s="160">
        <v>662</v>
      </c>
      <c r="CK7" s="165">
        <v>5460</v>
      </c>
      <c r="CL7" s="164">
        <v>5584</v>
      </c>
      <c r="CM7" s="159">
        <v>5</v>
      </c>
      <c r="CN7" s="160">
        <v>13</v>
      </c>
      <c r="CO7" s="165">
        <v>18</v>
      </c>
      <c r="CP7" s="162">
        <v>0</v>
      </c>
      <c r="CQ7" s="160">
        <v>77</v>
      </c>
      <c r="CR7" s="160">
        <v>283</v>
      </c>
      <c r="CS7" s="160">
        <v>310</v>
      </c>
      <c r="CT7" s="160">
        <v>285</v>
      </c>
      <c r="CU7" s="160">
        <v>195</v>
      </c>
      <c r="CV7" s="165">
        <v>1150</v>
      </c>
      <c r="CW7" s="164">
        <v>1168</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3881</v>
      </c>
      <c r="DU7" s="160">
        <v>10891</v>
      </c>
      <c r="DV7" s="165">
        <v>14772</v>
      </c>
      <c r="DW7" s="162">
        <v>0</v>
      </c>
      <c r="DX7" s="160">
        <v>8091</v>
      </c>
      <c r="DY7" s="160">
        <v>21893</v>
      </c>
      <c r="DZ7" s="160">
        <v>11257</v>
      </c>
      <c r="EA7" s="160">
        <v>8269</v>
      </c>
      <c r="EB7" s="160">
        <v>5407</v>
      </c>
      <c r="EC7" s="165">
        <v>54917</v>
      </c>
      <c r="ED7" s="164">
        <v>69689</v>
      </c>
      <c r="EE7" s="159">
        <v>655</v>
      </c>
      <c r="EF7" s="160">
        <v>648</v>
      </c>
      <c r="EG7" s="165">
        <v>1303</v>
      </c>
      <c r="EH7" s="162">
        <v>0</v>
      </c>
      <c r="EI7" s="160">
        <v>2523</v>
      </c>
      <c r="EJ7" s="160">
        <v>2929</v>
      </c>
      <c r="EK7" s="160">
        <v>2217</v>
      </c>
      <c r="EL7" s="160">
        <v>2514</v>
      </c>
      <c r="EM7" s="160">
        <v>1356</v>
      </c>
      <c r="EN7" s="165">
        <v>11539</v>
      </c>
      <c r="EO7" s="164">
        <v>12842</v>
      </c>
      <c r="EP7" s="159">
        <v>5354</v>
      </c>
      <c r="EQ7" s="160">
        <v>13525</v>
      </c>
      <c r="ER7" s="165">
        <v>18879</v>
      </c>
      <c r="ES7" s="162">
        <v>0</v>
      </c>
      <c r="ET7" s="160">
        <v>19416</v>
      </c>
      <c r="EU7" s="160">
        <v>29234</v>
      </c>
      <c r="EV7" s="160">
        <v>13513</v>
      </c>
      <c r="EW7" s="160">
        <v>8906</v>
      </c>
      <c r="EX7" s="160">
        <v>5508</v>
      </c>
      <c r="EY7" s="165">
        <v>76577</v>
      </c>
      <c r="EZ7" s="164">
        <v>95456</v>
      </c>
    </row>
    <row r="8" spans="2:156" ht="21" customHeight="1" x14ac:dyDescent="0.2">
      <c r="B8" s="166" t="s">
        <v>6</v>
      </c>
      <c r="C8" s="159">
        <v>0</v>
      </c>
      <c r="D8" s="160">
        <v>0</v>
      </c>
      <c r="E8" s="161">
        <v>0</v>
      </c>
      <c r="F8" s="162">
        <v>0</v>
      </c>
      <c r="G8" s="160">
        <v>3413</v>
      </c>
      <c r="H8" s="160">
        <v>3274</v>
      </c>
      <c r="I8" s="160">
        <v>1818</v>
      </c>
      <c r="J8" s="160">
        <v>1563</v>
      </c>
      <c r="K8" s="160">
        <v>1220</v>
      </c>
      <c r="L8" s="163">
        <v>11288</v>
      </c>
      <c r="M8" s="164">
        <v>11288</v>
      </c>
      <c r="N8" s="159">
        <v>2</v>
      </c>
      <c r="O8" s="160">
        <v>1</v>
      </c>
      <c r="P8" s="165">
        <v>3</v>
      </c>
      <c r="Q8" s="162">
        <v>0</v>
      </c>
      <c r="R8" s="160">
        <v>12</v>
      </c>
      <c r="S8" s="160">
        <v>50</v>
      </c>
      <c r="T8" s="160">
        <v>104</v>
      </c>
      <c r="U8" s="160">
        <v>289</v>
      </c>
      <c r="V8" s="160">
        <v>488</v>
      </c>
      <c r="W8" s="165">
        <v>943</v>
      </c>
      <c r="X8" s="164">
        <v>946</v>
      </c>
      <c r="Y8" s="159">
        <v>441</v>
      </c>
      <c r="Z8" s="160">
        <v>824</v>
      </c>
      <c r="AA8" s="165">
        <v>1265</v>
      </c>
      <c r="AB8" s="162">
        <v>0</v>
      </c>
      <c r="AC8" s="160">
        <v>2493</v>
      </c>
      <c r="AD8" s="160">
        <v>2613</v>
      </c>
      <c r="AE8" s="160">
        <v>1468</v>
      </c>
      <c r="AF8" s="160">
        <v>1212</v>
      </c>
      <c r="AG8" s="160">
        <v>982</v>
      </c>
      <c r="AH8" s="165">
        <v>8768</v>
      </c>
      <c r="AI8" s="164">
        <v>10033</v>
      </c>
      <c r="AJ8" s="159">
        <v>25</v>
      </c>
      <c r="AK8" s="160">
        <v>65</v>
      </c>
      <c r="AL8" s="165">
        <v>90</v>
      </c>
      <c r="AM8" s="162">
        <v>0</v>
      </c>
      <c r="AN8" s="160">
        <v>183</v>
      </c>
      <c r="AO8" s="160">
        <v>205</v>
      </c>
      <c r="AP8" s="160">
        <v>109</v>
      </c>
      <c r="AQ8" s="160">
        <v>113</v>
      </c>
      <c r="AR8" s="160">
        <v>69</v>
      </c>
      <c r="AS8" s="165">
        <v>679</v>
      </c>
      <c r="AT8" s="164">
        <v>769</v>
      </c>
      <c r="AU8" s="159">
        <v>536</v>
      </c>
      <c r="AV8" s="160">
        <v>617</v>
      </c>
      <c r="AW8" s="165">
        <v>1153</v>
      </c>
      <c r="AX8" s="162">
        <v>0</v>
      </c>
      <c r="AY8" s="160">
        <v>3722</v>
      </c>
      <c r="AZ8" s="160">
        <v>4205</v>
      </c>
      <c r="BA8" s="160">
        <v>3467</v>
      </c>
      <c r="BB8" s="160">
        <v>3312</v>
      </c>
      <c r="BC8" s="160">
        <v>2596</v>
      </c>
      <c r="BD8" s="163">
        <v>17302</v>
      </c>
      <c r="BE8" s="164">
        <v>18455</v>
      </c>
      <c r="BF8" s="159">
        <v>0</v>
      </c>
      <c r="BG8" s="160">
        <v>0</v>
      </c>
      <c r="BH8" s="165">
        <v>0</v>
      </c>
      <c r="BI8" s="162">
        <v>0</v>
      </c>
      <c r="BJ8" s="160">
        <v>3919</v>
      </c>
      <c r="BK8" s="160">
        <v>3112</v>
      </c>
      <c r="BL8" s="160">
        <v>1627</v>
      </c>
      <c r="BM8" s="160">
        <v>967</v>
      </c>
      <c r="BN8" s="160">
        <v>468</v>
      </c>
      <c r="BO8" s="165">
        <v>10093</v>
      </c>
      <c r="BP8" s="164">
        <v>10093</v>
      </c>
      <c r="BQ8" s="159">
        <v>121</v>
      </c>
      <c r="BR8" s="160">
        <v>219</v>
      </c>
      <c r="BS8" s="165">
        <v>340</v>
      </c>
      <c r="BT8" s="162">
        <v>0</v>
      </c>
      <c r="BU8" s="160">
        <v>673</v>
      </c>
      <c r="BV8" s="160">
        <v>723</v>
      </c>
      <c r="BW8" s="160">
        <v>463</v>
      </c>
      <c r="BX8" s="160">
        <v>293</v>
      </c>
      <c r="BY8" s="160">
        <v>121</v>
      </c>
      <c r="BZ8" s="165">
        <v>2273</v>
      </c>
      <c r="CA8" s="164">
        <v>2613</v>
      </c>
      <c r="CB8" s="159">
        <v>3</v>
      </c>
      <c r="CC8" s="160">
        <v>21</v>
      </c>
      <c r="CD8" s="165">
        <v>24</v>
      </c>
      <c r="CE8" s="162">
        <v>0</v>
      </c>
      <c r="CF8" s="160">
        <v>262</v>
      </c>
      <c r="CG8" s="160">
        <v>463</v>
      </c>
      <c r="CH8" s="160">
        <v>544</v>
      </c>
      <c r="CI8" s="160">
        <v>397</v>
      </c>
      <c r="CJ8" s="160">
        <v>245</v>
      </c>
      <c r="CK8" s="165">
        <v>1911</v>
      </c>
      <c r="CL8" s="164">
        <v>1935</v>
      </c>
      <c r="CM8" s="159">
        <v>0</v>
      </c>
      <c r="CN8" s="160">
        <v>1</v>
      </c>
      <c r="CO8" s="165">
        <v>1</v>
      </c>
      <c r="CP8" s="162">
        <v>0</v>
      </c>
      <c r="CQ8" s="160">
        <v>31</v>
      </c>
      <c r="CR8" s="160">
        <v>78</v>
      </c>
      <c r="CS8" s="160">
        <v>64</v>
      </c>
      <c r="CT8" s="160">
        <v>63</v>
      </c>
      <c r="CU8" s="160">
        <v>53</v>
      </c>
      <c r="CV8" s="165">
        <v>289</v>
      </c>
      <c r="CW8" s="164">
        <v>290</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1750</v>
      </c>
      <c r="DU8" s="160">
        <v>3111</v>
      </c>
      <c r="DV8" s="165">
        <v>4861</v>
      </c>
      <c r="DW8" s="162">
        <v>0</v>
      </c>
      <c r="DX8" s="160">
        <v>5138</v>
      </c>
      <c r="DY8" s="160">
        <v>6480</v>
      </c>
      <c r="DZ8" s="160">
        <v>3862</v>
      </c>
      <c r="EA8" s="160">
        <v>3083</v>
      </c>
      <c r="EB8" s="160">
        <v>2032</v>
      </c>
      <c r="EC8" s="165">
        <v>20595</v>
      </c>
      <c r="ED8" s="164">
        <v>25456</v>
      </c>
      <c r="EE8" s="159">
        <v>233</v>
      </c>
      <c r="EF8" s="160">
        <v>155</v>
      </c>
      <c r="EG8" s="165">
        <v>388</v>
      </c>
      <c r="EH8" s="162">
        <v>0</v>
      </c>
      <c r="EI8" s="160">
        <v>952</v>
      </c>
      <c r="EJ8" s="160">
        <v>812</v>
      </c>
      <c r="EK8" s="160">
        <v>730</v>
      </c>
      <c r="EL8" s="160">
        <v>795</v>
      </c>
      <c r="EM8" s="160">
        <v>550</v>
      </c>
      <c r="EN8" s="165">
        <v>3839</v>
      </c>
      <c r="EO8" s="164">
        <v>4227</v>
      </c>
      <c r="EP8" s="159">
        <v>2163</v>
      </c>
      <c r="EQ8" s="160">
        <v>3625</v>
      </c>
      <c r="ER8" s="165">
        <v>5788</v>
      </c>
      <c r="ES8" s="162">
        <v>0</v>
      </c>
      <c r="ET8" s="160">
        <v>9710</v>
      </c>
      <c r="EU8" s="160">
        <v>8335</v>
      </c>
      <c r="EV8" s="160">
        <v>4366</v>
      </c>
      <c r="EW8" s="160">
        <v>3183</v>
      </c>
      <c r="EX8" s="160">
        <v>2046</v>
      </c>
      <c r="EY8" s="165">
        <v>27640</v>
      </c>
      <c r="EZ8" s="164">
        <v>33428</v>
      </c>
    </row>
    <row r="9" spans="2:156" ht="21" customHeight="1" x14ac:dyDescent="0.2">
      <c r="B9" s="166" t="s">
        <v>14</v>
      </c>
      <c r="C9" s="159">
        <v>0</v>
      </c>
      <c r="D9" s="160">
        <v>0</v>
      </c>
      <c r="E9" s="161">
        <v>0</v>
      </c>
      <c r="F9" s="162">
        <v>0</v>
      </c>
      <c r="G9" s="160">
        <v>1185</v>
      </c>
      <c r="H9" s="160">
        <v>1805</v>
      </c>
      <c r="I9" s="160">
        <v>1081</v>
      </c>
      <c r="J9" s="160">
        <v>797</v>
      </c>
      <c r="K9" s="160">
        <v>554</v>
      </c>
      <c r="L9" s="163">
        <v>5422</v>
      </c>
      <c r="M9" s="164">
        <v>5422</v>
      </c>
      <c r="N9" s="159">
        <v>0</v>
      </c>
      <c r="O9" s="160">
        <v>1</v>
      </c>
      <c r="P9" s="165">
        <v>1</v>
      </c>
      <c r="Q9" s="162">
        <v>0</v>
      </c>
      <c r="R9" s="160">
        <v>0</v>
      </c>
      <c r="S9" s="160">
        <v>21</v>
      </c>
      <c r="T9" s="160">
        <v>47</v>
      </c>
      <c r="U9" s="160">
        <v>157</v>
      </c>
      <c r="V9" s="160">
        <v>204</v>
      </c>
      <c r="W9" s="165">
        <v>429</v>
      </c>
      <c r="X9" s="164">
        <v>430</v>
      </c>
      <c r="Y9" s="159">
        <v>128</v>
      </c>
      <c r="Z9" s="160">
        <v>449</v>
      </c>
      <c r="AA9" s="165">
        <v>577</v>
      </c>
      <c r="AB9" s="162">
        <v>0</v>
      </c>
      <c r="AC9" s="160">
        <v>791</v>
      </c>
      <c r="AD9" s="160">
        <v>1365</v>
      </c>
      <c r="AE9" s="160">
        <v>913</v>
      </c>
      <c r="AF9" s="160">
        <v>676</v>
      </c>
      <c r="AG9" s="160">
        <v>474</v>
      </c>
      <c r="AH9" s="165">
        <v>4219</v>
      </c>
      <c r="AI9" s="164">
        <v>4796</v>
      </c>
      <c r="AJ9" s="159">
        <v>8</v>
      </c>
      <c r="AK9" s="160">
        <v>32</v>
      </c>
      <c r="AL9" s="165">
        <v>40</v>
      </c>
      <c r="AM9" s="162">
        <v>0</v>
      </c>
      <c r="AN9" s="160">
        <v>15</v>
      </c>
      <c r="AO9" s="160">
        <v>64</v>
      </c>
      <c r="AP9" s="160">
        <v>37</v>
      </c>
      <c r="AQ9" s="160">
        <v>37</v>
      </c>
      <c r="AR9" s="160">
        <v>19</v>
      </c>
      <c r="AS9" s="165">
        <v>172</v>
      </c>
      <c r="AT9" s="164">
        <v>212</v>
      </c>
      <c r="AU9" s="159">
        <v>242</v>
      </c>
      <c r="AV9" s="160">
        <v>386</v>
      </c>
      <c r="AW9" s="165">
        <v>628</v>
      </c>
      <c r="AX9" s="162">
        <v>0</v>
      </c>
      <c r="AY9" s="160">
        <v>1386</v>
      </c>
      <c r="AZ9" s="160">
        <v>2039</v>
      </c>
      <c r="BA9" s="160">
        <v>1932</v>
      </c>
      <c r="BB9" s="160">
        <v>1602</v>
      </c>
      <c r="BC9" s="160">
        <v>1125</v>
      </c>
      <c r="BD9" s="163">
        <v>8084</v>
      </c>
      <c r="BE9" s="164">
        <v>8712</v>
      </c>
      <c r="BF9" s="159">
        <v>0</v>
      </c>
      <c r="BG9" s="160">
        <v>0</v>
      </c>
      <c r="BH9" s="165">
        <v>0</v>
      </c>
      <c r="BI9" s="162">
        <v>0</v>
      </c>
      <c r="BJ9" s="160">
        <v>1649</v>
      </c>
      <c r="BK9" s="160">
        <v>1969</v>
      </c>
      <c r="BL9" s="160">
        <v>1133</v>
      </c>
      <c r="BM9" s="160">
        <v>579</v>
      </c>
      <c r="BN9" s="160">
        <v>267</v>
      </c>
      <c r="BO9" s="165">
        <v>5597</v>
      </c>
      <c r="BP9" s="164">
        <v>5597</v>
      </c>
      <c r="BQ9" s="159">
        <v>92</v>
      </c>
      <c r="BR9" s="160">
        <v>168</v>
      </c>
      <c r="BS9" s="165">
        <v>260</v>
      </c>
      <c r="BT9" s="162">
        <v>0</v>
      </c>
      <c r="BU9" s="160">
        <v>151</v>
      </c>
      <c r="BV9" s="160">
        <v>395</v>
      </c>
      <c r="BW9" s="160">
        <v>255</v>
      </c>
      <c r="BX9" s="160">
        <v>128</v>
      </c>
      <c r="BY9" s="160">
        <v>55</v>
      </c>
      <c r="BZ9" s="165">
        <v>984</v>
      </c>
      <c r="CA9" s="164">
        <v>1244</v>
      </c>
      <c r="CB9" s="159">
        <v>4</v>
      </c>
      <c r="CC9" s="160">
        <v>17</v>
      </c>
      <c r="CD9" s="165">
        <v>21</v>
      </c>
      <c r="CE9" s="162">
        <v>0</v>
      </c>
      <c r="CF9" s="160">
        <v>130</v>
      </c>
      <c r="CG9" s="160">
        <v>305</v>
      </c>
      <c r="CH9" s="160">
        <v>431</v>
      </c>
      <c r="CI9" s="160">
        <v>290</v>
      </c>
      <c r="CJ9" s="160">
        <v>133</v>
      </c>
      <c r="CK9" s="165">
        <v>1289</v>
      </c>
      <c r="CL9" s="164">
        <v>1310</v>
      </c>
      <c r="CM9" s="159">
        <v>0</v>
      </c>
      <c r="CN9" s="160">
        <v>0</v>
      </c>
      <c r="CO9" s="165">
        <v>0</v>
      </c>
      <c r="CP9" s="162">
        <v>0</v>
      </c>
      <c r="CQ9" s="160">
        <v>2</v>
      </c>
      <c r="CR9" s="160">
        <v>6</v>
      </c>
      <c r="CS9" s="160">
        <v>10</v>
      </c>
      <c r="CT9" s="160">
        <v>4</v>
      </c>
      <c r="CU9" s="160">
        <v>6</v>
      </c>
      <c r="CV9" s="165">
        <v>28</v>
      </c>
      <c r="CW9" s="164">
        <v>28</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920</v>
      </c>
      <c r="DU9" s="160">
        <v>2515</v>
      </c>
      <c r="DV9" s="165">
        <v>3435</v>
      </c>
      <c r="DW9" s="162">
        <v>0</v>
      </c>
      <c r="DX9" s="160">
        <v>2021</v>
      </c>
      <c r="DY9" s="160">
        <v>4151</v>
      </c>
      <c r="DZ9" s="160">
        <v>2498</v>
      </c>
      <c r="EA9" s="160">
        <v>1751</v>
      </c>
      <c r="EB9" s="160">
        <v>1016</v>
      </c>
      <c r="EC9" s="165">
        <v>11437</v>
      </c>
      <c r="ED9" s="164">
        <v>14872</v>
      </c>
      <c r="EE9" s="159">
        <v>120</v>
      </c>
      <c r="EF9" s="160">
        <v>110</v>
      </c>
      <c r="EG9" s="165">
        <v>230</v>
      </c>
      <c r="EH9" s="162">
        <v>0</v>
      </c>
      <c r="EI9" s="160">
        <v>335</v>
      </c>
      <c r="EJ9" s="160">
        <v>321</v>
      </c>
      <c r="EK9" s="160">
        <v>299</v>
      </c>
      <c r="EL9" s="160">
        <v>296</v>
      </c>
      <c r="EM9" s="160">
        <v>179</v>
      </c>
      <c r="EN9" s="165">
        <v>1430</v>
      </c>
      <c r="EO9" s="164">
        <v>1660</v>
      </c>
      <c r="EP9" s="159">
        <v>1076</v>
      </c>
      <c r="EQ9" s="160">
        <v>2787</v>
      </c>
      <c r="ER9" s="165">
        <v>3863</v>
      </c>
      <c r="ES9" s="162">
        <v>0</v>
      </c>
      <c r="ET9" s="160">
        <v>4154</v>
      </c>
      <c r="EU9" s="160">
        <v>5393</v>
      </c>
      <c r="EV9" s="160">
        <v>2947</v>
      </c>
      <c r="EW9" s="160">
        <v>1849</v>
      </c>
      <c r="EX9" s="160">
        <v>1026</v>
      </c>
      <c r="EY9" s="165">
        <v>15369</v>
      </c>
      <c r="EZ9" s="164">
        <v>19232</v>
      </c>
    </row>
    <row r="10" spans="2:156" ht="21" customHeight="1" x14ac:dyDescent="0.2">
      <c r="B10" s="166" t="s">
        <v>7</v>
      </c>
      <c r="C10" s="159">
        <v>0</v>
      </c>
      <c r="D10" s="160">
        <v>0</v>
      </c>
      <c r="E10" s="161">
        <v>0</v>
      </c>
      <c r="F10" s="162">
        <v>0</v>
      </c>
      <c r="G10" s="160">
        <v>1582</v>
      </c>
      <c r="H10" s="160">
        <v>1102</v>
      </c>
      <c r="I10" s="160">
        <v>616</v>
      </c>
      <c r="J10" s="160">
        <v>580</v>
      </c>
      <c r="K10" s="160">
        <v>387</v>
      </c>
      <c r="L10" s="163">
        <v>4267</v>
      </c>
      <c r="M10" s="164">
        <v>4267</v>
      </c>
      <c r="N10" s="159">
        <v>0</v>
      </c>
      <c r="O10" s="160">
        <v>1</v>
      </c>
      <c r="P10" s="165">
        <v>1</v>
      </c>
      <c r="Q10" s="162">
        <v>0</v>
      </c>
      <c r="R10" s="160">
        <v>12</v>
      </c>
      <c r="S10" s="160">
        <v>36</v>
      </c>
      <c r="T10" s="160">
        <v>44</v>
      </c>
      <c r="U10" s="160">
        <v>165</v>
      </c>
      <c r="V10" s="160">
        <v>208</v>
      </c>
      <c r="W10" s="165">
        <v>465</v>
      </c>
      <c r="X10" s="164">
        <v>466</v>
      </c>
      <c r="Y10" s="159">
        <v>21</v>
      </c>
      <c r="Z10" s="160">
        <v>41</v>
      </c>
      <c r="AA10" s="165">
        <v>62</v>
      </c>
      <c r="AB10" s="162">
        <v>0</v>
      </c>
      <c r="AC10" s="160">
        <v>618</v>
      </c>
      <c r="AD10" s="160">
        <v>535</v>
      </c>
      <c r="AE10" s="160">
        <v>329</v>
      </c>
      <c r="AF10" s="160">
        <v>358</v>
      </c>
      <c r="AG10" s="160">
        <v>328</v>
      </c>
      <c r="AH10" s="165">
        <v>2168</v>
      </c>
      <c r="AI10" s="164">
        <v>2230</v>
      </c>
      <c r="AJ10" s="159">
        <v>4</v>
      </c>
      <c r="AK10" s="160">
        <v>12</v>
      </c>
      <c r="AL10" s="165">
        <v>16</v>
      </c>
      <c r="AM10" s="162">
        <v>0</v>
      </c>
      <c r="AN10" s="160">
        <v>70</v>
      </c>
      <c r="AO10" s="160">
        <v>76</v>
      </c>
      <c r="AP10" s="160">
        <v>42</v>
      </c>
      <c r="AQ10" s="160">
        <v>47</v>
      </c>
      <c r="AR10" s="160">
        <v>30</v>
      </c>
      <c r="AS10" s="165">
        <v>265</v>
      </c>
      <c r="AT10" s="164">
        <v>281</v>
      </c>
      <c r="AU10" s="159">
        <v>162</v>
      </c>
      <c r="AV10" s="160">
        <v>118</v>
      </c>
      <c r="AW10" s="165">
        <v>280</v>
      </c>
      <c r="AX10" s="162">
        <v>0</v>
      </c>
      <c r="AY10" s="160">
        <v>1336</v>
      </c>
      <c r="AZ10" s="160">
        <v>1214</v>
      </c>
      <c r="BA10" s="160">
        <v>1005</v>
      </c>
      <c r="BB10" s="160">
        <v>1084</v>
      </c>
      <c r="BC10" s="160">
        <v>726</v>
      </c>
      <c r="BD10" s="163">
        <v>5365</v>
      </c>
      <c r="BE10" s="164">
        <v>5645</v>
      </c>
      <c r="BF10" s="159">
        <v>0</v>
      </c>
      <c r="BG10" s="160">
        <v>0</v>
      </c>
      <c r="BH10" s="165">
        <v>0</v>
      </c>
      <c r="BI10" s="162">
        <v>0</v>
      </c>
      <c r="BJ10" s="160">
        <v>1796</v>
      </c>
      <c r="BK10" s="160">
        <v>1068</v>
      </c>
      <c r="BL10" s="160">
        <v>530</v>
      </c>
      <c r="BM10" s="160">
        <v>282</v>
      </c>
      <c r="BN10" s="160">
        <v>158</v>
      </c>
      <c r="BO10" s="165">
        <v>3834</v>
      </c>
      <c r="BP10" s="164">
        <v>3834</v>
      </c>
      <c r="BQ10" s="159">
        <v>62</v>
      </c>
      <c r="BR10" s="160">
        <v>78</v>
      </c>
      <c r="BS10" s="165">
        <v>140</v>
      </c>
      <c r="BT10" s="162">
        <v>0</v>
      </c>
      <c r="BU10" s="160">
        <v>302</v>
      </c>
      <c r="BV10" s="160">
        <v>220</v>
      </c>
      <c r="BW10" s="160">
        <v>124</v>
      </c>
      <c r="BX10" s="160">
        <v>81</v>
      </c>
      <c r="BY10" s="160">
        <v>33</v>
      </c>
      <c r="BZ10" s="165">
        <v>760</v>
      </c>
      <c r="CA10" s="164">
        <v>900</v>
      </c>
      <c r="CB10" s="159">
        <v>3</v>
      </c>
      <c r="CC10" s="160">
        <v>5</v>
      </c>
      <c r="CD10" s="165">
        <v>8</v>
      </c>
      <c r="CE10" s="162">
        <v>0</v>
      </c>
      <c r="CF10" s="160">
        <v>248</v>
      </c>
      <c r="CG10" s="160">
        <v>274</v>
      </c>
      <c r="CH10" s="160">
        <v>299</v>
      </c>
      <c r="CI10" s="160">
        <v>189</v>
      </c>
      <c r="CJ10" s="160">
        <v>130</v>
      </c>
      <c r="CK10" s="165">
        <v>1140</v>
      </c>
      <c r="CL10" s="164">
        <v>1148</v>
      </c>
      <c r="CM10" s="159">
        <v>0</v>
      </c>
      <c r="CN10" s="160">
        <v>0</v>
      </c>
      <c r="CO10" s="165">
        <v>0</v>
      </c>
      <c r="CP10" s="162">
        <v>0</v>
      </c>
      <c r="CQ10" s="160">
        <v>6</v>
      </c>
      <c r="CR10" s="160">
        <v>13</v>
      </c>
      <c r="CS10" s="160">
        <v>8</v>
      </c>
      <c r="CT10" s="160">
        <v>16</v>
      </c>
      <c r="CU10" s="160">
        <v>7</v>
      </c>
      <c r="CV10" s="165">
        <v>50</v>
      </c>
      <c r="CW10" s="164">
        <v>50</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453</v>
      </c>
      <c r="DU10" s="160">
        <v>844</v>
      </c>
      <c r="DV10" s="165">
        <v>1297</v>
      </c>
      <c r="DW10" s="162">
        <v>0</v>
      </c>
      <c r="DX10" s="160">
        <v>2257</v>
      </c>
      <c r="DY10" s="160">
        <v>2281</v>
      </c>
      <c r="DZ10" s="160">
        <v>1225</v>
      </c>
      <c r="EA10" s="160">
        <v>1001</v>
      </c>
      <c r="EB10" s="160">
        <v>655</v>
      </c>
      <c r="EC10" s="165">
        <v>7419</v>
      </c>
      <c r="ED10" s="164">
        <v>8716</v>
      </c>
      <c r="EE10" s="159">
        <v>99</v>
      </c>
      <c r="EF10" s="160">
        <v>52</v>
      </c>
      <c r="EG10" s="165">
        <v>151</v>
      </c>
      <c r="EH10" s="162">
        <v>0</v>
      </c>
      <c r="EI10" s="160">
        <v>467</v>
      </c>
      <c r="EJ10" s="160">
        <v>320</v>
      </c>
      <c r="EK10" s="160">
        <v>275</v>
      </c>
      <c r="EL10" s="160">
        <v>326</v>
      </c>
      <c r="EM10" s="160">
        <v>164</v>
      </c>
      <c r="EN10" s="165">
        <v>1552</v>
      </c>
      <c r="EO10" s="164">
        <v>1703</v>
      </c>
      <c r="EP10" s="159">
        <v>530</v>
      </c>
      <c r="EQ10" s="160">
        <v>930</v>
      </c>
      <c r="ER10" s="165">
        <v>1460</v>
      </c>
      <c r="ES10" s="162">
        <v>0</v>
      </c>
      <c r="ET10" s="160">
        <v>4701</v>
      </c>
      <c r="EU10" s="160">
        <v>3077</v>
      </c>
      <c r="EV10" s="160">
        <v>1501</v>
      </c>
      <c r="EW10" s="160">
        <v>1107</v>
      </c>
      <c r="EX10" s="160">
        <v>676</v>
      </c>
      <c r="EY10" s="165">
        <v>11062</v>
      </c>
      <c r="EZ10" s="164">
        <v>12522</v>
      </c>
    </row>
    <row r="11" spans="2:156" ht="21" customHeight="1" x14ac:dyDescent="0.2">
      <c r="B11" s="166" t="s">
        <v>8</v>
      </c>
      <c r="C11" s="159">
        <v>0</v>
      </c>
      <c r="D11" s="160">
        <v>0</v>
      </c>
      <c r="E11" s="161">
        <v>0</v>
      </c>
      <c r="F11" s="162">
        <v>0</v>
      </c>
      <c r="G11" s="160">
        <v>484</v>
      </c>
      <c r="H11" s="160">
        <v>657</v>
      </c>
      <c r="I11" s="160">
        <v>398</v>
      </c>
      <c r="J11" s="160">
        <v>307</v>
      </c>
      <c r="K11" s="160">
        <v>271</v>
      </c>
      <c r="L11" s="163">
        <v>2117</v>
      </c>
      <c r="M11" s="164">
        <v>2117</v>
      </c>
      <c r="N11" s="159">
        <v>0</v>
      </c>
      <c r="O11" s="160">
        <v>0</v>
      </c>
      <c r="P11" s="165">
        <v>0</v>
      </c>
      <c r="Q11" s="162">
        <v>0</v>
      </c>
      <c r="R11" s="160">
        <v>6</v>
      </c>
      <c r="S11" s="160">
        <v>13</v>
      </c>
      <c r="T11" s="160">
        <v>25</v>
      </c>
      <c r="U11" s="160">
        <v>51</v>
      </c>
      <c r="V11" s="160">
        <v>92</v>
      </c>
      <c r="W11" s="165">
        <v>187</v>
      </c>
      <c r="X11" s="164">
        <v>187</v>
      </c>
      <c r="Y11" s="159">
        <v>69</v>
      </c>
      <c r="Z11" s="160">
        <v>99</v>
      </c>
      <c r="AA11" s="165">
        <v>168</v>
      </c>
      <c r="AB11" s="162">
        <v>0</v>
      </c>
      <c r="AC11" s="160">
        <v>336</v>
      </c>
      <c r="AD11" s="160">
        <v>474</v>
      </c>
      <c r="AE11" s="160">
        <v>281</v>
      </c>
      <c r="AF11" s="160">
        <v>278</v>
      </c>
      <c r="AG11" s="160">
        <v>216</v>
      </c>
      <c r="AH11" s="165">
        <v>1585</v>
      </c>
      <c r="AI11" s="164">
        <v>1753</v>
      </c>
      <c r="AJ11" s="159">
        <v>12</v>
      </c>
      <c r="AK11" s="160">
        <v>21</v>
      </c>
      <c r="AL11" s="165">
        <v>33</v>
      </c>
      <c r="AM11" s="162">
        <v>0</v>
      </c>
      <c r="AN11" s="160">
        <v>71</v>
      </c>
      <c r="AO11" s="160">
        <v>90</v>
      </c>
      <c r="AP11" s="160">
        <v>41</v>
      </c>
      <c r="AQ11" s="160">
        <v>46</v>
      </c>
      <c r="AR11" s="160">
        <v>26</v>
      </c>
      <c r="AS11" s="165">
        <v>274</v>
      </c>
      <c r="AT11" s="164">
        <v>307</v>
      </c>
      <c r="AU11" s="159">
        <v>84</v>
      </c>
      <c r="AV11" s="160">
        <v>66</v>
      </c>
      <c r="AW11" s="165">
        <v>150</v>
      </c>
      <c r="AX11" s="162">
        <v>0</v>
      </c>
      <c r="AY11" s="160">
        <v>524</v>
      </c>
      <c r="AZ11" s="160">
        <v>639</v>
      </c>
      <c r="BA11" s="160">
        <v>608</v>
      </c>
      <c r="BB11" s="160">
        <v>577</v>
      </c>
      <c r="BC11" s="160">
        <v>469</v>
      </c>
      <c r="BD11" s="163">
        <v>2817</v>
      </c>
      <c r="BE11" s="164">
        <v>2967</v>
      </c>
      <c r="BF11" s="159">
        <v>0</v>
      </c>
      <c r="BG11" s="160">
        <v>0</v>
      </c>
      <c r="BH11" s="165">
        <v>0</v>
      </c>
      <c r="BI11" s="162">
        <v>0</v>
      </c>
      <c r="BJ11" s="160">
        <v>640</v>
      </c>
      <c r="BK11" s="160">
        <v>644</v>
      </c>
      <c r="BL11" s="160">
        <v>359</v>
      </c>
      <c r="BM11" s="160">
        <v>231</v>
      </c>
      <c r="BN11" s="160">
        <v>117</v>
      </c>
      <c r="BO11" s="165">
        <v>1991</v>
      </c>
      <c r="BP11" s="164">
        <v>1991</v>
      </c>
      <c r="BQ11" s="159">
        <v>71</v>
      </c>
      <c r="BR11" s="160">
        <v>63</v>
      </c>
      <c r="BS11" s="165">
        <v>134</v>
      </c>
      <c r="BT11" s="162">
        <v>0</v>
      </c>
      <c r="BU11" s="160">
        <v>159</v>
      </c>
      <c r="BV11" s="160">
        <v>167</v>
      </c>
      <c r="BW11" s="160">
        <v>107</v>
      </c>
      <c r="BX11" s="160">
        <v>62</v>
      </c>
      <c r="BY11" s="160">
        <v>21</v>
      </c>
      <c r="BZ11" s="165">
        <v>516</v>
      </c>
      <c r="CA11" s="164">
        <v>650</v>
      </c>
      <c r="CB11" s="159">
        <v>5</v>
      </c>
      <c r="CC11" s="160">
        <v>7</v>
      </c>
      <c r="CD11" s="165">
        <v>12</v>
      </c>
      <c r="CE11" s="162">
        <v>0</v>
      </c>
      <c r="CF11" s="160">
        <v>81</v>
      </c>
      <c r="CG11" s="160">
        <v>168</v>
      </c>
      <c r="CH11" s="160">
        <v>216</v>
      </c>
      <c r="CI11" s="160">
        <v>137</v>
      </c>
      <c r="CJ11" s="160">
        <v>69</v>
      </c>
      <c r="CK11" s="165">
        <v>671</v>
      </c>
      <c r="CL11" s="164">
        <v>683</v>
      </c>
      <c r="CM11" s="159">
        <v>1</v>
      </c>
      <c r="CN11" s="160">
        <v>0</v>
      </c>
      <c r="CO11" s="165">
        <v>1</v>
      </c>
      <c r="CP11" s="162">
        <v>0</v>
      </c>
      <c r="CQ11" s="160">
        <v>4</v>
      </c>
      <c r="CR11" s="160">
        <v>5</v>
      </c>
      <c r="CS11" s="160">
        <v>7</v>
      </c>
      <c r="CT11" s="160">
        <v>6</v>
      </c>
      <c r="CU11" s="160">
        <v>5</v>
      </c>
      <c r="CV11" s="165">
        <v>27</v>
      </c>
      <c r="CW11" s="164">
        <v>28</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497</v>
      </c>
      <c r="DU11" s="160">
        <v>637</v>
      </c>
      <c r="DV11" s="165">
        <v>1134</v>
      </c>
      <c r="DW11" s="162">
        <v>0</v>
      </c>
      <c r="DX11" s="160">
        <v>1080</v>
      </c>
      <c r="DY11" s="160">
        <v>1587</v>
      </c>
      <c r="DZ11" s="160">
        <v>901</v>
      </c>
      <c r="EA11" s="160">
        <v>659</v>
      </c>
      <c r="EB11" s="160">
        <v>436</v>
      </c>
      <c r="EC11" s="165">
        <v>4663</v>
      </c>
      <c r="ED11" s="164">
        <v>5797</v>
      </c>
      <c r="EE11" s="159">
        <v>48</v>
      </c>
      <c r="EF11" s="160">
        <v>20</v>
      </c>
      <c r="EG11" s="165">
        <v>68</v>
      </c>
      <c r="EH11" s="162">
        <v>0</v>
      </c>
      <c r="EI11" s="160">
        <v>161</v>
      </c>
      <c r="EJ11" s="160">
        <v>134</v>
      </c>
      <c r="EK11" s="160">
        <v>115</v>
      </c>
      <c r="EL11" s="160">
        <v>126</v>
      </c>
      <c r="EM11" s="160">
        <v>76</v>
      </c>
      <c r="EN11" s="165">
        <v>612</v>
      </c>
      <c r="EO11" s="164">
        <v>680</v>
      </c>
      <c r="EP11" s="159">
        <v>610</v>
      </c>
      <c r="EQ11" s="160">
        <v>721</v>
      </c>
      <c r="ER11" s="165">
        <v>1331</v>
      </c>
      <c r="ES11" s="162">
        <v>0</v>
      </c>
      <c r="ET11" s="160">
        <v>1971</v>
      </c>
      <c r="EU11" s="160">
        <v>1979</v>
      </c>
      <c r="EV11" s="160">
        <v>1034</v>
      </c>
      <c r="EW11" s="160">
        <v>714</v>
      </c>
      <c r="EX11" s="160">
        <v>448</v>
      </c>
      <c r="EY11" s="165">
        <v>6146</v>
      </c>
      <c r="EZ11" s="164">
        <v>7477</v>
      </c>
    </row>
    <row r="12" spans="2:156" ht="21" customHeight="1" x14ac:dyDescent="0.2">
      <c r="B12" s="166" t="s">
        <v>9</v>
      </c>
      <c r="C12" s="159">
        <v>0</v>
      </c>
      <c r="D12" s="160">
        <v>0</v>
      </c>
      <c r="E12" s="161">
        <v>0</v>
      </c>
      <c r="F12" s="162">
        <v>0</v>
      </c>
      <c r="G12" s="160">
        <v>654</v>
      </c>
      <c r="H12" s="160">
        <v>533</v>
      </c>
      <c r="I12" s="160">
        <v>389</v>
      </c>
      <c r="J12" s="160">
        <v>338</v>
      </c>
      <c r="K12" s="160">
        <v>239</v>
      </c>
      <c r="L12" s="163">
        <v>2153</v>
      </c>
      <c r="M12" s="164">
        <v>2153</v>
      </c>
      <c r="N12" s="159">
        <v>0</v>
      </c>
      <c r="O12" s="160">
        <v>0</v>
      </c>
      <c r="P12" s="165">
        <v>0</v>
      </c>
      <c r="Q12" s="162">
        <v>0</v>
      </c>
      <c r="R12" s="160">
        <v>2</v>
      </c>
      <c r="S12" s="160">
        <v>8</v>
      </c>
      <c r="T12" s="160">
        <v>14</v>
      </c>
      <c r="U12" s="160">
        <v>45</v>
      </c>
      <c r="V12" s="160">
        <v>97</v>
      </c>
      <c r="W12" s="165">
        <v>166</v>
      </c>
      <c r="X12" s="164">
        <v>166</v>
      </c>
      <c r="Y12" s="159">
        <v>68</v>
      </c>
      <c r="Z12" s="160">
        <v>104</v>
      </c>
      <c r="AA12" s="165">
        <v>172</v>
      </c>
      <c r="AB12" s="162">
        <v>0</v>
      </c>
      <c r="AC12" s="160">
        <v>392</v>
      </c>
      <c r="AD12" s="160">
        <v>372</v>
      </c>
      <c r="AE12" s="160">
        <v>255</v>
      </c>
      <c r="AF12" s="160">
        <v>270</v>
      </c>
      <c r="AG12" s="160">
        <v>222</v>
      </c>
      <c r="AH12" s="165">
        <v>1511</v>
      </c>
      <c r="AI12" s="164">
        <v>1683</v>
      </c>
      <c r="AJ12" s="159">
        <v>1</v>
      </c>
      <c r="AK12" s="160">
        <v>10</v>
      </c>
      <c r="AL12" s="165">
        <v>11</v>
      </c>
      <c r="AM12" s="162">
        <v>0</v>
      </c>
      <c r="AN12" s="160">
        <v>37</v>
      </c>
      <c r="AO12" s="160">
        <v>47</v>
      </c>
      <c r="AP12" s="160">
        <v>30</v>
      </c>
      <c r="AQ12" s="160">
        <v>29</v>
      </c>
      <c r="AR12" s="160">
        <v>32</v>
      </c>
      <c r="AS12" s="165">
        <v>175</v>
      </c>
      <c r="AT12" s="164">
        <v>186</v>
      </c>
      <c r="AU12" s="159">
        <v>87</v>
      </c>
      <c r="AV12" s="160">
        <v>78</v>
      </c>
      <c r="AW12" s="165">
        <v>165</v>
      </c>
      <c r="AX12" s="162">
        <v>0</v>
      </c>
      <c r="AY12" s="160">
        <v>581</v>
      </c>
      <c r="AZ12" s="160">
        <v>598</v>
      </c>
      <c r="BA12" s="160">
        <v>595</v>
      </c>
      <c r="BB12" s="160">
        <v>619</v>
      </c>
      <c r="BC12" s="160">
        <v>442</v>
      </c>
      <c r="BD12" s="163">
        <v>2835</v>
      </c>
      <c r="BE12" s="164">
        <v>3000</v>
      </c>
      <c r="BF12" s="159">
        <v>0</v>
      </c>
      <c r="BG12" s="160">
        <v>0</v>
      </c>
      <c r="BH12" s="165">
        <v>0</v>
      </c>
      <c r="BI12" s="162">
        <v>0</v>
      </c>
      <c r="BJ12" s="160">
        <v>596</v>
      </c>
      <c r="BK12" s="160">
        <v>420</v>
      </c>
      <c r="BL12" s="160">
        <v>258</v>
      </c>
      <c r="BM12" s="160">
        <v>148</v>
      </c>
      <c r="BN12" s="160">
        <v>67</v>
      </c>
      <c r="BO12" s="165">
        <v>1489</v>
      </c>
      <c r="BP12" s="164">
        <v>1489</v>
      </c>
      <c r="BQ12" s="159">
        <v>51</v>
      </c>
      <c r="BR12" s="160">
        <v>68</v>
      </c>
      <c r="BS12" s="165">
        <v>119</v>
      </c>
      <c r="BT12" s="162">
        <v>0</v>
      </c>
      <c r="BU12" s="160">
        <v>163</v>
      </c>
      <c r="BV12" s="160">
        <v>125</v>
      </c>
      <c r="BW12" s="160">
        <v>91</v>
      </c>
      <c r="BX12" s="160">
        <v>77</v>
      </c>
      <c r="BY12" s="160">
        <v>26</v>
      </c>
      <c r="BZ12" s="165">
        <v>482</v>
      </c>
      <c r="CA12" s="164">
        <v>601</v>
      </c>
      <c r="CB12" s="159">
        <v>2</v>
      </c>
      <c r="CC12" s="160">
        <v>3</v>
      </c>
      <c r="CD12" s="165">
        <v>5</v>
      </c>
      <c r="CE12" s="162">
        <v>0</v>
      </c>
      <c r="CF12" s="160">
        <v>67</v>
      </c>
      <c r="CG12" s="160">
        <v>108</v>
      </c>
      <c r="CH12" s="160">
        <v>123</v>
      </c>
      <c r="CI12" s="160">
        <v>98</v>
      </c>
      <c r="CJ12" s="160">
        <v>59</v>
      </c>
      <c r="CK12" s="165">
        <v>455</v>
      </c>
      <c r="CL12" s="164">
        <v>460</v>
      </c>
      <c r="CM12" s="159">
        <v>0</v>
      </c>
      <c r="CN12" s="160">
        <v>0</v>
      </c>
      <c r="CO12" s="165">
        <v>0</v>
      </c>
      <c r="CP12" s="162">
        <v>0</v>
      </c>
      <c r="CQ12" s="160">
        <v>10</v>
      </c>
      <c r="CR12" s="160">
        <v>12</v>
      </c>
      <c r="CS12" s="160">
        <v>21</v>
      </c>
      <c r="CT12" s="160">
        <v>18</v>
      </c>
      <c r="CU12" s="160">
        <v>18</v>
      </c>
      <c r="CV12" s="165">
        <v>79</v>
      </c>
      <c r="CW12" s="164">
        <v>79</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32</v>
      </c>
      <c r="DU12" s="160">
        <v>444</v>
      </c>
      <c r="DV12" s="165">
        <v>776</v>
      </c>
      <c r="DW12" s="162">
        <v>0</v>
      </c>
      <c r="DX12" s="160">
        <v>924</v>
      </c>
      <c r="DY12" s="160">
        <v>1037</v>
      </c>
      <c r="DZ12" s="160">
        <v>671</v>
      </c>
      <c r="EA12" s="160">
        <v>581</v>
      </c>
      <c r="EB12" s="160">
        <v>371</v>
      </c>
      <c r="EC12" s="165">
        <v>3584</v>
      </c>
      <c r="ED12" s="164">
        <v>4360</v>
      </c>
      <c r="EE12" s="159">
        <v>57</v>
      </c>
      <c r="EF12" s="160">
        <v>22</v>
      </c>
      <c r="EG12" s="165">
        <v>79</v>
      </c>
      <c r="EH12" s="162">
        <v>0</v>
      </c>
      <c r="EI12" s="160">
        <v>223</v>
      </c>
      <c r="EJ12" s="160">
        <v>164</v>
      </c>
      <c r="EK12" s="160">
        <v>160</v>
      </c>
      <c r="EL12" s="160">
        <v>177</v>
      </c>
      <c r="EM12" s="160">
        <v>119</v>
      </c>
      <c r="EN12" s="165">
        <v>843</v>
      </c>
      <c r="EO12" s="164">
        <v>922</v>
      </c>
      <c r="EP12" s="159">
        <v>419</v>
      </c>
      <c r="EQ12" s="160">
        <v>525</v>
      </c>
      <c r="ER12" s="165">
        <v>944</v>
      </c>
      <c r="ES12" s="162">
        <v>0</v>
      </c>
      <c r="ET12" s="160">
        <v>1768</v>
      </c>
      <c r="EU12" s="160">
        <v>1321</v>
      </c>
      <c r="EV12" s="160">
        <v>784</v>
      </c>
      <c r="EW12" s="160">
        <v>618</v>
      </c>
      <c r="EX12" s="160">
        <v>365</v>
      </c>
      <c r="EY12" s="165">
        <v>4856</v>
      </c>
      <c r="EZ12" s="164">
        <v>5800</v>
      </c>
    </row>
    <row r="13" spans="2:156" ht="21" customHeight="1" x14ac:dyDescent="0.2">
      <c r="B13" s="166" t="s">
        <v>10</v>
      </c>
      <c r="C13" s="159">
        <v>0</v>
      </c>
      <c r="D13" s="160">
        <v>0</v>
      </c>
      <c r="E13" s="161">
        <v>0</v>
      </c>
      <c r="F13" s="162">
        <v>0</v>
      </c>
      <c r="G13" s="160">
        <v>1368</v>
      </c>
      <c r="H13" s="160">
        <v>770</v>
      </c>
      <c r="I13" s="160">
        <v>521</v>
      </c>
      <c r="J13" s="160">
        <v>503</v>
      </c>
      <c r="K13" s="160">
        <v>354</v>
      </c>
      <c r="L13" s="163">
        <v>3516</v>
      </c>
      <c r="M13" s="164">
        <v>3516</v>
      </c>
      <c r="N13" s="159">
        <v>0</v>
      </c>
      <c r="O13" s="160">
        <v>0</v>
      </c>
      <c r="P13" s="165">
        <v>0</v>
      </c>
      <c r="Q13" s="162">
        <v>0</v>
      </c>
      <c r="R13" s="160">
        <v>6</v>
      </c>
      <c r="S13" s="160">
        <v>27</v>
      </c>
      <c r="T13" s="160">
        <v>34</v>
      </c>
      <c r="U13" s="160">
        <v>73</v>
      </c>
      <c r="V13" s="160">
        <v>155</v>
      </c>
      <c r="W13" s="165">
        <v>295</v>
      </c>
      <c r="X13" s="164">
        <v>295</v>
      </c>
      <c r="Y13" s="159">
        <v>184</v>
      </c>
      <c r="Z13" s="160">
        <v>305</v>
      </c>
      <c r="AA13" s="165">
        <v>489</v>
      </c>
      <c r="AB13" s="162">
        <v>0</v>
      </c>
      <c r="AC13" s="160">
        <v>894</v>
      </c>
      <c r="AD13" s="160">
        <v>608</v>
      </c>
      <c r="AE13" s="160">
        <v>376</v>
      </c>
      <c r="AF13" s="160">
        <v>347</v>
      </c>
      <c r="AG13" s="160">
        <v>283</v>
      </c>
      <c r="AH13" s="165">
        <v>2508</v>
      </c>
      <c r="AI13" s="164">
        <v>2997</v>
      </c>
      <c r="AJ13" s="159">
        <v>20</v>
      </c>
      <c r="AK13" s="160">
        <v>53</v>
      </c>
      <c r="AL13" s="165">
        <v>73</v>
      </c>
      <c r="AM13" s="162">
        <v>0</v>
      </c>
      <c r="AN13" s="160">
        <v>119</v>
      </c>
      <c r="AO13" s="160">
        <v>89</v>
      </c>
      <c r="AP13" s="160">
        <v>63</v>
      </c>
      <c r="AQ13" s="160">
        <v>38</v>
      </c>
      <c r="AR13" s="160">
        <v>55</v>
      </c>
      <c r="AS13" s="165">
        <v>364</v>
      </c>
      <c r="AT13" s="164">
        <v>437</v>
      </c>
      <c r="AU13" s="159">
        <v>213</v>
      </c>
      <c r="AV13" s="160">
        <v>288</v>
      </c>
      <c r="AW13" s="165">
        <v>501</v>
      </c>
      <c r="AX13" s="162">
        <v>0</v>
      </c>
      <c r="AY13" s="160">
        <v>1420</v>
      </c>
      <c r="AZ13" s="160">
        <v>1142</v>
      </c>
      <c r="BA13" s="160">
        <v>1025</v>
      </c>
      <c r="BB13" s="160">
        <v>1056</v>
      </c>
      <c r="BC13" s="160">
        <v>773</v>
      </c>
      <c r="BD13" s="163">
        <v>5416</v>
      </c>
      <c r="BE13" s="164">
        <v>5917</v>
      </c>
      <c r="BF13" s="159">
        <v>0</v>
      </c>
      <c r="BG13" s="160">
        <v>0</v>
      </c>
      <c r="BH13" s="165">
        <v>0</v>
      </c>
      <c r="BI13" s="162">
        <v>0</v>
      </c>
      <c r="BJ13" s="160">
        <v>1740</v>
      </c>
      <c r="BK13" s="160">
        <v>864</v>
      </c>
      <c r="BL13" s="160">
        <v>461</v>
      </c>
      <c r="BM13" s="160">
        <v>284</v>
      </c>
      <c r="BN13" s="160">
        <v>138</v>
      </c>
      <c r="BO13" s="165">
        <v>3487</v>
      </c>
      <c r="BP13" s="164">
        <v>3487</v>
      </c>
      <c r="BQ13" s="159">
        <v>47</v>
      </c>
      <c r="BR13" s="160">
        <v>84</v>
      </c>
      <c r="BS13" s="165">
        <v>131</v>
      </c>
      <c r="BT13" s="162">
        <v>0</v>
      </c>
      <c r="BU13" s="160">
        <v>236</v>
      </c>
      <c r="BV13" s="160">
        <v>203</v>
      </c>
      <c r="BW13" s="160">
        <v>121</v>
      </c>
      <c r="BX13" s="160">
        <v>59</v>
      </c>
      <c r="BY13" s="160">
        <v>30</v>
      </c>
      <c r="BZ13" s="165">
        <v>649</v>
      </c>
      <c r="CA13" s="164">
        <v>780</v>
      </c>
      <c r="CB13" s="159">
        <v>3</v>
      </c>
      <c r="CC13" s="160">
        <v>23</v>
      </c>
      <c r="CD13" s="165">
        <v>26</v>
      </c>
      <c r="CE13" s="162">
        <v>0</v>
      </c>
      <c r="CF13" s="160">
        <v>180</v>
      </c>
      <c r="CG13" s="160">
        <v>174</v>
      </c>
      <c r="CH13" s="160">
        <v>175</v>
      </c>
      <c r="CI13" s="160">
        <v>157</v>
      </c>
      <c r="CJ13" s="160">
        <v>89</v>
      </c>
      <c r="CK13" s="165">
        <v>775</v>
      </c>
      <c r="CL13" s="164">
        <v>801</v>
      </c>
      <c r="CM13" s="159">
        <v>0</v>
      </c>
      <c r="CN13" s="160">
        <v>0</v>
      </c>
      <c r="CO13" s="165">
        <v>0</v>
      </c>
      <c r="CP13" s="162">
        <v>0</v>
      </c>
      <c r="CQ13" s="160">
        <v>5</v>
      </c>
      <c r="CR13" s="160">
        <v>13</v>
      </c>
      <c r="CS13" s="160">
        <v>23</v>
      </c>
      <c r="CT13" s="160">
        <v>16</v>
      </c>
      <c r="CU13" s="160">
        <v>10</v>
      </c>
      <c r="CV13" s="165">
        <v>67</v>
      </c>
      <c r="CW13" s="164">
        <v>67</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1013</v>
      </c>
      <c r="DU13" s="160">
        <v>1297</v>
      </c>
      <c r="DV13" s="165">
        <v>2310</v>
      </c>
      <c r="DW13" s="162">
        <v>0</v>
      </c>
      <c r="DX13" s="160">
        <v>2093</v>
      </c>
      <c r="DY13" s="160">
        <v>1644</v>
      </c>
      <c r="DZ13" s="160">
        <v>1033</v>
      </c>
      <c r="EA13" s="160">
        <v>912</v>
      </c>
      <c r="EB13" s="160">
        <v>592</v>
      </c>
      <c r="EC13" s="165">
        <v>6274</v>
      </c>
      <c r="ED13" s="164">
        <v>8584</v>
      </c>
      <c r="EE13" s="159">
        <v>79</v>
      </c>
      <c r="EF13" s="160">
        <v>66</v>
      </c>
      <c r="EG13" s="165">
        <v>145</v>
      </c>
      <c r="EH13" s="162">
        <v>0</v>
      </c>
      <c r="EI13" s="160">
        <v>307</v>
      </c>
      <c r="EJ13" s="160">
        <v>269</v>
      </c>
      <c r="EK13" s="160">
        <v>230</v>
      </c>
      <c r="EL13" s="160">
        <v>239</v>
      </c>
      <c r="EM13" s="160">
        <v>139</v>
      </c>
      <c r="EN13" s="165">
        <v>1184</v>
      </c>
      <c r="EO13" s="164">
        <v>1329</v>
      </c>
      <c r="EP13" s="159">
        <v>1188</v>
      </c>
      <c r="EQ13" s="160">
        <v>1495</v>
      </c>
      <c r="ER13" s="165">
        <v>2683</v>
      </c>
      <c r="ES13" s="162">
        <v>0</v>
      </c>
      <c r="ET13" s="160">
        <v>3712</v>
      </c>
      <c r="EU13" s="160">
        <v>2007</v>
      </c>
      <c r="EV13" s="160">
        <v>1126</v>
      </c>
      <c r="EW13" s="160">
        <v>892</v>
      </c>
      <c r="EX13" s="160">
        <v>561</v>
      </c>
      <c r="EY13" s="165">
        <v>8298</v>
      </c>
      <c r="EZ13" s="164">
        <v>10981</v>
      </c>
    </row>
    <row r="14" spans="2:156" ht="21" customHeight="1" x14ac:dyDescent="0.2">
      <c r="B14" s="166" t="s">
        <v>11</v>
      </c>
      <c r="C14" s="159">
        <v>0</v>
      </c>
      <c r="D14" s="160">
        <v>0</v>
      </c>
      <c r="E14" s="161">
        <v>0</v>
      </c>
      <c r="F14" s="162">
        <v>0</v>
      </c>
      <c r="G14" s="160">
        <v>497</v>
      </c>
      <c r="H14" s="160">
        <v>367</v>
      </c>
      <c r="I14" s="160">
        <v>269</v>
      </c>
      <c r="J14" s="160">
        <v>228</v>
      </c>
      <c r="K14" s="160">
        <v>190</v>
      </c>
      <c r="L14" s="163">
        <v>1551</v>
      </c>
      <c r="M14" s="164">
        <v>1551</v>
      </c>
      <c r="N14" s="159">
        <v>0</v>
      </c>
      <c r="O14" s="160">
        <v>0</v>
      </c>
      <c r="P14" s="165">
        <v>0</v>
      </c>
      <c r="Q14" s="162">
        <v>0</v>
      </c>
      <c r="R14" s="160">
        <v>4</v>
      </c>
      <c r="S14" s="160">
        <v>11</v>
      </c>
      <c r="T14" s="160">
        <v>24</v>
      </c>
      <c r="U14" s="160">
        <v>49</v>
      </c>
      <c r="V14" s="160">
        <v>85</v>
      </c>
      <c r="W14" s="165">
        <v>173</v>
      </c>
      <c r="X14" s="164">
        <v>173</v>
      </c>
      <c r="Y14" s="159">
        <v>47</v>
      </c>
      <c r="Z14" s="160">
        <v>65</v>
      </c>
      <c r="AA14" s="165">
        <v>112</v>
      </c>
      <c r="AB14" s="162">
        <v>0</v>
      </c>
      <c r="AC14" s="160">
        <v>312</v>
      </c>
      <c r="AD14" s="160">
        <v>244</v>
      </c>
      <c r="AE14" s="160">
        <v>205</v>
      </c>
      <c r="AF14" s="160">
        <v>171</v>
      </c>
      <c r="AG14" s="160">
        <v>168</v>
      </c>
      <c r="AH14" s="165">
        <v>1100</v>
      </c>
      <c r="AI14" s="164">
        <v>1212</v>
      </c>
      <c r="AJ14" s="159">
        <v>4</v>
      </c>
      <c r="AK14" s="160">
        <v>6</v>
      </c>
      <c r="AL14" s="165">
        <v>10</v>
      </c>
      <c r="AM14" s="162">
        <v>0</v>
      </c>
      <c r="AN14" s="160">
        <v>27</v>
      </c>
      <c r="AO14" s="160">
        <v>24</v>
      </c>
      <c r="AP14" s="160">
        <v>28</v>
      </c>
      <c r="AQ14" s="160">
        <v>21</v>
      </c>
      <c r="AR14" s="160">
        <v>9</v>
      </c>
      <c r="AS14" s="165">
        <v>109</v>
      </c>
      <c r="AT14" s="164">
        <v>119</v>
      </c>
      <c r="AU14" s="159">
        <v>54</v>
      </c>
      <c r="AV14" s="160">
        <v>58</v>
      </c>
      <c r="AW14" s="165">
        <v>112</v>
      </c>
      <c r="AX14" s="162">
        <v>0</v>
      </c>
      <c r="AY14" s="160">
        <v>469</v>
      </c>
      <c r="AZ14" s="160">
        <v>491</v>
      </c>
      <c r="BA14" s="160">
        <v>472</v>
      </c>
      <c r="BB14" s="160">
        <v>471</v>
      </c>
      <c r="BC14" s="160">
        <v>320</v>
      </c>
      <c r="BD14" s="163">
        <v>2223</v>
      </c>
      <c r="BE14" s="164">
        <v>2335</v>
      </c>
      <c r="BF14" s="159">
        <v>0</v>
      </c>
      <c r="BG14" s="160">
        <v>0</v>
      </c>
      <c r="BH14" s="165">
        <v>0</v>
      </c>
      <c r="BI14" s="162">
        <v>0</v>
      </c>
      <c r="BJ14" s="160">
        <v>674</v>
      </c>
      <c r="BK14" s="160">
        <v>421</v>
      </c>
      <c r="BL14" s="160">
        <v>260</v>
      </c>
      <c r="BM14" s="160">
        <v>193</v>
      </c>
      <c r="BN14" s="160">
        <v>80</v>
      </c>
      <c r="BO14" s="165">
        <v>1628</v>
      </c>
      <c r="BP14" s="164">
        <v>1628</v>
      </c>
      <c r="BQ14" s="159">
        <v>119</v>
      </c>
      <c r="BR14" s="160">
        <v>92</v>
      </c>
      <c r="BS14" s="165">
        <v>211</v>
      </c>
      <c r="BT14" s="162">
        <v>0</v>
      </c>
      <c r="BU14" s="160">
        <v>238</v>
      </c>
      <c r="BV14" s="160">
        <v>151</v>
      </c>
      <c r="BW14" s="160">
        <v>87</v>
      </c>
      <c r="BX14" s="160">
        <v>69</v>
      </c>
      <c r="BY14" s="160">
        <v>30</v>
      </c>
      <c r="BZ14" s="165">
        <v>575</v>
      </c>
      <c r="CA14" s="164">
        <v>786</v>
      </c>
      <c r="CB14" s="159">
        <v>7</v>
      </c>
      <c r="CC14" s="160">
        <v>9</v>
      </c>
      <c r="CD14" s="165">
        <v>16</v>
      </c>
      <c r="CE14" s="162">
        <v>0</v>
      </c>
      <c r="CF14" s="160">
        <v>81</v>
      </c>
      <c r="CG14" s="160">
        <v>86</v>
      </c>
      <c r="CH14" s="160">
        <v>104</v>
      </c>
      <c r="CI14" s="160">
        <v>78</v>
      </c>
      <c r="CJ14" s="160">
        <v>50</v>
      </c>
      <c r="CK14" s="165">
        <v>399</v>
      </c>
      <c r="CL14" s="164">
        <v>415</v>
      </c>
      <c r="CM14" s="159">
        <v>1</v>
      </c>
      <c r="CN14" s="160">
        <v>2</v>
      </c>
      <c r="CO14" s="165">
        <v>3</v>
      </c>
      <c r="CP14" s="162">
        <v>0</v>
      </c>
      <c r="CQ14" s="160">
        <v>10</v>
      </c>
      <c r="CR14" s="160">
        <v>8</v>
      </c>
      <c r="CS14" s="160">
        <v>6</v>
      </c>
      <c r="CT14" s="160">
        <v>4</v>
      </c>
      <c r="CU14" s="160">
        <v>9</v>
      </c>
      <c r="CV14" s="165">
        <v>37</v>
      </c>
      <c r="CW14" s="164">
        <v>40</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386</v>
      </c>
      <c r="DU14" s="160">
        <v>515</v>
      </c>
      <c r="DV14" s="165">
        <v>901</v>
      </c>
      <c r="DW14" s="162">
        <v>0</v>
      </c>
      <c r="DX14" s="160">
        <v>991</v>
      </c>
      <c r="DY14" s="160">
        <v>886</v>
      </c>
      <c r="DZ14" s="160">
        <v>666</v>
      </c>
      <c r="EA14" s="160">
        <v>509</v>
      </c>
      <c r="EB14" s="160">
        <v>309</v>
      </c>
      <c r="EC14" s="165">
        <v>3361</v>
      </c>
      <c r="ED14" s="164">
        <v>4262</v>
      </c>
      <c r="EE14" s="159">
        <v>39</v>
      </c>
      <c r="EF14" s="160">
        <v>27</v>
      </c>
      <c r="EG14" s="165">
        <v>66</v>
      </c>
      <c r="EH14" s="162">
        <v>0</v>
      </c>
      <c r="EI14" s="160">
        <v>191</v>
      </c>
      <c r="EJ14" s="160">
        <v>151</v>
      </c>
      <c r="EK14" s="160">
        <v>107</v>
      </c>
      <c r="EL14" s="160">
        <v>169</v>
      </c>
      <c r="EM14" s="160">
        <v>79</v>
      </c>
      <c r="EN14" s="165">
        <v>697</v>
      </c>
      <c r="EO14" s="164">
        <v>763</v>
      </c>
      <c r="EP14" s="159">
        <v>499</v>
      </c>
      <c r="EQ14" s="160">
        <v>599</v>
      </c>
      <c r="ER14" s="165">
        <v>1098</v>
      </c>
      <c r="ES14" s="162">
        <v>0</v>
      </c>
      <c r="ET14" s="160">
        <v>1818</v>
      </c>
      <c r="EU14" s="160">
        <v>1141</v>
      </c>
      <c r="EV14" s="160">
        <v>758</v>
      </c>
      <c r="EW14" s="160">
        <v>541</v>
      </c>
      <c r="EX14" s="160">
        <v>315</v>
      </c>
      <c r="EY14" s="165">
        <v>4573</v>
      </c>
      <c r="EZ14" s="164">
        <v>5671</v>
      </c>
    </row>
    <row r="15" spans="2:156" ht="21" customHeight="1" x14ac:dyDescent="0.2">
      <c r="B15" s="166" t="s">
        <v>12</v>
      </c>
      <c r="C15" s="159">
        <v>0</v>
      </c>
      <c r="D15" s="160">
        <v>0</v>
      </c>
      <c r="E15" s="161">
        <v>0</v>
      </c>
      <c r="F15" s="162">
        <v>0</v>
      </c>
      <c r="G15" s="160">
        <v>527</v>
      </c>
      <c r="H15" s="160">
        <v>516</v>
      </c>
      <c r="I15" s="160">
        <v>336</v>
      </c>
      <c r="J15" s="160">
        <v>294</v>
      </c>
      <c r="K15" s="160">
        <v>206</v>
      </c>
      <c r="L15" s="163">
        <v>1879</v>
      </c>
      <c r="M15" s="164">
        <v>1879</v>
      </c>
      <c r="N15" s="159">
        <v>0</v>
      </c>
      <c r="O15" s="160">
        <v>3</v>
      </c>
      <c r="P15" s="165">
        <v>3</v>
      </c>
      <c r="Q15" s="162">
        <v>0</v>
      </c>
      <c r="R15" s="160">
        <v>3</v>
      </c>
      <c r="S15" s="160">
        <v>19</v>
      </c>
      <c r="T15" s="160">
        <v>18</v>
      </c>
      <c r="U15" s="160">
        <v>67</v>
      </c>
      <c r="V15" s="160">
        <v>67</v>
      </c>
      <c r="W15" s="165">
        <v>174</v>
      </c>
      <c r="X15" s="164">
        <v>177</v>
      </c>
      <c r="Y15" s="159">
        <v>120</v>
      </c>
      <c r="Z15" s="160">
        <v>312</v>
      </c>
      <c r="AA15" s="165">
        <v>432</v>
      </c>
      <c r="AB15" s="162">
        <v>0</v>
      </c>
      <c r="AC15" s="160">
        <v>376</v>
      </c>
      <c r="AD15" s="160">
        <v>472</v>
      </c>
      <c r="AE15" s="160">
        <v>256</v>
      </c>
      <c r="AF15" s="160">
        <v>248</v>
      </c>
      <c r="AG15" s="160">
        <v>165</v>
      </c>
      <c r="AH15" s="165">
        <v>1517</v>
      </c>
      <c r="AI15" s="164">
        <v>1949</v>
      </c>
      <c r="AJ15" s="159">
        <v>8</v>
      </c>
      <c r="AK15" s="160">
        <v>28</v>
      </c>
      <c r="AL15" s="165">
        <v>36</v>
      </c>
      <c r="AM15" s="162">
        <v>0</v>
      </c>
      <c r="AN15" s="160">
        <v>14</v>
      </c>
      <c r="AO15" s="160">
        <v>47</v>
      </c>
      <c r="AP15" s="160">
        <v>19</v>
      </c>
      <c r="AQ15" s="160">
        <v>21</v>
      </c>
      <c r="AR15" s="160">
        <v>14</v>
      </c>
      <c r="AS15" s="165">
        <v>115</v>
      </c>
      <c r="AT15" s="164">
        <v>151</v>
      </c>
      <c r="AU15" s="159">
        <v>79</v>
      </c>
      <c r="AV15" s="160">
        <v>128</v>
      </c>
      <c r="AW15" s="165">
        <v>207</v>
      </c>
      <c r="AX15" s="162">
        <v>0</v>
      </c>
      <c r="AY15" s="160">
        <v>378</v>
      </c>
      <c r="AZ15" s="160">
        <v>456</v>
      </c>
      <c r="BA15" s="160">
        <v>403</v>
      </c>
      <c r="BB15" s="160">
        <v>513</v>
      </c>
      <c r="BC15" s="160">
        <v>351</v>
      </c>
      <c r="BD15" s="163">
        <v>2101</v>
      </c>
      <c r="BE15" s="164">
        <v>2308</v>
      </c>
      <c r="BF15" s="159">
        <v>0</v>
      </c>
      <c r="BG15" s="160">
        <v>0</v>
      </c>
      <c r="BH15" s="165">
        <v>0</v>
      </c>
      <c r="BI15" s="162">
        <v>0</v>
      </c>
      <c r="BJ15" s="160">
        <v>696</v>
      </c>
      <c r="BK15" s="160">
        <v>494</v>
      </c>
      <c r="BL15" s="160">
        <v>275</v>
      </c>
      <c r="BM15" s="160">
        <v>191</v>
      </c>
      <c r="BN15" s="160">
        <v>85</v>
      </c>
      <c r="BO15" s="165">
        <v>1741</v>
      </c>
      <c r="BP15" s="164">
        <v>1741</v>
      </c>
      <c r="BQ15" s="159">
        <v>105</v>
      </c>
      <c r="BR15" s="160">
        <v>146</v>
      </c>
      <c r="BS15" s="165">
        <v>251</v>
      </c>
      <c r="BT15" s="162">
        <v>0</v>
      </c>
      <c r="BU15" s="160">
        <v>121</v>
      </c>
      <c r="BV15" s="160">
        <v>196</v>
      </c>
      <c r="BW15" s="160">
        <v>108</v>
      </c>
      <c r="BX15" s="160">
        <v>72</v>
      </c>
      <c r="BY15" s="160">
        <v>22</v>
      </c>
      <c r="BZ15" s="165">
        <v>519</v>
      </c>
      <c r="CA15" s="164">
        <v>770</v>
      </c>
      <c r="CB15" s="159">
        <v>7</v>
      </c>
      <c r="CC15" s="160">
        <v>10</v>
      </c>
      <c r="CD15" s="165">
        <v>17</v>
      </c>
      <c r="CE15" s="162">
        <v>0</v>
      </c>
      <c r="CF15" s="160">
        <v>92</v>
      </c>
      <c r="CG15" s="160">
        <v>123</v>
      </c>
      <c r="CH15" s="160">
        <v>129</v>
      </c>
      <c r="CI15" s="160">
        <v>84</v>
      </c>
      <c r="CJ15" s="160">
        <v>42</v>
      </c>
      <c r="CK15" s="165">
        <v>470</v>
      </c>
      <c r="CL15" s="164">
        <v>487</v>
      </c>
      <c r="CM15" s="159">
        <v>0</v>
      </c>
      <c r="CN15" s="160">
        <v>0</v>
      </c>
      <c r="CO15" s="165">
        <v>0</v>
      </c>
      <c r="CP15" s="162">
        <v>0</v>
      </c>
      <c r="CQ15" s="160">
        <v>4</v>
      </c>
      <c r="CR15" s="160">
        <v>5</v>
      </c>
      <c r="CS15" s="160">
        <v>7</v>
      </c>
      <c r="CT15" s="160">
        <v>7</v>
      </c>
      <c r="CU15" s="160">
        <v>4</v>
      </c>
      <c r="CV15" s="165">
        <v>27</v>
      </c>
      <c r="CW15" s="164">
        <v>27</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513</v>
      </c>
      <c r="DU15" s="160">
        <v>986</v>
      </c>
      <c r="DV15" s="165">
        <v>1499</v>
      </c>
      <c r="DW15" s="162">
        <v>0</v>
      </c>
      <c r="DX15" s="160">
        <v>633</v>
      </c>
      <c r="DY15" s="160">
        <v>1084</v>
      </c>
      <c r="DZ15" s="160">
        <v>714</v>
      </c>
      <c r="EA15" s="160">
        <v>638</v>
      </c>
      <c r="EB15" s="160">
        <v>357</v>
      </c>
      <c r="EC15" s="165">
        <v>3426</v>
      </c>
      <c r="ED15" s="164">
        <v>4925</v>
      </c>
      <c r="EE15" s="159">
        <v>41</v>
      </c>
      <c r="EF15" s="160">
        <v>41</v>
      </c>
      <c r="EG15" s="165">
        <v>82</v>
      </c>
      <c r="EH15" s="162">
        <v>0</v>
      </c>
      <c r="EI15" s="160">
        <v>127</v>
      </c>
      <c r="EJ15" s="160">
        <v>126</v>
      </c>
      <c r="EK15" s="160">
        <v>120</v>
      </c>
      <c r="EL15" s="160">
        <v>141</v>
      </c>
      <c r="EM15" s="160">
        <v>78</v>
      </c>
      <c r="EN15" s="165">
        <v>592</v>
      </c>
      <c r="EO15" s="164">
        <v>674</v>
      </c>
      <c r="EP15" s="159">
        <v>685</v>
      </c>
      <c r="EQ15" s="160">
        <v>1194</v>
      </c>
      <c r="ER15" s="165">
        <v>1879</v>
      </c>
      <c r="ES15" s="162">
        <v>0</v>
      </c>
      <c r="ET15" s="160">
        <v>1572</v>
      </c>
      <c r="EU15" s="160">
        <v>1387</v>
      </c>
      <c r="EV15" s="160">
        <v>798</v>
      </c>
      <c r="EW15" s="160">
        <v>629</v>
      </c>
      <c r="EX15" s="160">
        <v>327</v>
      </c>
      <c r="EY15" s="165">
        <v>4713</v>
      </c>
      <c r="EZ15" s="164">
        <v>6592</v>
      </c>
    </row>
    <row r="16" spans="2:156" ht="21" customHeight="1" x14ac:dyDescent="0.2">
      <c r="B16" s="166" t="s">
        <v>13</v>
      </c>
      <c r="C16" s="159">
        <v>0</v>
      </c>
      <c r="D16" s="160">
        <v>0</v>
      </c>
      <c r="E16" s="161">
        <v>0</v>
      </c>
      <c r="F16" s="162">
        <v>0</v>
      </c>
      <c r="G16" s="160">
        <v>230</v>
      </c>
      <c r="H16" s="160">
        <v>252</v>
      </c>
      <c r="I16" s="160">
        <v>153</v>
      </c>
      <c r="J16" s="160">
        <v>114</v>
      </c>
      <c r="K16" s="160">
        <v>108</v>
      </c>
      <c r="L16" s="163">
        <v>857</v>
      </c>
      <c r="M16" s="164">
        <v>857</v>
      </c>
      <c r="N16" s="159">
        <v>0</v>
      </c>
      <c r="O16" s="160">
        <v>0</v>
      </c>
      <c r="P16" s="165">
        <v>0</v>
      </c>
      <c r="Q16" s="162">
        <v>0</v>
      </c>
      <c r="R16" s="160">
        <v>1</v>
      </c>
      <c r="S16" s="160">
        <v>4</v>
      </c>
      <c r="T16" s="160">
        <v>3</v>
      </c>
      <c r="U16" s="160">
        <v>19</v>
      </c>
      <c r="V16" s="160">
        <v>49</v>
      </c>
      <c r="W16" s="165">
        <v>76</v>
      </c>
      <c r="X16" s="164">
        <v>76</v>
      </c>
      <c r="Y16" s="159">
        <v>14</v>
      </c>
      <c r="Z16" s="160">
        <v>32</v>
      </c>
      <c r="AA16" s="165">
        <v>46</v>
      </c>
      <c r="AB16" s="162">
        <v>0</v>
      </c>
      <c r="AC16" s="160">
        <v>123</v>
      </c>
      <c r="AD16" s="160">
        <v>186</v>
      </c>
      <c r="AE16" s="160">
        <v>97</v>
      </c>
      <c r="AF16" s="160">
        <v>84</v>
      </c>
      <c r="AG16" s="160">
        <v>80</v>
      </c>
      <c r="AH16" s="165">
        <v>570</v>
      </c>
      <c r="AI16" s="164">
        <v>616</v>
      </c>
      <c r="AJ16" s="159">
        <v>3</v>
      </c>
      <c r="AK16" s="160">
        <v>2</v>
      </c>
      <c r="AL16" s="165">
        <v>5</v>
      </c>
      <c r="AM16" s="162">
        <v>0</v>
      </c>
      <c r="AN16" s="160">
        <v>14</v>
      </c>
      <c r="AO16" s="160">
        <v>19</v>
      </c>
      <c r="AP16" s="160">
        <v>18</v>
      </c>
      <c r="AQ16" s="160">
        <v>3</v>
      </c>
      <c r="AR16" s="160">
        <v>9</v>
      </c>
      <c r="AS16" s="165">
        <v>63</v>
      </c>
      <c r="AT16" s="164">
        <v>68</v>
      </c>
      <c r="AU16" s="159">
        <v>31</v>
      </c>
      <c r="AV16" s="160">
        <v>28</v>
      </c>
      <c r="AW16" s="165">
        <v>59</v>
      </c>
      <c r="AX16" s="162">
        <v>0</v>
      </c>
      <c r="AY16" s="160">
        <v>200</v>
      </c>
      <c r="AZ16" s="160">
        <v>263</v>
      </c>
      <c r="BA16" s="160">
        <v>199</v>
      </c>
      <c r="BB16" s="160">
        <v>191</v>
      </c>
      <c r="BC16" s="160">
        <v>190</v>
      </c>
      <c r="BD16" s="163">
        <v>1043</v>
      </c>
      <c r="BE16" s="164">
        <v>1102</v>
      </c>
      <c r="BF16" s="159">
        <v>0</v>
      </c>
      <c r="BG16" s="160">
        <v>0</v>
      </c>
      <c r="BH16" s="165">
        <v>0</v>
      </c>
      <c r="BI16" s="162">
        <v>0</v>
      </c>
      <c r="BJ16" s="160">
        <v>199</v>
      </c>
      <c r="BK16" s="160">
        <v>205</v>
      </c>
      <c r="BL16" s="160">
        <v>82</v>
      </c>
      <c r="BM16" s="160">
        <v>74</v>
      </c>
      <c r="BN16" s="160">
        <v>35</v>
      </c>
      <c r="BO16" s="165">
        <v>595</v>
      </c>
      <c r="BP16" s="164">
        <v>595</v>
      </c>
      <c r="BQ16" s="159">
        <v>13</v>
      </c>
      <c r="BR16" s="160">
        <v>16</v>
      </c>
      <c r="BS16" s="165">
        <v>29</v>
      </c>
      <c r="BT16" s="162">
        <v>0</v>
      </c>
      <c r="BU16" s="160">
        <v>39</v>
      </c>
      <c r="BV16" s="160">
        <v>42</v>
      </c>
      <c r="BW16" s="160">
        <v>23</v>
      </c>
      <c r="BX16" s="160">
        <v>24</v>
      </c>
      <c r="BY16" s="160">
        <v>9</v>
      </c>
      <c r="BZ16" s="165">
        <v>137</v>
      </c>
      <c r="CA16" s="164">
        <v>166</v>
      </c>
      <c r="CB16" s="159">
        <v>0</v>
      </c>
      <c r="CC16" s="160">
        <v>0</v>
      </c>
      <c r="CD16" s="165">
        <v>0</v>
      </c>
      <c r="CE16" s="162">
        <v>0</v>
      </c>
      <c r="CF16" s="160">
        <v>12</v>
      </c>
      <c r="CG16" s="160">
        <v>34</v>
      </c>
      <c r="CH16" s="160">
        <v>48</v>
      </c>
      <c r="CI16" s="160">
        <v>28</v>
      </c>
      <c r="CJ16" s="160">
        <v>28</v>
      </c>
      <c r="CK16" s="165">
        <v>150</v>
      </c>
      <c r="CL16" s="164">
        <v>150</v>
      </c>
      <c r="CM16" s="159">
        <v>0</v>
      </c>
      <c r="CN16" s="160">
        <v>0</v>
      </c>
      <c r="CO16" s="165">
        <v>0</v>
      </c>
      <c r="CP16" s="162">
        <v>0</v>
      </c>
      <c r="CQ16" s="160">
        <v>1</v>
      </c>
      <c r="CR16" s="160">
        <v>2</v>
      </c>
      <c r="CS16" s="160">
        <v>3</v>
      </c>
      <c r="CT16" s="160">
        <v>6</v>
      </c>
      <c r="CU16" s="160">
        <v>3</v>
      </c>
      <c r="CV16" s="165">
        <v>15</v>
      </c>
      <c r="CW16" s="164">
        <v>15</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6</v>
      </c>
      <c r="DU16" s="160">
        <v>168</v>
      </c>
      <c r="DV16" s="165">
        <v>244</v>
      </c>
      <c r="DW16" s="162">
        <v>0</v>
      </c>
      <c r="DX16" s="160">
        <v>264</v>
      </c>
      <c r="DY16" s="160">
        <v>457</v>
      </c>
      <c r="DZ16" s="160">
        <v>245</v>
      </c>
      <c r="EA16" s="160">
        <v>196</v>
      </c>
      <c r="EB16" s="160">
        <v>145</v>
      </c>
      <c r="EC16" s="165">
        <v>1307</v>
      </c>
      <c r="ED16" s="164">
        <v>1551</v>
      </c>
      <c r="EE16" s="159">
        <v>16</v>
      </c>
      <c r="EF16" s="160">
        <v>14</v>
      </c>
      <c r="EG16" s="165">
        <v>30</v>
      </c>
      <c r="EH16" s="162">
        <v>0</v>
      </c>
      <c r="EI16" s="160">
        <v>81</v>
      </c>
      <c r="EJ16" s="160">
        <v>83</v>
      </c>
      <c r="EK16" s="160">
        <v>74</v>
      </c>
      <c r="EL16" s="160">
        <v>69</v>
      </c>
      <c r="EM16" s="160">
        <v>51</v>
      </c>
      <c r="EN16" s="165">
        <v>358</v>
      </c>
      <c r="EO16" s="164">
        <v>388</v>
      </c>
      <c r="EP16" s="159">
        <v>99</v>
      </c>
      <c r="EQ16" s="160">
        <v>189</v>
      </c>
      <c r="ER16" s="165">
        <v>288</v>
      </c>
      <c r="ES16" s="162">
        <v>0</v>
      </c>
      <c r="ET16" s="160">
        <v>594</v>
      </c>
      <c r="EU16" s="160">
        <v>630</v>
      </c>
      <c r="EV16" s="160">
        <v>284</v>
      </c>
      <c r="EW16" s="160">
        <v>220</v>
      </c>
      <c r="EX16" s="160">
        <v>159</v>
      </c>
      <c r="EY16" s="165">
        <v>1887</v>
      </c>
      <c r="EZ16" s="164">
        <v>2175</v>
      </c>
    </row>
    <row r="17" spans="2:156" ht="21" customHeight="1" x14ac:dyDescent="0.2">
      <c r="B17" s="166" t="s">
        <v>15</v>
      </c>
      <c r="C17" s="159">
        <v>0</v>
      </c>
      <c r="D17" s="160">
        <v>0</v>
      </c>
      <c r="E17" s="161">
        <v>0</v>
      </c>
      <c r="F17" s="162">
        <v>0</v>
      </c>
      <c r="G17" s="160">
        <v>133</v>
      </c>
      <c r="H17" s="160">
        <v>164</v>
      </c>
      <c r="I17" s="160">
        <v>76</v>
      </c>
      <c r="J17" s="160">
        <v>70</v>
      </c>
      <c r="K17" s="160">
        <v>43</v>
      </c>
      <c r="L17" s="163">
        <v>486</v>
      </c>
      <c r="M17" s="164">
        <v>486</v>
      </c>
      <c r="N17" s="159">
        <v>0</v>
      </c>
      <c r="O17" s="160">
        <v>0</v>
      </c>
      <c r="P17" s="165">
        <v>0</v>
      </c>
      <c r="Q17" s="162">
        <v>0</v>
      </c>
      <c r="R17" s="160">
        <v>1</v>
      </c>
      <c r="S17" s="160">
        <v>1</v>
      </c>
      <c r="T17" s="160">
        <v>6</v>
      </c>
      <c r="U17" s="160">
        <v>17</v>
      </c>
      <c r="V17" s="160">
        <v>21</v>
      </c>
      <c r="W17" s="165">
        <v>46</v>
      </c>
      <c r="X17" s="164">
        <v>46</v>
      </c>
      <c r="Y17" s="159">
        <v>7</v>
      </c>
      <c r="Z17" s="160">
        <v>13</v>
      </c>
      <c r="AA17" s="165">
        <v>20</v>
      </c>
      <c r="AB17" s="162">
        <v>0</v>
      </c>
      <c r="AC17" s="160">
        <v>65</v>
      </c>
      <c r="AD17" s="160">
        <v>84</v>
      </c>
      <c r="AE17" s="160">
        <v>52</v>
      </c>
      <c r="AF17" s="160">
        <v>52</v>
      </c>
      <c r="AG17" s="160">
        <v>43</v>
      </c>
      <c r="AH17" s="165">
        <v>296</v>
      </c>
      <c r="AI17" s="164">
        <v>316</v>
      </c>
      <c r="AJ17" s="159">
        <v>0</v>
      </c>
      <c r="AK17" s="160">
        <v>1</v>
      </c>
      <c r="AL17" s="165">
        <v>1</v>
      </c>
      <c r="AM17" s="162">
        <v>0</v>
      </c>
      <c r="AN17" s="160">
        <v>13</v>
      </c>
      <c r="AO17" s="160">
        <v>13</v>
      </c>
      <c r="AP17" s="160">
        <v>5</v>
      </c>
      <c r="AQ17" s="160">
        <v>4</v>
      </c>
      <c r="AR17" s="160">
        <v>7</v>
      </c>
      <c r="AS17" s="165">
        <v>42</v>
      </c>
      <c r="AT17" s="164">
        <v>43</v>
      </c>
      <c r="AU17" s="159">
        <v>10</v>
      </c>
      <c r="AV17" s="160">
        <v>13</v>
      </c>
      <c r="AW17" s="165">
        <v>23</v>
      </c>
      <c r="AX17" s="162">
        <v>0</v>
      </c>
      <c r="AY17" s="160">
        <v>131</v>
      </c>
      <c r="AZ17" s="160">
        <v>118</v>
      </c>
      <c r="BA17" s="160">
        <v>107</v>
      </c>
      <c r="BB17" s="160">
        <v>112</v>
      </c>
      <c r="BC17" s="160">
        <v>77</v>
      </c>
      <c r="BD17" s="163">
        <v>545</v>
      </c>
      <c r="BE17" s="164">
        <v>568</v>
      </c>
      <c r="BF17" s="159">
        <v>0</v>
      </c>
      <c r="BG17" s="160">
        <v>0</v>
      </c>
      <c r="BH17" s="165">
        <v>0</v>
      </c>
      <c r="BI17" s="162">
        <v>0</v>
      </c>
      <c r="BJ17" s="160">
        <v>95</v>
      </c>
      <c r="BK17" s="160">
        <v>104</v>
      </c>
      <c r="BL17" s="160">
        <v>51</v>
      </c>
      <c r="BM17" s="160">
        <v>31</v>
      </c>
      <c r="BN17" s="160">
        <v>9</v>
      </c>
      <c r="BO17" s="165">
        <v>290</v>
      </c>
      <c r="BP17" s="164">
        <v>290</v>
      </c>
      <c r="BQ17" s="159">
        <v>3</v>
      </c>
      <c r="BR17" s="160">
        <v>7</v>
      </c>
      <c r="BS17" s="165">
        <v>10</v>
      </c>
      <c r="BT17" s="162">
        <v>0</v>
      </c>
      <c r="BU17" s="160">
        <v>27</v>
      </c>
      <c r="BV17" s="160">
        <v>38</v>
      </c>
      <c r="BW17" s="160">
        <v>24</v>
      </c>
      <c r="BX17" s="160">
        <v>11</v>
      </c>
      <c r="BY17" s="160">
        <v>7</v>
      </c>
      <c r="BZ17" s="165">
        <v>107</v>
      </c>
      <c r="CA17" s="164">
        <v>117</v>
      </c>
      <c r="CB17" s="159">
        <v>1</v>
      </c>
      <c r="CC17" s="160">
        <v>2</v>
      </c>
      <c r="CD17" s="165">
        <v>3</v>
      </c>
      <c r="CE17" s="162">
        <v>0</v>
      </c>
      <c r="CF17" s="160">
        <v>19</v>
      </c>
      <c r="CG17" s="160">
        <v>28</v>
      </c>
      <c r="CH17" s="160">
        <v>39</v>
      </c>
      <c r="CI17" s="160">
        <v>42</v>
      </c>
      <c r="CJ17" s="160">
        <v>31</v>
      </c>
      <c r="CK17" s="165">
        <v>159</v>
      </c>
      <c r="CL17" s="164">
        <v>162</v>
      </c>
      <c r="CM17" s="159">
        <v>0</v>
      </c>
      <c r="CN17" s="160">
        <v>0</v>
      </c>
      <c r="CO17" s="165">
        <v>0</v>
      </c>
      <c r="CP17" s="162">
        <v>0</v>
      </c>
      <c r="CQ17" s="160">
        <v>3</v>
      </c>
      <c r="CR17" s="160">
        <v>6</v>
      </c>
      <c r="CS17" s="160">
        <v>2</v>
      </c>
      <c r="CT17" s="160">
        <v>6</v>
      </c>
      <c r="CU17" s="160">
        <v>0</v>
      </c>
      <c r="CV17" s="165">
        <v>17</v>
      </c>
      <c r="CW17" s="164">
        <v>17</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69</v>
      </c>
      <c r="DU17" s="160">
        <v>172</v>
      </c>
      <c r="DV17" s="165">
        <v>241</v>
      </c>
      <c r="DW17" s="162">
        <v>0</v>
      </c>
      <c r="DX17" s="160">
        <v>239</v>
      </c>
      <c r="DY17" s="160">
        <v>365</v>
      </c>
      <c r="DZ17" s="160">
        <v>165</v>
      </c>
      <c r="EA17" s="160">
        <v>132</v>
      </c>
      <c r="EB17" s="160">
        <v>85</v>
      </c>
      <c r="EC17" s="165">
        <v>986</v>
      </c>
      <c r="ED17" s="164">
        <v>1227</v>
      </c>
      <c r="EE17" s="159">
        <v>16</v>
      </c>
      <c r="EF17" s="160">
        <v>11</v>
      </c>
      <c r="EG17" s="165">
        <v>27</v>
      </c>
      <c r="EH17" s="162">
        <v>0</v>
      </c>
      <c r="EI17" s="160">
        <v>57</v>
      </c>
      <c r="EJ17" s="160">
        <v>24</v>
      </c>
      <c r="EK17" s="160">
        <v>26</v>
      </c>
      <c r="EL17" s="160">
        <v>43</v>
      </c>
      <c r="EM17" s="160">
        <v>18</v>
      </c>
      <c r="EN17" s="165">
        <v>168</v>
      </c>
      <c r="EO17" s="164">
        <v>195</v>
      </c>
      <c r="EP17" s="159">
        <v>76</v>
      </c>
      <c r="EQ17" s="160">
        <v>180</v>
      </c>
      <c r="ER17" s="165">
        <v>256</v>
      </c>
      <c r="ES17" s="162">
        <v>0</v>
      </c>
      <c r="ET17" s="160">
        <v>448</v>
      </c>
      <c r="EU17" s="160">
        <v>481</v>
      </c>
      <c r="EV17" s="160">
        <v>220</v>
      </c>
      <c r="EW17" s="160">
        <v>159</v>
      </c>
      <c r="EX17" s="160">
        <v>95</v>
      </c>
      <c r="EY17" s="165">
        <v>1403</v>
      </c>
      <c r="EZ17" s="164">
        <v>1659</v>
      </c>
    </row>
    <row r="18" spans="2:156" ht="21" customHeight="1" x14ac:dyDescent="0.2">
      <c r="B18" s="166" t="s">
        <v>16</v>
      </c>
      <c r="C18" s="159">
        <v>0</v>
      </c>
      <c r="D18" s="160">
        <v>0</v>
      </c>
      <c r="E18" s="161">
        <v>0</v>
      </c>
      <c r="F18" s="162">
        <v>0</v>
      </c>
      <c r="G18" s="160">
        <v>215</v>
      </c>
      <c r="H18" s="160">
        <v>300</v>
      </c>
      <c r="I18" s="160">
        <v>165</v>
      </c>
      <c r="J18" s="160">
        <v>137</v>
      </c>
      <c r="K18" s="160">
        <v>91</v>
      </c>
      <c r="L18" s="163">
        <v>908</v>
      </c>
      <c r="M18" s="164">
        <v>908</v>
      </c>
      <c r="N18" s="159">
        <v>0</v>
      </c>
      <c r="O18" s="160">
        <v>0</v>
      </c>
      <c r="P18" s="165">
        <v>0</v>
      </c>
      <c r="Q18" s="162">
        <v>0</v>
      </c>
      <c r="R18" s="160">
        <v>2</v>
      </c>
      <c r="S18" s="160">
        <v>5</v>
      </c>
      <c r="T18" s="160">
        <v>10</v>
      </c>
      <c r="U18" s="160">
        <v>24</v>
      </c>
      <c r="V18" s="160">
        <v>43</v>
      </c>
      <c r="W18" s="165">
        <v>84</v>
      </c>
      <c r="X18" s="164">
        <v>84</v>
      </c>
      <c r="Y18" s="159">
        <v>30</v>
      </c>
      <c r="Z18" s="160">
        <v>70</v>
      </c>
      <c r="AA18" s="165">
        <v>100</v>
      </c>
      <c r="AB18" s="162">
        <v>0</v>
      </c>
      <c r="AC18" s="160">
        <v>164</v>
      </c>
      <c r="AD18" s="160">
        <v>305</v>
      </c>
      <c r="AE18" s="160">
        <v>172</v>
      </c>
      <c r="AF18" s="160">
        <v>160</v>
      </c>
      <c r="AG18" s="160">
        <v>122</v>
      </c>
      <c r="AH18" s="165">
        <v>923</v>
      </c>
      <c r="AI18" s="164">
        <v>1023</v>
      </c>
      <c r="AJ18" s="159">
        <v>4</v>
      </c>
      <c r="AK18" s="160">
        <v>12</v>
      </c>
      <c r="AL18" s="165">
        <v>16</v>
      </c>
      <c r="AM18" s="162">
        <v>0</v>
      </c>
      <c r="AN18" s="160">
        <v>9</v>
      </c>
      <c r="AO18" s="160">
        <v>30</v>
      </c>
      <c r="AP18" s="160">
        <v>15</v>
      </c>
      <c r="AQ18" s="160">
        <v>10</v>
      </c>
      <c r="AR18" s="160">
        <v>13</v>
      </c>
      <c r="AS18" s="165">
        <v>77</v>
      </c>
      <c r="AT18" s="164">
        <v>93</v>
      </c>
      <c r="AU18" s="159">
        <v>36</v>
      </c>
      <c r="AV18" s="160">
        <v>40</v>
      </c>
      <c r="AW18" s="165">
        <v>76</v>
      </c>
      <c r="AX18" s="162">
        <v>0</v>
      </c>
      <c r="AY18" s="160">
        <v>240</v>
      </c>
      <c r="AZ18" s="160">
        <v>368</v>
      </c>
      <c r="BA18" s="160">
        <v>275</v>
      </c>
      <c r="BB18" s="160">
        <v>318</v>
      </c>
      <c r="BC18" s="160">
        <v>205</v>
      </c>
      <c r="BD18" s="163">
        <v>1406</v>
      </c>
      <c r="BE18" s="164">
        <v>1482</v>
      </c>
      <c r="BF18" s="159">
        <v>0</v>
      </c>
      <c r="BG18" s="160">
        <v>0</v>
      </c>
      <c r="BH18" s="165">
        <v>0</v>
      </c>
      <c r="BI18" s="162">
        <v>0</v>
      </c>
      <c r="BJ18" s="160">
        <v>357</v>
      </c>
      <c r="BK18" s="160">
        <v>426</v>
      </c>
      <c r="BL18" s="160">
        <v>232</v>
      </c>
      <c r="BM18" s="160">
        <v>170</v>
      </c>
      <c r="BN18" s="160">
        <v>91</v>
      </c>
      <c r="BO18" s="165">
        <v>1276</v>
      </c>
      <c r="BP18" s="164">
        <v>1276</v>
      </c>
      <c r="BQ18" s="159">
        <v>49</v>
      </c>
      <c r="BR18" s="160">
        <v>109</v>
      </c>
      <c r="BS18" s="165">
        <v>158</v>
      </c>
      <c r="BT18" s="162">
        <v>0</v>
      </c>
      <c r="BU18" s="160">
        <v>181</v>
      </c>
      <c r="BV18" s="160">
        <v>251</v>
      </c>
      <c r="BW18" s="160">
        <v>105</v>
      </c>
      <c r="BX18" s="160">
        <v>63</v>
      </c>
      <c r="BY18" s="160">
        <v>26</v>
      </c>
      <c r="BZ18" s="165">
        <v>626</v>
      </c>
      <c r="CA18" s="164">
        <v>784</v>
      </c>
      <c r="CB18" s="159">
        <v>2</v>
      </c>
      <c r="CC18" s="160">
        <v>3</v>
      </c>
      <c r="CD18" s="165">
        <v>5</v>
      </c>
      <c r="CE18" s="162">
        <v>0</v>
      </c>
      <c r="CF18" s="160">
        <v>39</v>
      </c>
      <c r="CG18" s="160">
        <v>79</v>
      </c>
      <c r="CH18" s="160">
        <v>78</v>
      </c>
      <c r="CI18" s="160">
        <v>53</v>
      </c>
      <c r="CJ18" s="160">
        <v>27</v>
      </c>
      <c r="CK18" s="165">
        <v>276</v>
      </c>
      <c r="CL18" s="164">
        <v>281</v>
      </c>
      <c r="CM18" s="159">
        <v>0</v>
      </c>
      <c r="CN18" s="160">
        <v>0</v>
      </c>
      <c r="CO18" s="165">
        <v>0</v>
      </c>
      <c r="CP18" s="162">
        <v>0</v>
      </c>
      <c r="CQ18" s="160">
        <v>3</v>
      </c>
      <c r="CR18" s="160">
        <v>8</v>
      </c>
      <c r="CS18" s="160">
        <v>8</v>
      </c>
      <c r="CT18" s="160">
        <v>11</v>
      </c>
      <c r="CU18" s="160">
        <v>6</v>
      </c>
      <c r="CV18" s="165">
        <v>36</v>
      </c>
      <c r="CW18" s="164">
        <v>36</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69</v>
      </c>
      <c r="DU18" s="160">
        <v>426</v>
      </c>
      <c r="DV18" s="165">
        <v>595</v>
      </c>
      <c r="DW18" s="162">
        <v>0</v>
      </c>
      <c r="DX18" s="160">
        <v>430</v>
      </c>
      <c r="DY18" s="160">
        <v>882</v>
      </c>
      <c r="DZ18" s="160">
        <v>472</v>
      </c>
      <c r="EA18" s="160">
        <v>364</v>
      </c>
      <c r="EB18" s="160">
        <v>223</v>
      </c>
      <c r="EC18" s="165">
        <v>2371</v>
      </c>
      <c r="ED18" s="164">
        <v>2966</v>
      </c>
      <c r="EE18" s="159">
        <v>28</v>
      </c>
      <c r="EF18" s="160">
        <v>15</v>
      </c>
      <c r="EG18" s="165">
        <v>43</v>
      </c>
      <c r="EH18" s="162">
        <v>0</v>
      </c>
      <c r="EI18" s="160">
        <v>103</v>
      </c>
      <c r="EJ18" s="160">
        <v>120</v>
      </c>
      <c r="EK18" s="160">
        <v>93</v>
      </c>
      <c r="EL18" s="160">
        <v>125</v>
      </c>
      <c r="EM18" s="160">
        <v>67</v>
      </c>
      <c r="EN18" s="165">
        <v>508</v>
      </c>
      <c r="EO18" s="164">
        <v>551</v>
      </c>
      <c r="EP18" s="159">
        <v>226</v>
      </c>
      <c r="EQ18" s="160">
        <v>507</v>
      </c>
      <c r="ER18" s="165">
        <v>733</v>
      </c>
      <c r="ES18" s="162">
        <v>0</v>
      </c>
      <c r="ET18" s="160">
        <v>883</v>
      </c>
      <c r="EU18" s="160">
        <v>1170</v>
      </c>
      <c r="EV18" s="160">
        <v>581</v>
      </c>
      <c r="EW18" s="160">
        <v>397</v>
      </c>
      <c r="EX18" s="160">
        <v>219</v>
      </c>
      <c r="EY18" s="165">
        <v>3250</v>
      </c>
      <c r="EZ18" s="164">
        <v>3983</v>
      </c>
    </row>
    <row r="19" spans="2:156" ht="21" customHeight="1" x14ac:dyDescent="0.2">
      <c r="B19" s="166" t="s">
        <v>17</v>
      </c>
      <c r="C19" s="159">
        <v>0</v>
      </c>
      <c r="D19" s="160">
        <v>0</v>
      </c>
      <c r="E19" s="161">
        <v>0</v>
      </c>
      <c r="F19" s="162">
        <v>0</v>
      </c>
      <c r="G19" s="160">
        <v>244</v>
      </c>
      <c r="H19" s="160">
        <v>511</v>
      </c>
      <c r="I19" s="160">
        <v>311</v>
      </c>
      <c r="J19" s="160">
        <v>258</v>
      </c>
      <c r="K19" s="160">
        <v>159</v>
      </c>
      <c r="L19" s="163">
        <v>1483</v>
      </c>
      <c r="M19" s="164">
        <v>1483</v>
      </c>
      <c r="N19" s="159">
        <v>0</v>
      </c>
      <c r="O19" s="160">
        <v>1</v>
      </c>
      <c r="P19" s="165">
        <v>1</v>
      </c>
      <c r="Q19" s="162">
        <v>0</v>
      </c>
      <c r="R19" s="160">
        <v>0</v>
      </c>
      <c r="S19" s="160">
        <v>8</v>
      </c>
      <c r="T19" s="160">
        <v>13</v>
      </c>
      <c r="U19" s="160">
        <v>45</v>
      </c>
      <c r="V19" s="160">
        <v>67</v>
      </c>
      <c r="W19" s="165">
        <v>133</v>
      </c>
      <c r="X19" s="164">
        <v>134</v>
      </c>
      <c r="Y19" s="159">
        <v>38</v>
      </c>
      <c r="Z19" s="160">
        <v>110</v>
      </c>
      <c r="AA19" s="165">
        <v>148</v>
      </c>
      <c r="AB19" s="162">
        <v>0</v>
      </c>
      <c r="AC19" s="160">
        <v>196</v>
      </c>
      <c r="AD19" s="160">
        <v>394</v>
      </c>
      <c r="AE19" s="160">
        <v>256</v>
      </c>
      <c r="AF19" s="160">
        <v>200</v>
      </c>
      <c r="AG19" s="160">
        <v>128</v>
      </c>
      <c r="AH19" s="165">
        <v>1174</v>
      </c>
      <c r="AI19" s="164">
        <v>1322</v>
      </c>
      <c r="AJ19" s="159">
        <v>9</v>
      </c>
      <c r="AK19" s="160">
        <v>12</v>
      </c>
      <c r="AL19" s="165">
        <v>21</v>
      </c>
      <c r="AM19" s="162">
        <v>0</v>
      </c>
      <c r="AN19" s="160">
        <v>11</v>
      </c>
      <c r="AO19" s="160">
        <v>43</v>
      </c>
      <c r="AP19" s="160">
        <v>23</v>
      </c>
      <c r="AQ19" s="160">
        <v>18</v>
      </c>
      <c r="AR19" s="160">
        <v>19</v>
      </c>
      <c r="AS19" s="165">
        <v>114</v>
      </c>
      <c r="AT19" s="164">
        <v>135</v>
      </c>
      <c r="AU19" s="159">
        <v>48</v>
      </c>
      <c r="AV19" s="160">
        <v>69</v>
      </c>
      <c r="AW19" s="165">
        <v>117</v>
      </c>
      <c r="AX19" s="162">
        <v>0</v>
      </c>
      <c r="AY19" s="160">
        <v>259</v>
      </c>
      <c r="AZ19" s="160">
        <v>534</v>
      </c>
      <c r="BA19" s="160">
        <v>505</v>
      </c>
      <c r="BB19" s="160">
        <v>458</v>
      </c>
      <c r="BC19" s="160">
        <v>320</v>
      </c>
      <c r="BD19" s="163">
        <v>2076</v>
      </c>
      <c r="BE19" s="164">
        <v>2193</v>
      </c>
      <c r="BF19" s="159">
        <v>0</v>
      </c>
      <c r="BG19" s="160">
        <v>0</v>
      </c>
      <c r="BH19" s="165">
        <v>0</v>
      </c>
      <c r="BI19" s="162">
        <v>0</v>
      </c>
      <c r="BJ19" s="160">
        <v>319</v>
      </c>
      <c r="BK19" s="160">
        <v>501</v>
      </c>
      <c r="BL19" s="160">
        <v>329</v>
      </c>
      <c r="BM19" s="160">
        <v>182</v>
      </c>
      <c r="BN19" s="160">
        <v>98</v>
      </c>
      <c r="BO19" s="165">
        <v>1429</v>
      </c>
      <c r="BP19" s="164">
        <v>1429</v>
      </c>
      <c r="BQ19" s="159">
        <v>39</v>
      </c>
      <c r="BR19" s="160">
        <v>81</v>
      </c>
      <c r="BS19" s="165">
        <v>120</v>
      </c>
      <c r="BT19" s="162">
        <v>0</v>
      </c>
      <c r="BU19" s="160">
        <v>72</v>
      </c>
      <c r="BV19" s="160">
        <v>223</v>
      </c>
      <c r="BW19" s="160">
        <v>124</v>
      </c>
      <c r="BX19" s="160">
        <v>47</v>
      </c>
      <c r="BY19" s="160">
        <v>23</v>
      </c>
      <c r="BZ19" s="165">
        <v>489</v>
      </c>
      <c r="CA19" s="164">
        <v>609</v>
      </c>
      <c r="CB19" s="159">
        <v>0</v>
      </c>
      <c r="CC19" s="160">
        <v>4</v>
      </c>
      <c r="CD19" s="165">
        <v>4</v>
      </c>
      <c r="CE19" s="162">
        <v>0</v>
      </c>
      <c r="CF19" s="160">
        <v>42</v>
      </c>
      <c r="CG19" s="160">
        <v>95</v>
      </c>
      <c r="CH19" s="160">
        <v>118</v>
      </c>
      <c r="CI19" s="160">
        <v>92</v>
      </c>
      <c r="CJ19" s="160">
        <v>41</v>
      </c>
      <c r="CK19" s="165">
        <v>388</v>
      </c>
      <c r="CL19" s="164">
        <v>392</v>
      </c>
      <c r="CM19" s="159">
        <v>0</v>
      </c>
      <c r="CN19" s="160">
        <v>0</v>
      </c>
      <c r="CO19" s="165">
        <v>0</v>
      </c>
      <c r="CP19" s="162">
        <v>0</v>
      </c>
      <c r="CQ19" s="160">
        <v>7</v>
      </c>
      <c r="CR19" s="160">
        <v>14</v>
      </c>
      <c r="CS19" s="160">
        <v>14</v>
      </c>
      <c r="CT19" s="160">
        <v>12</v>
      </c>
      <c r="CU19" s="160">
        <v>8</v>
      </c>
      <c r="CV19" s="165">
        <v>55</v>
      </c>
      <c r="CW19" s="164">
        <v>55</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212</v>
      </c>
      <c r="DU19" s="160">
        <v>552</v>
      </c>
      <c r="DV19" s="165">
        <v>764</v>
      </c>
      <c r="DW19" s="162">
        <v>0</v>
      </c>
      <c r="DX19" s="160">
        <v>400</v>
      </c>
      <c r="DY19" s="160">
        <v>1241</v>
      </c>
      <c r="DZ19" s="160">
        <v>778</v>
      </c>
      <c r="EA19" s="160">
        <v>572</v>
      </c>
      <c r="EB19" s="160">
        <v>317</v>
      </c>
      <c r="EC19" s="165">
        <v>3308</v>
      </c>
      <c r="ED19" s="164">
        <v>4072</v>
      </c>
      <c r="EE19" s="159">
        <v>27</v>
      </c>
      <c r="EF19" s="160">
        <v>34</v>
      </c>
      <c r="EG19" s="165">
        <v>61</v>
      </c>
      <c r="EH19" s="162">
        <v>0</v>
      </c>
      <c r="EI19" s="160">
        <v>98</v>
      </c>
      <c r="EJ19" s="160">
        <v>138</v>
      </c>
      <c r="EK19" s="160">
        <v>103</v>
      </c>
      <c r="EL19" s="160">
        <v>94</v>
      </c>
      <c r="EM19" s="160">
        <v>59</v>
      </c>
      <c r="EN19" s="165">
        <v>492</v>
      </c>
      <c r="EO19" s="164">
        <v>553</v>
      </c>
      <c r="EP19" s="159">
        <v>284</v>
      </c>
      <c r="EQ19" s="160">
        <v>651</v>
      </c>
      <c r="ER19" s="165">
        <v>935</v>
      </c>
      <c r="ES19" s="162">
        <v>0</v>
      </c>
      <c r="ET19" s="160">
        <v>969</v>
      </c>
      <c r="EU19" s="160">
        <v>1632</v>
      </c>
      <c r="EV19" s="160">
        <v>908</v>
      </c>
      <c r="EW19" s="160">
        <v>618</v>
      </c>
      <c r="EX19" s="160">
        <v>317</v>
      </c>
      <c r="EY19" s="165">
        <v>4444</v>
      </c>
      <c r="EZ19" s="164">
        <v>5379</v>
      </c>
    </row>
    <row r="20" spans="2:156" ht="21" customHeight="1" x14ac:dyDescent="0.2">
      <c r="B20" s="166" t="s">
        <v>18</v>
      </c>
      <c r="C20" s="159">
        <v>0</v>
      </c>
      <c r="D20" s="160">
        <v>0</v>
      </c>
      <c r="E20" s="161">
        <v>0</v>
      </c>
      <c r="F20" s="162">
        <v>0</v>
      </c>
      <c r="G20" s="160">
        <v>464</v>
      </c>
      <c r="H20" s="160">
        <v>515</v>
      </c>
      <c r="I20" s="160">
        <v>313</v>
      </c>
      <c r="J20" s="160">
        <v>240</v>
      </c>
      <c r="K20" s="160">
        <v>207</v>
      </c>
      <c r="L20" s="163">
        <v>1739</v>
      </c>
      <c r="M20" s="164">
        <v>1739</v>
      </c>
      <c r="N20" s="159">
        <v>0</v>
      </c>
      <c r="O20" s="160">
        <v>0</v>
      </c>
      <c r="P20" s="165">
        <v>0</v>
      </c>
      <c r="Q20" s="162">
        <v>0</v>
      </c>
      <c r="R20" s="160">
        <v>4</v>
      </c>
      <c r="S20" s="160">
        <v>11</v>
      </c>
      <c r="T20" s="160">
        <v>18</v>
      </c>
      <c r="U20" s="160">
        <v>58</v>
      </c>
      <c r="V20" s="160">
        <v>77</v>
      </c>
      <c r="W20" s="165">
        <v>168</v>
      </c>
      <c r="X20" s="164">
        <v>168</v>
      </c>
      <c r="Y20" s="159">
        <v>61</v>
      </c>
      <c r="Z20" s="160">
        <v>119</v>
      </c>
      <c r="AA20" s="165">
        <v>180</v>
      </c>
      <c r="AB20" s="162">
        <v>0</v>
      </c>
      <c r="AC20" s="160">
        <v>360</v>
      </c>
      <c r="AD20" s="160">
        <v>418</v>
      </c>
      <c r="AE20" s="160">
        <v>261</v>
      </c>
      <c r="AF20" s="160">
        <v>207</v>
      </c>
      <c r="AG20" s="160">
        <v>155</v>
      </c>
      <c r="AH20" s="165">
        <v>1401</v>
      </c>
      <c r="AI20" s="164">
        <v>1581</v>
      </c>
      <c r="AJ20" s="159">
        <v>9</v>
      </c>
      <c r="AK20" s="160">
        <v>13</v>
      </c>
      <c r="AL20" s="165">
        <v>22</v>
      </c>
      <c r="AM20" s="162">
        <v>0</v>
      </c>
      <c r="AN20" s="160">
        <v>36</v>
      </c>
      <c r="AO20" s="160">
        <v>54</v>
      </c>
      <c r="AP20" s="160">
        <v>33</v>
      </c>
      <c r="AQ20" s="160">
        <v>22</v>
      </c>
      <c r="AR20" s="160">
        <v>14</v>
      </c>
      <c r="AS20" s="165">
        <v>159</v>
      </c>
      <c r="AT20" s="164">
        <v>181</v>
      </c>
      <c r="AU20" s="159">
        <v>63</v>
      </c>
      <c r="AV20" s="160">
        <v>83</v>
      </c>
      <c r="AW20" s="165">
        <v>146</v>
      </c>
      <c r="AX20" s="162">
        <v>0</v>
      </c>
      <c r="AY20" s="160">
        <v>501</v>
      </c>
      <c r="AZ20" s="160">
        <v>620</v>
      </c>
      <c r="BA20" s="160">
        <v>581</v>
      </c>
      <c r="BB20" s="160">
        <v>536</v>
      </c>
      <c r="BC20" s="160">
        <v>417</v>
      </c>
      <c r="BD20" s="163">
        <v>2655</v>
      </c>
      <c r="BE20" s="164">
        <v>2801</v>
      </c>
      <c r="BF20" s="159">
        <v>0</v>
      </c>
      <c r="BG20" s="160">
        <v>0</v>
      </c>
      <c r="BH20" s="165">
        <v>0</v>
      </c>
      <c r="BI20" s="162">
        <v>0</v>
      </c>
      <c r="BJ20" s="160">
        <v>722</v>
      </c>
      <c r="BK20" s="160">
        <v>677</v>
      </c>
      <c r="BL20" s="160">
        <v>393</v>
      </c>
      <c r="BM20" s="160">
        <v>207</v>
      </c>
      <c r="BN20" s="160">
        <v>100</v>
      </c>
      <c r="BO20" s="165">
        <v>2099</v>
      </c>
      <c r="BP20" s="164">
        <v>2099</v>
      </c>
      <c r="BQ20" s="159">
        <v>69</v>
      </c>
      <c r="BR20" s="160">
        <v>124</v>
      </c>
      <c r="BS20" s="165">
        <v>193</v>
      </c>
      <c r="BT20" s="162">
        <v>0</v>
      </c>
      <c r="BU20" s="160">
        <v>194</v>
      </c>
      <c r="BV20" s="160">
        <v>194</v>
      </c>
      <c r="BW20" s="160">
        <v>120</v>
      </c>
      <c r="BX20" s="160">
        <v>60</v>
      </c>
      <c r="BY20" s="160">
        <v>26</v>
      </c>
      <c r="BZ20" s="165">
        <v>594</v>
      </c>
      <c r="CA20" s="164">
        <v>787</v>
      </c>
      <c r="CB20" s="159">
        <v>3</v>
      </c>
      <c r="CC20" s="160">
        <v>7</v>
      </c>
      <c r="CD20" s="165">
        <v>10</v>
      </c>
      <c r="CE20" s="162">
        <v>0</v>
      </c>
      <c r="CF20" s="160">
        <v>59</v>
      </c>
      <c r="CG20" s="160">
        <v>102</v>
      </c>
      <c r="CH20" s="160">
        <v>136</v>
      </c>
      <c r="CI20" s="160">
        <v>100</v>
      </c>
      <c r="CJ20" s="160">
        <v>58</v>
      </c>
      <c r="CK20" s="165">
        <v>455</v>
      </c>
      <c r="CL20" s="164">
        <v>465</v>
      </c>
      <c r="CM20" s="159">
        <v>0</v>
      </c>
      <c r="CN20" s="160">
        <v>0</v>
      </c>
      <c r="CO20" s="165">
        <v>0</v>
      </c>
      <c r="CP20" s="162">
        <v>0</v>
      </c>
      <c r="CQ20" s="160">
        <v>3</v>
      </c>
      <c r="CR20" s="160">
        <v>6</v>
      </c>
      <c r="CS20" s="160">
        <v>6</v>
      </c>
      <c r="CT20" s="160">
        <v>5</v>
      </c>
      <c r="CU20" s="160">
        <v>0</v>
      </c>
      <c r="CV20" s="165">
        <v>20</v>
      </c>
      <c r="CW20" s="164">
        <v>20</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233</v>
      </c>
      <c r="DU20" s="160">
        <v>576</v>
      </c>
      <c r="DV20" s="165">
        <v>809</v>
      </c>
      <c r="DW20" s="162">
        <v>0</v>
      </c>
      <c r="DX20" s="160">
        <v>838</v>
      </c>
      <c r="DY20" s="160">
        <v>1180</v>
      </c>
      <c r="DZ20" s="160">
        <v>752</v>
      </c>
      <c r="EA20" s="160">
        <v>550</v>
      </c>
      <c r="EB20" s="160">
        <v>386</v>
      </c>
      <c r="EC20" s="165">
        <v>3706</v>
      </c>
      <c r="ED20" s="164">
        <v>4515</v>
      </c>
      <c r="EE20" s="159">
        <v>30</v>
      </c>
      <c r="EF20" s="160">
        <v>9</v>
      </c>
      <c r="EG20" s="165">
        <v>39</v>
      </c>
      <c r="EH20" s="162">
        <v>0</v>
      </c>
      <c r="EI20" s="160">
        <v>132</v>
      </c>
      <c r="EJ20" s="160">
        <v>117</v>
      </c>
      <c r="EK20" s="160">
        <v>122</v>
      </c>
      <c r="EL20" s="160">
        <v>114</v>
      </c>
      <c r="EM20" s="160">
        <v>81</v>
      </c>
      <c r="EN20" s="165">
        <v>566</v>
      </c>
      <c r="EO20" s="164">
        <v>605</v>
      </c>
      <c r="EP20" s="159">
        <v>348</v>
      </c>
      <c r="EQ20" s="160">
        <v>700</v>
      </c>
      <c r="ER20" s="165">
        <v>1048</v>
      </c>
      <c r="ES20" s="162">
        <v>0</v>
      </c>
      <c r="ET20" s="160">
        <v>1699</v>
      </c>
      <c r="EU20" s="160">
        <v>1588</v>
      </c>
      <c r="EV20" s="160">
        <v>880</v>
      </c>
      <c r="EW20" s="160">
        <v>582</v>
      </c>
      <c r="EX20" s="160">
        <v>363</v>
      </c>
      <c r="EY20" s="165">
        <v>5112</v>
      </c>
      <c r="EZ20" s="164">
        <v>6160</v>
      </c>
    </row>
    <row r="21" spans="2:156" ht="21" customHeight="1" x14ac:dyDescent="0.2">
      <c r="B21" s="166" t="s">
        <v>19</v>
      </c>
      <c r="C21" s="159">
        <v>0</v>
      </c>
      <c r="D21" s="160">
        <v>0</v>
      </c>
      <c r="E21" s="161">
        <v>0</v>
      </c>
      <c r="F21" s="162">
        <v>0</v>
      </c>
      <c r="G21" s="160">
        <v>187</v>
      </c>
      <c r="H21" s="160">
        <v>162</v>
      </c>
      <c r="I21" s="160">
        <v>111</v>
      </c>
      <c r="J21" s="160">
        <v>80</v>
      </c>
      <c r="K21" s="160">
        <v>66</v>
      </c>
      <c r="L21" s="163">
        <v>606</v>
      </c>
      <c r="M21" s="164">
        <v>606</v>
      </c>
      <c r="N21" s="159">
        <v>0</v>
      </c>
      <c r="O21" s="160">
        <v>0</v>
      </c>
      <c r="P21" s="165">
        <v>0</v>
      </c>
      <c r="Q21" s="162">
        <v>0</v>
      </c>
      <c r="R21" s="160">
        <v>6</v>
      </c>
      <c r="S21" s="160">
        <v>8</v>
      </c>
      <c r="T21" s="160">
        <v>11</v>
      </c>
      <c r="U21" s="160">
        <v>13</v>
      </c>
      <c r="V21" s="160">
        <v>23</v>
      </c>
      <c r="W21" s="165">
        <v>61</v>
      </c>
      <c r="X21" s="164">
        <v>61</v>
      </c>
      <c r="Y21" s="159">
        <v>48</v>
      </c>
      <c r="Z21" s="160">
        <v>63</v>
      </c>
      <c r="AA21" s="165">
        <v>111</v>
      </c>
      <c r="AB21" s="162">
        <v>0</v>
      </c>
      <c r="AC21" s="160">
        <v>185</v>
      </c>
      <c r="AD21" s="160">
        <v>153</v>
      </c>
      <c r="AE21" s="160">
        <v>114</v>
      </c>
      <c r="AF21" s="160">
        <v>80</v>
      </c>
      <c r="AG21" s="160">
        <v>64</v>
      </c>
      <c r="AH21" s="165">
        <v>596</v>
      </c>
      <c r="AI21" s="164">
        <v>707</v>
      </c>
      <c r="AJ21" s="159">
        <v>4</v>
      </c>
      <c r="AK21" s="160">
        <v>7</v>
      </c>
      <c r="AL21" s="165">
        <v>11</v>
      </c>
      <c r="AM21" s="162">
        <v>0</v>
      </c>
      <c r="AN21" s="160">
        <v>20</v>
      </c>
      <c r="AO21" s="160">
        <v>19</v>
      </c>
      <c r="AP21" s="160">
        <v>7</v>
      </c>
      <c r="AQ21" s="160">
        <v>10</v>
      </c>
      <c r="AR21" s="160">
        <v>4</v>
      </c>
      <c r="AS21" s="165">
        <v>60</v>
      </c>
      <c r="AT21" s="164">
        <v>71</v>
      </c>
      <c r="AU21" s="159">
        <v>44</v>
      </c>
      <c r="AV21" s="160">
        <v>51</v>
      </c>
      <c r="AW21" s="165">
        <v>95</v>
      </c>
      <c r="AX21" s="162">
        <v>0</v>
      </c>
      <c r="AY21" s="160">
        <v>232</v>
      </c>
      <c r="AZ21" s="160">
        <v>230</v>
      </c>
      <c r="BA21" s="160">
        <v>207</v>
      </c>
      <c r="BB21" s="160">
        <v>173</v>
      </c>
      <c r="BC21" s="160">
        <v>155</v>
      </c>
      <c r="BD21" s="163">
        <v>997</v>
      </c>
      <c r="BE21" s="164">
        <v>1092</v>
      </c>
      <c r="BF21" s="159">
        <v>0</v>
      </c>
      <c r="BG21" s="160">
        <v>0</v>
      </c>
      <c r="BH21" s="165">
        <v>0</v>
      </c>
      <c r="BI21" s="162">
        <v>0</v>
      </c>
      <c r="BJ21" s="160">
        <v>259</v>
      </c>
      <c r="BK21" s="160">
        <v>228</v>
      </c>
      <c r="BL21" s="160">
        <v>133</v>
      </c>
      <c r="BM21" s="160">
        <v>62</v>
      </c>
      <c r="BN21" s="160">
        <v>45</v>
      </c>
      <c r="BO21" s="165">
        <v>727</v>
      </c>
      <c r="BP21" s="164">
        <v>727</v>
      </c>
      <c r="BQ21" s="159">
        <v>40</v>
      </c>
      <c r="BR21" s="160">
        <v>72</v>
      </c>
      <c r="BS21" s="165">
        <v>112</v>
      </c>
      <c r="BT21" s="162">
        <v>0</v>
      </c>
      <c r="BU21" s="160">
        <v>136</v>
      </c>
      <c r="BV21" s="160">
        <v>121</v>
      </c>
      <c r="BW21" s="160">
        <v>52</v>
      </c>
      <c r="BX21" s="160">
        <v>35</v>
      </c>
      <c r="BY21" s="160">
        <v>5</v>
      </c>
      <c r="BZ21" s="165">
        <v>349</v>
      </c>
      <c r="CA21" s="164">
        <v>461</v>
      </c>
      <c r="CB21" s="159">
        <v>2</v>
      </c>
      <c r="CC21" s="160">
        <v>5</v>
      </c>
      <c r="CD21" s="165">
        <v>7</v>
      </c>
      <c r="CE21" s="162">
        <v>0</v>
      </c>
      <c r="CF21" s="160">
        <v>26</v>
      </c>
      <c r="CG21" s="160">
        <v>43</v>
      </c>
      <c r="CH21" s="160">
        <v>61</v>
      </c>
      <c r="CI21" s="160">
        <v>21</v>
      </c>
      <c r="CJ21" s="160">
        <v>10</v>
      </c>
      <c r="CK21" s="165">
        <v>161</v>
      </c>
      <c r="CL21" s="164">
        <v>168</v>
      </c>
      <c r="CM21" s="159">
        <v>0</v>
      </c>
      <c r="CN21" s="160">
        <v>0</v>
      </c>
      <c r="CO21" s="165">
        <v>0</v>
      </c>
      <c r="CP21" s="162">
        <v>0</v>
      </c>
      <c r="CQ21" s="160">
        <v>7</v>
      </c>
      <c r="CR21" s="160">
        <v>15</v>
      </c>
      <c r="CS21" s="160">
        <v>6</v>
      </c>
      <c r="CT21" s="160">
        <v>7</v>
      </c>
      <c r="CU21" s="160">
        <v>2</v>
      </c>
      <c r="CV21" s="165">
        <v>37</v>
      </c>
      <c r="CW21" s="164">
        <v>37</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164</v>
      </c>
      <c r="DU21" s="160">
        <v>253</v>
      </c>
      <c r="DV21" s="165">
        <v>417</v>
      </c>
      <c r="DW21" s="162">
        <v>0</v>
      </c>
      <c r="DX21" s="160">
        <v>439</v>
      </c>
      <c r="DY21" s="160">
        <v>432</v>
      </c>
      <c r="DZ21" s="160">
        <v>264</v>
      </c>
      <c r="EA21" s="160">
        <v>186</v>
      </c>
      <c r="EB21" s="160">
        <v>125</v>
      </c>
      <c r="EC21" s="165">
        <v>1446</v>
      </c>
      <c r="ED21" s="164">
        <v>1863</v>
      </c>
      <c r="EE21" s="159">
        <v>14</v>
      </c>
      <c r="EF21" s="160">
        <v>17</v>
      </c>
      <c r="EG21" s="165">
        <v>31</v>
      </c>
      <c r="EH21" s="162">
        <v>0</v>
      </c>
      <c r="EI21" s="160">
        <v>66</v>
      </c>
      <c r="EJ21" s="160">
        <v>58</v>
      </c>
      <c r="EK21" s="160">
        <v>52</v>
      </c>
      <c r="EL21" s="160">
        <v>48</v>
      </c>
      <c r="EM21" s="160">
        <v>36</v>
      </c>
      <c r="EN21" s="165">
        <v>260</v>
      </c>
      <c r="EO21" s="164">
        <v>291</v>
      </c>
      <c r="EP21" s="159">
        <v>231</v>
      </c>
      <c r="EQ21" s="160">
        <v>315</v>
      </c>
      <c r="ER21" s="165">
        <v>546</v>
      </c>
      <c r="ES21" s="162">
        <v>0</v>
      </c>
      <c r="ET21" s="160">
        <v>763</v>
      </c>
      <c r="EU21" s="160">
        <v>583</v>
      </c>
      <c r="EV21" s="160">
        <v>310</v>
      </c>
      <c r="EW21" s="160">
        <v>182</v>
      </c>
      <c r="EX21" s="160">
        <v>118</v>
      </c>
      <c r="EY21" s="165">
        <v>1956</v>
      </c>
      <c r="EZ21" s="164">
        <v>2502</v>
      </c>
    </row>
    <row r="22" spans="2:156" ht="21" customHeight="1" x14ac:dyDescent="0.2">
      <c r="B22" s="166" t="s">
        <v>20</v>
      </c>
      <c r="C22" s="159">
        <v>0</v>
      </c>
      <c r="D22" s="160">
        <v>0</v>
      </c>
      <c r="E22" s="161">
        <v>0</v>
      </c>
      <c r="F22" s="162">
        <v>0</v>
      </c>
      <c r="G22" s="160">
        <v>302</v>
      </c>
      <c r="H22" s="160">
        <v>219</v>
      </c>
      <c r="I22" s="160">
        <v>140</v>
      </c>
      <c r="J22" s="160">
        <v>118</v>
      </c>
      <c r="K22" s="160">
        <v>90</v>
      </c>
      <c r="L22" s="163">
        <v>869</v>
      </c>
      <c r="M22" s="164">
        <v>869</v>
      </c>
      <c r="N22" s="159">
        <v>0</v>
      </c>
      <c r="O22" s="160">
        <v>0</v>
      </c>
      <c r="P22" s="165">
        <v>0</v>
      </c>
      <c r="Q22" s="162">
        <v>0</v>
      </c>
      <c r="R22" s="160">
        <v>1</v>
      </c>
      <c r="S22" s="160">
        <v>7</v>
      </c>
      <c r="T22" s="160">
        <v>7</v>
      </c>
      <c r="U22" s="160">
        <v>23</v>
      </c>
      <c r="V22" s="160">
        <v>33</v>
      </c>
      <c r="W22" s="165">
        <v>71</v>
      </c>
      <c r="X22" s="164">
        <v>71</v>
      </c>
      <c r="Y22" s="159">
        <v>46</v>
      </c>
      <c r="Z22" s="160">
        <v>94</v>
      </c>
      <c r="AA22" s="165">
        <v>140</v>
      </c>
      <c r="AB22" s="162">
        <v>0</v>
      </c>
      <c r="AC22" s="160">
        <v>269</v>
      </c>
      <c r="AD22" s="160">
        <v>216</v>
      </c>
      <c r="AE22" s="160">
        <v>138</v>
      </c>
      <c r="AF22" s="160">
        <v>98</v>
      </c>
      <c r="AG22" s="160">
        <v>55</v>
      </c>
      <c r="AH22" s="165">
        <v>776</v>
      </c>
      <c r="AI22" s="164">
        <v>916</v>
      </c>
      <c r="AJ22" s="159">
        <v>14</v>
      </c>
      <c r="AK22" s="160">
        <v>48</v>
      </c>
      <c r="AL22" s="165">
        <v>62</v>
      </c>
      <c r="AM22" s="162">
        <v>0</v>
      </c>
      <c r="AN22" s="160">
        <v>69</v>
      </c>
      <c r="AO22" s="160">
        <v>55</v>
      </c>
      <c r="AP22" s="160">
        <v>48</v>
      </c>
      <c r="AQ22" s="160">
        <v>28</v>
      </c>
      <c r="AR22" s="160">
        <v>9</v>
      </c>
      <c r="AS22" s="165">
        <v>209</v>
      </c>
      <c r="AT22" s="164">
        <v>271</v>
      </c>
      <c r="AU22" s="159">
        <v>31</v>
      </c>
      <c r="AV22" s="160">
        <v>40</v>
      </c>
      <c r="AW22" s="165">
        <v>71</v>
      </c>
      <c r="AX22" s="162">
        <v>0</v>
      </c>
      <c r="AY22" s="160">
        <v>267</v>
      </c>
      <c r="AZ22" s="160">
        <v>278</v>
      </c>
      <c r="BA22" s="160">
        <v>268</v>
      </c>
      <c r="BB22" s="160">
        <v>208</v>
      </c>
      <c r="BC22" s="160">
        <v>161</v>
      </c>
      <c r="BD22" s="163">
        <v>1182</v>
      </c>
      <c r="BE22" s="164">
        <v>1253</v>
      </c>
      <c r="BF22" s="159">
        <v>0</v>
      </c>
      <c r="BG22" s="160">
        <v>0</v>
      </c>
      <c r="BH22" s="165">
        <v>0</v>
      </c>
      <c r="BI22" s="162">
        <v>0</v>
      </c>
      <c r="BJ22" s="160">
        <v>380</v>
      </c>
      <c r="BK22" s="160">
        <v>242</v>
      </c>
      <c r="BL22" s="160">
        <v>170</v>
      </c>
      <c r="BM22" s="160">
        <v>86</v>
      </c>
      <c r="BN22" s="160">
        <v>34</v>
      </c>
      <c r="BO22" s="165">
        <v>912</v>
      </c>
      <c r="BP22" s="164">
        <v>912</v>
      </c>
      <c r="BQ22" s="159">
        <v>13</v>
      </c>
      <c r="BR22" s="160">
        <v>31</v>
      </c>
      <c r="BS22" s="165">
        <v>44</v>
      </c>
      <c r="BT22" s="162">
        <v>0</v>
      </c>
      <c r="BU22" s="160">
        <v>127</v>
      </c>
      <c r="BV22" s="160">
        <v>89</v>
      </c>
      <c r="BW22" s="160">
        <v>45</v>
      </c>
      <c r="BX22" s="160">
        <v>48</v>
      </c>
      <c r="BY22" s="160">
        <v>16</v>
      </c>
      <c r="BZ22" s="165">
        <v>325</v>
      </c>
      <c r="CA22" s="164">
        <v>369</v>
      </c>
      <c r="CB22" s="159">
        <v>2</v>
      </c>
      <c r="CC22" s="160">
        <v>3</v>
      </c>
      <c r="CD22" s="165">
        <v>5</v>
      </c>
      <c r="CE22" s="162">
        <v>0</v>
      </c>
      <c r="CF22" s="160">
        <v>50</v>
      </c>
      <c r="CG22" s="160">
        <v>60</v>
      </c>
      <c r="CH22" s="160">
        <v>77</v>
      </c>
      <c r="CI22" s="160">
        <v>48</v>
      </c>
      <c r="CJ22" s="160">
        <v>23</v>
      </c>
      <c r="CK22" s="165">
        <v>258</v>
      </c>
      <c r="CL22" s="164">
        <v>263</v>
      </c>
      <c r="CM22" s="159">
        <v>0</v>
      </c>
      <c r="CN22" s="160">
        <v>0</v>
      </c>
      <c r="CO22" s="165">
        <v>0</v>
      </c>
      <c r="CP22" s="162">
        <v>0</v>
      </c>
      <c r="CQ22" s="160">
        <v>5</v>
      </c>
      <c r="CR22" s="160">
        <v>6</v>
      </c>
      <c r="CS22" s="160">
        <v>5</v>
      </c>
      <c r="CT22" s="160">
        <v>8</v>
      </c>
      <c r="CU22" s="160">
        <v>4</v>
      </c>
      <c r="CV22" s="165">
        <v>28</v>
      </c>
      <c r="CW22" s="164">
        <v>28</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70</v>
      </c>
      <c r="DU22" s="160">
        <v>342</v>
      </c>
      <c r="DV22" s="165">
        <v>512</v>
      </c>
      <c r="DW22" s="162">
        <v>0</v>
      </c>
      <c r="DX22" s="160">
        <v>617</v>
      </c>
      <c r="DY22" s="160">
        <v>512</v>
      </c>
      <c r="DZ22" s="160">
        <v>358</v>
      </c>
      <c r="EA22" s="160">
        <v>249</v>
      </c>
      <c r="EB22" s="160">
        <v>143</v>
      </c>
      <c r="EC22" s="165">
        <v>1879</v>
      </c>
      <c r="ED22" s="164">
        <v>2391</v>
      </c>
      <c r="EE22" s="159">
        <v>14</v>
      </c>
      <c r="EF22" s="160">
        <v>12</v>
      </c>
      <c r="EG22" s="165">
        <v>26</v>
      </c>
      <c r="EH22" s="162">
        <v>0</v>
      </c>
      <c r="EI22" s="160">
        <v>82</v>
      </c>
      <c r="EJ22" s="160">
        <v>63</v>
      </c>
      <c r="EK22" s="160">
        <v>64</v>
      </c>
      <c r="EL22" s="160">
        <v>63</v>
      </c>
      <c r="EM22" s="160">
        <v>34</v>
      </c>
      <c r="EN22" s="165">
        <v>306</v>
      </c>
      <c r="EO22" s="164">
        <v>332</v>
      </c>
      <c r="EP22" s="159">
        <v>225</v>
      </c>
      <c r="EQ22" s="160">
        <v>425</v>
      </c>
      <c r="ER22" s="165">
        <v>650</v>
      </c>
      <c r="ES22" s="162">
        <v>0</v>
      </c>
      <c r="ET22" s="160">
        <v>1154</v>
      </c>
      <c r="EU22" s="160">
        <v>708</v>
      </c>
      <c r="EV22" s="160">
        <v>433</v>
      </c>
      <c r="EW22" s="160">
        <v>284</v>
      </c>
      <c r="EX22" s="160">
        <v>147</v>
      </c>
      <c r="EY22" s="165">
        <v>2726</v>
      </c>
      <c r="EZ22" s="164">
        <v>3376</v>
      </c>
    </row>
    <row r="23" spans="2:156" ht="21" customHeight="1" x14ac:dyDescent="0.2">
      <c r="B23" s="166" t="s">
        <v>21</v>
      </c>
      <c r="C23" s="159">
        <v>0</v>
      </c>
      <c r="D23" s="160">
        <v>0</v>
      </c>
      <c r="E23" s="161">
        <v>0</v>
      </c>
      <c r="F23" s="162">
        <v>0</v>
      </c>
      <c r="G23" s="160">
        <v>286</v>
      </c>
      <c r="H23" s="160">
        <v>355</v>
      </c>
      <c r="I23" s="160">
        <v>226</v>
      </c>
      <c r="J23" s="160">
        <v>123</v>
      </c>
      <c r="K23" s="160">
        <v>118</v>
      </c>
      <c r="L23" s="163">
        <v>1108</v>
      </c>
      <c r="M23" s="164">
        <v>1108</v>
      </c>
      <c r="N23" s="159">
        <v>0</v>
      </c>
      <c r="O23" s="160">
        <v>0</v>
      </c>
      <c r="P23" s="165">
        <v>0</v>
      </c>
      <c r="Q23" s="162">
        <v>0</v>
      </c>
      <c r="R23" s="160">
        <v>1</v>
      </c>
      <c r="S23" s="160">
        <v>5</v>
      </c>
      <c r="T23" s="160">
        <v>8</v>
      </c>
      <c r="U23" s="160">
        <v>21</v>
      </c>
      <c r="V23" s="160">
        <v>42</v>
      </c>
      <c r="W23" s="165">
        <v>77</v>
      </c>
      <c r="X23" s="164">
        <v>77</v>
      </c>
      <c r="Y23" s="159">
        <v>57</v>
      </c>
      <c r="Z23" s="160">
        <v>92</v>
      </c>
      <c r="AA23" s="165">
        <v>149</v>
      </c>
      <c r="AB23" s="162">
        <v>0</v>
      </c>
      <c r="AC23" s="160">
        <v>218</v>
      </c>
      <c r="AD23" s="160">
        <v>247</v>
      </c>
      <c r="AE23" s="160">
        <v>160</v>
      </c>
      <c r="AF23" s="160">
        <v>103</v>
      </c>
      <c r="AG23" s="160">
        <v>84</v>
      </c>
      <c r="AH23" s="165">
        <v>812</v>
      </c>
      <c r="AI23" s="164">
        <v>961</v>
      </c>
      <c r="AJ23" s="159">
        <v>18</v>
      </c>
      <c r="AK23" s="160">
        <v>30</v>
      </c>
      <c r="AL23" s="165">
        <v>48</v>
      </c>
      <c r="AM23" s="162">
        <v>0</v>
      </c>
      <c r="AN23" s="160">
        <v>23</v>
      </c>
      <c r="AO23" s="160">
        <v>43</v>
      </c>
      <c r="AP23" s="160">
        <v>30</v>
      </c>
      <c r="AQ23" s="160">
        <v>11</v>
      </c>
      <c r="AR23" s="160">
        <v>6</v>
      </c>
      <c r="AS23" s="165">
        <v>113</v>
      </c>
      <c r="AT23" s="164">
        <v>161</v>
      </c>
      <c r="AU23" s="159">
        <v>49</v>
      </c>
      <c r="AV23" s="160">
        <v>44</v>
      </c>
      <c r="AW23" s="165">
        <v>93</v>
      </c>
      <c r="AX23" s="162">
        <v>0</v>
      </c>
      <c r="AY23" s="160">
        <v>300</v>
      </c>
      <c r="AZ23" s="160">
        <v>380</v>
      </c>
      <c r="BA23" s="160">
        <v>317</v>
      </c>
      <c r="BB23" s="160">
        <v>249</v>
      </c>
      <c r="BC23" s="160">
        <v>196</v>
      </c>
      <c r="BD23" s="163">
        <v>1442</v>
      </c>
      <c r="BE23" s="164">
        <v>1535</v>
      </c>
      <c r="BF23" s="159">
        <v>0</v>
      </c>
      <c r="BG23" s="160">
        <v>0</v>
      </c>
      <c r="BH23" s="165">
        <v>0</v>
      </c>
      <c r="BI23" s="162">
        <v>0</v>
      </c>
      <c r="BJ23" s="160">
        <v>372</v>
      </c>
      <c r="BK23" s="160">
        <v>377</v>
      </c>
      <c r="BL23" s="160">
        <v>227</v>
      </c>
      <c r="BM23" s="160">
        <v>98</v>
      </c>
      <c r="BN23" s="160">
        <v>43</v>
      </c>
      <c r="BO23" s="165">
        <v>1117</v>
      </c>
      <c r="BP23" s="164">
        <v>1117</v>
      </c>
      <c r="BQ23" s="159">
        <v>22</v>
      </c>
      <c r="BR23" s="160">
        <v>33</v>
      </c>
      <c r="BS23" s="165">
        <v>55</v>
      </c>
      <c r="BT23" s="162">
        <v>0</v>
      </c>
      <c r="BU23" s="160">
        <v>66</v>
      </c>
      <c r="BV23" s="160">
        <v>62</v>
      </c>
      <c r="BW23" s="160">
        <v>38</v>
      </c>
      <c r="BX23" s="160">
        <v>14</v>
      </c>
      <c r="BY23" s="160">
        <v>11</v>
      </c>
      <c r="BZ23" s="165">
        <v>191</v>
      </c>
      <c r="CA23" s="164">
        <v>246</v>
      </c>
      <c r="CB23" s="159">
        <v>1</v>
      </c>
      <c r="CC23" s="160">
        <v>2</v>
      </c>
      <c r="CD23" s="165">
        <v>3</v>
      </c>
      <c r="CE23" s="162">
        <v>0</v>
      </c>
      <c r="CF23" s="160">
        <v>32</v>
      </c>
      <c r="CG23" s="160">
        <v>48</v>
      </c>
      <c r="CH23" s="160">
        <v>72</v>
      </c>
      <c r="CI23" s="160">
        <v>50</v>
      </c>
      <c r="CJ23" s="160">
        <v>23</v>
      </c>
      <c r="CK23" s="165">
        <v>225</v>
      </c>
      <c r="CL23" s="164">
        <v>228</v>
      </c>
      <c r="CM23" s="159">
        <v>0</v>
      </c>
      <c r="CN23" s="160">
        <v>1</v>
      </c>
      <c r="CO23" s="165">
        <v>1</v>
      </c>
      <c r="CP23" s="162">
        <v>0</v>
      </c>
      <c r="CQ23" s="160">
        <v>1</v>
      </c>
      <c r="CR23" s="160">
        <v>1</v>
      </c>
      <c r="CS23" s="160">
        <v>3</v>
      </c>
      <c r="CT23" s="160">
        <v>1</v>
      </c>
      <c r="CU23" s="160">
        <v>4</v>
      </c>
      <c r="CV23" s="165">
        <v>10</v>
      </c>
      <c r="CW23" s="164">
        <v>11</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220</v>
      </c>
      <c r="DU23" s="160">
        <v>351</v>
      </c>
      <c r="DV23" s="165">
        <v>571</v>
      </c>
      <c r="DW23" s="162">
        <v>0</v>
      </c>
      <c r="DX23" s="160">
        <v>425</v>
      </c>
      <c r="DY23" s="160">
        <v>685</v>
      </c>
      <c r="DZ23" s="160">
        <v>430</v>
      </c>
      <c r="EA23" s="160">
        <v>246</v>
      </c>
      <c r="EB23" s="160">
        <v>174</v>
      </c>
      <c r="EC23" s="165">
        <v>1960</v>
      </c>
      <c r="ED23" s="164">
        <v>2531</v>
      </c>
      <c r="EE23" s="159">
        <v>19</v>
      </c>
      <c r="EF23" s="160">
        <v>10</v>
      </c>
      <c r="EG23" s="165">
        <v>29</v>
      </c>
      <c r="EH23" s="162">
        <v>0</v>
      </c>
      <c r="EI23" s="160">
        <v>79</v>
      </c>
      <c r="EJ23" s="160">
        <v>68</v>
      </c>
      <c r="EK23" s="160">
        <v>60</v>
      </c>
      <c r="EL23" s="160">
        <v>72</v>
      </c>
      <c r="EM23" s="160">
        <v>40</v>
      </c>
      <c r="EN23" s="165">
        <v>319</v>
      </c>
      <c r="EO23" s="164">
        <v>348</v>
      </c>
      <c r="EP23" s="159">
        <v>289</v>
      </c>
      <c r="EQ23" s="160">
        <v>439</v>
      </c>
      <c r="ER23" s="165">
        <v>728</v>
      </c>
      <c r="ES23" s="162">
        <v>0</v>
      </c>
      <c r="ET23" s="160">
        <v>928</v>
      </c>
      <c r="EU23" s="160">
        <v>922</v>
      </c>
      <c r="EV23" s="160">
        <v>510</v>
      </c>
      <c r="EW23" s="160">
        <v>274</v>
      </c>
      <c r="EX23" s="160">
        <v>184</v>
      </c>
      <c r="EY23" s="165">
        <v>2818</v>
      </c>
      <c r="EZ23" s="164">
        <v>3546</v>
      </c>
    </row>
    <row r="24" spans="2:156" ht="21" customHeight="1" x14ac:dyDescent="0.2">
      <c r="B24" s="166" t="s">
        <v>22</v>
      </c>
      <c r="C24" s="159">
        <v>0</v>
      </c>
      <c r="D24" s="160">
        <v>0</v>
      </c>
      <c r="E24" s="161">
        <v>0</v>
      </c>
      <c r="F24" s="162">
        <v>0</v>
      </c>
      <c r="G24" s="160">
        <v>70</v>
      </c>
      <c r="H24" s="160">
        <v>83</v>
      </c>
      <c r="I24" s="160">
        <v>34</v>
      </c>
      <c r="J24" s="160">
        <v>48</v>
      </c>
      <c r="K24" s="160">
        <v>35</v>
      </c>
      <c r="L24" s="163">
        <v>270</v>
      </c>
      <c r="M24" s="164">
        <v>270</v>
      </c>
      <c r="N24" s="159">
        <v>0</v>
      </c>
      <c r="O24" s="160">
        <v>0</v>
      </c>
      <c r="P24" s="165">
        <v>0</v>
      </c>
      <c r="Q24" s="162">
        <v>0</v>
      </c>
      <c r="R24" s="160">
        <v>1</v>
      </c>
      <c r="S24" s="160">
        <v>0</v>
      </c>
      <c r="T24" s="160">
        <v>1</v>
      </c>
      <c r="U24" s="160">
        <v>11</v>
      </c>
      <c r="V24" s="160">
        <v>20</v>
      </c>
      <c r="W24" s="165">
        <v>33</v>
      </c>
      <c r="X24" s="164">
        <v>33</v>
      </c>
      <c r="Y24" s="159">
        <v>8</v>
      </c>
      <c r="Z24" s="160">
        <v>14</v>
      </c>
      <c r="AA24" s="165">
        <v>22</v>
      </c>
      <c r="AB24" s="162">
        <v>0</v>
      </c>
      <c r="AC24" s="160">
        <v>57</v>
      </c>
      <c r="AD24" s="160">
        <v>80</v>
      </c>
      <c r="AE24" s="160">
        <v>36</v>
      </c>
      <c r="AF24" s="160">
        <v>41</v>
      </c>
      <c r="AG24" s="160">
        <v>34</v>
      </c>
      <c r="AH24" s="165">
        <v>248</v>
      </c>
      <c r="AI24" s="164">
        <v>270</v>
      </c>
      <c r="AJ24" s="159">
        <v>1</v>
      </c>
      <c r="AK24" s="160">
        <v>1</v>
      </c>
      <c r="AL24" s="165">
        <v>2</v>
      </c>
      <c r="AM24" s="162">
        <v>0</v>
      </c>
      <c r="AN24" s="160">
        <v>12</v>
      </c>
      <c r="AO24" s="160">
        <v>9</v>
      </c>
      <c r="AP24" s="160">
        <v>3</v>
      </c>
      <c r="AQ24" s="160">
        <v>5</v>
      </c>
      <c r="AR24" s="160">
        <v>1</v>
      </c>
      <c r="AS24" s="165">
        <v>30</v>
      </c>
      <c r="AT24" s="164">
        <v>32</v>
      </c>
      <c r="AU24" s="159">
        <v>7</v>
      </c>
      <c r="AV24" s="160">
        <v>10</v>
      </c>
      <c r="AW24" s="165">
        <v>17</v>
      </c>
      <c r="AX24" s="162">
        <v>0</v>
      </c>
      <c r="AY24" s="160">
        <v>71</v>
      </c>
      <c r="AZ24" s="160">
        <v>88</v>
      </c>
      <c r="BA24" s="160">
        <v>67</v>
      </c>
      <c r="BB24" s="160">
        <v>87</v>
      </c>
      <c r="BC24" s="160">
        <v>48</v>
      </c>
      <c r="BD24" s="163">
        <v>361</v>
      </c>
      <c r="BE24" s="164">
        <v>378</v>
      </c>
      <c r="BF24" s="159">
        <v>0</v>
      </c>
      <c r="BG24" s="160">
        <v>0</v>
      </c>
      <c r="BH24" s="165">
        <v>0</v>
      </c>
      <c r="BI24" s="162">
        <v>0</v>
      </c>
      <c r="BJ24" s="160">
        <v>103</v>
      </c>
      <c r="BK24" s="160">
        <v>124</v>
      </c>
      <c r="BL24" s="160">
        <v>63</v>
      </c>
      <c r="BM24" s="160">
        <v>37</v>
      </c>
      <c r="BN24" s="160">
        <v>15</v>
      </c>
      <c r="BO24" s="165">
        <v>342</v>
      </c>
      <c r="BP24" s="164">
        <v>342</v>
      </c>
      <c r="BQ24" s="159">
        <v>5</v>
      </c>
      <c r="BR24" s="160">
        <v>10</v>
      </c>
      <c r="BS24" s="165">
        <v>15</v>
      </c>
      <c r="BT24" s="162">
        <v>0</v>
      </c>
      <c r="BU24" s="160">
        <v>31</v>
      </c>
      <c r="BV24" s="160">
        <v>40</v>
      </c>
      <c r="BW24" s="160">
        <v>11</v>
      </c>
      <c r="BX24" s="160">
        <v>13</v>
      </c>
      <c r="BY24" s="160">
        <v>7</v>
      </c>
      <c r="BZ24" s="165">
        <v>102</v>
      </c>
      <c r="CA24" s="164">
        <v>117</v>
      </c>
      <c r="CB24" s="159">
        <v>0</v>
      </c>
      <c r="CC24" s="160">
        <v>0</v>
      </c>
      <c r="CD24" s="165">
        <v>0</v>
      </c>
      <c r="CE24" s="162">
        <v>0</v>
      </c>
      <c r="CF24" s="160">
        <v>10</v>
      </c>
      <c r="CG24" s="160">
        <v>28</v>
      </c>
      <c r="CH24" s="160">
        <v>24</v>
      </c>
      <c r="CI24" s="160">
        <v>17</v>
      </c>
      <c r="CJ24" s="160">
        <v>8</v>
      </c>
      <c r="CK24" s="165">
        <v>87</v>
      </c>
      <c r="CL24" s="164">
        <v>87</v>
      </c>
      <c r="CM24" s="159">
        <v>0</v>
      </c>
      <c r="CN24" s="160">
        <v>0</v>
      </c>
      <c r="CO24" s="165">
        <v>0</v>
      </c>
      <c r="CP24" s="162">
        <v>0</v>
      </c>
      <c r="CQ24" s="160">
        <v>2</v>
      </c>
      <c r="CR24" s="160">
        <v>0</v>
      </c>
      <c r="CS24" s="160">
        <v>4</v>
      </c>
      <c r="CT24" s="160">
        <v>2</v>
      </c>
      <c r="CU24" s="160">
        <v>2</v>
      </c>
      <c r="CV24" s="165">
        <v>10</v>
      </c>
      <c r="CW24" s="164">
        <v>10</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56</v>
      </c>
      <c r="DU24" s="160">
        <v>162</v>
      </c>
      <c r="DV24" s="165">
        <v>218</v>
      </c>
      <c r="DW24" s="162">
        <v>0</v>
      </c>
      <c r="DX24" s="160">
        <v>214</v>
      </c>
      <c r="DY24" s="160">
        <v>266</v>
      </c>
      <c r="DZ24" s="160">
        <v>136</v>
      </c>
      <c r="EA24" s="160">
        <v>117</v>
      </c>
      <c r="EB24" s="160">
        <v>70</v>
      </c>
      <c r="EC24" s="165">
        <v>803</v>
      </c>
      <c r="ED24" s="164">
        <v>1021</v>
      </c>
      <c r="EE24" s="159">
        <v>7</v>
      </c>
      <c r="EF24" s="160">
        <v>10</v>
      </c>
      <c r="EG24" s="165">
        <v>17</v>
      </c>
      <c r="EH24" s="162">
        <v>0</v>
      </c>
      <c r="EI24" s="160">
        <v>35</v>
      </c>
      <c r="EJ24" s="160">
        <v>24</v>
      </c>
      <c r="EK24" s="160">
        <v>24</v>
      </c>
      <c r="EL24" s="160">
        <v>25</v>
      </c>
      <c r="EM24" s="160">
        <v>13</v>
      </c>
      <c r="EN24" s="165">
        <v>121</v>
      </c>
      <c r="EO24" s="164">
        <v>138</v>
      </c>
      <c r="EP24" s="159">
        <v>64</v>
      </c>
      <c r="EQ24" s="160">
        <v>166</v>
      </c>
      <c r="ER24" s="165">
        <v>230</v>
      </c>
      <c r="ES24" s="162">
        <v>0</v>
      </c>
      <c r="ET24" s="160">
        <v>362</v>
      </c>
      <c r="EU24" s="160">
        <v>349</v>
      </c>
      <c r="EV24" s="160">
        <v>162</v>
      </c>
      <c r="EW24" s="160">
        <v>119</v>
      </c>
      <c r="EX24" s="160">
        <v>66</v>
      </c>
      <c r="EY24" s="165">
        <v>1058</v>
      </c>
      <c r="EZ24" s="164">
        <v>1288</v>
      </c>
    </row>
    <row r="25" spans="2:156" ht="21" customHeight="1" x14ac:dyDescent="0.2">
      <c r="B25" s="166" t="s">
        <v>23</v>
      </c>
      <c r="C25" s="159">
        <v>0</v>
      </c>
      <c r="D25" s="160">
        <v>0</v>
      </c>
      <c r="E25" s="161">
        <v>0</v>
      </c>
      <c r="F25" s="162">
        <v>0</v>
      </c>
      <c r="G25" s="160">
        <v>135</v>
      </c>
      <c r="H25" s="160">
        <v>145</v>
      </c>
      <c r="I25" s="160">
        <v>79</v>
      </c>
      <c r="J25" s="160">
        <v>66</v>
      </c>
      <c r="K25" s="160">
        <v>55</v>
      </c>
      <c r="L25" s="163">
        <v>480</v>
      </c>
      <c r="M25" s="164">
        <v>480</v>
      </c>
      <c r="N25" s="159">
        <v>0</v>
      </c>
      <c r="O25" s="160">
        <v>0</v>
      </c>
      <c r="P25" s="165">
        <v>0</v>
      </c>
      <c r="Q25" s="162">
        <v>0</v>
      </c>
      <c r="R25" s="160">
        <v>1</v>
      </c>
      <c r="S25" s="160">
        <v>6</v>
      </c>
      <c r="T25" s="160">
        <v>4</v>
      </c>
      <c r="U25" s="160">
        <v>17</v>
      </c>
      <c r="V25" s="160">
        <v>24</v>
      </c>
      <c r="W25" s="165">
        <v>52</v>
      </c>
      <c r="X25" s="164">
        <v>52</v>
      </c>
      <c r="Y25" s="159">
        <v>42</v>
      </c>
      <c r="Z25" s="160">
        <v>70</v>
      </c>
      <c r="AA25" s="165">
        <v>112</v>
      </c>
      <c r="AB25" s="162">
        <v>0</v>
      </c>
      <c r="AC25" s="160">
        <v>97</v>
      </c>
      <c r="AD25" s="160">
        <v>167</v>
      </c>
      <c r="AE25" s="160">
        <v>72</v>
      </c>
      <c r="AF25" s="160">
        <v>84</v>
      </c>
      <c r="AG25" s="160">
        <v>49</v>
      </c>
      <c r="AH25" s="165">
        <v>469</v>
      </c>
      <c r="AI25" s="164">
        <v>581</v>
      </c>
      <c r="AJ25" s="159">
        <v>5</v>
      </c>
      <c r="AK25" s="160">
        <v>13</v>
      </c>
      <c r="AL25" s="165">
        <v>18</v>
      </c>
      <c r="AM25" s="162">
        <v>0</v>
      </c>
      <c r="AN25" s="160">
        <v>9</v>
      </c>
      <c r="AO25" s="160">
        <v>23</v>
      </c>
      <c r="AP25" s="160">
        <v>14</v>
      </c>
      <c r="AQ25" s="160">
        <v>7</v>
      </c>
      <c r="AR25" s="160">
        <v>2</v>
      </c>
      <c r="AS25" s="165">
        <v>55</v>
      </c>
      <c r="AT25" s="164">
        <v>73</v>
      </c>
      <c r="AU25" s="159">
        <v>29</v>
      </c>
      <c r="AV25" s="160">
        <v>18</v>
      </c>
      <c r="AW25" s="165">
        <v>47</v>
      </c>
      <c r="AX25" s="162">
        <v>0</v>
      </c>
      <c r="AY25" s="160">
        <v>177</v>
      </c>
      <c r="AZ25" s="160">
        <v>176</v>
      </c>
      <c r="BA25" s="160">
        <v>146</v>
      </c>
      <c r="BB25" s="160">
        <v>172</v>
      </c>
      <c r="BC25" s="160">
        <v>123</v>
      </c>
      <c r="BD25" s="163">
        <v>794</v>
      </c>
      <c r="BE25" s="164">
        <v>841</v>
      </c>
      <c r="BF25" s="159">
        <v>0</v>
      </c>
      <c r="BG25" s="160">
        <v>0</v>
      </c>
      <c r="BH25" s="165">
        <v>0</v>
      </c>
      <c r="BI25" s="162">
        <v>0</v>
      </c>
      <c r="BJ25" s="160">
        <v>281</v>
      </c>
      <c r="BK25" s="160">
        <v>266</v>
      </c>
      <c r="BL25" s="160">
        <v>130</v>
      </c>
      <c r="BM25" s="160">
        <v>66</v>
      </c>
      <c r="BN25" s="160">
        <v>30</v>
      </c>
      <c r="BO25" s="165">
        <v>773</v>
      </c>
      <c r="BP25" s="164">
        <v>773</v>
      </c>
      <c r="BQ25" s="159">
        <v>3</v>
      </c>
      <c r="BR25" s="160">
        <v>12</v>
      </c>
      <c r="BS25" s="165">
        <v>15</v>
      </c>
      <c r="BT25" s="162">
        <v>0</v>
      </c>
      <c r="BU25" s="160">
        <v>31</v>
      </c>
      <c r="BV25" s="160">
        <v>45</v>
      </c>
      <c r="BW25" s="160">
        <v>27</v>
      </c>
      <c r="BX25" s="160">
        <v>23</v>
      </c>
      <c r="BY25" s="160">
        <v>4</v>
      </c>
      <c r="BZ25" s="165">
        <v>130</v>
      </c>
      <c r="CA25" s="164">
        <v>145</v>
      </c>
      <c r="CB25" s="159">
        <v>0</v>
      </c>
      <c r="CC25" s="160">
        <v>1</v>
      </c>
      <c r="CD25" s="165">
        <v>1</v>
      </c>
      <c r="CE25" s="162">
        <v>0</v>
      </c>
      <c r="CF25" s="160">
        <v>30</v>
      </c>
      <c r="CG25" s="160">
        <v>26</v>
      </c>
      <c r="CH25" s="160">
        <v>45</v>
      </c>
      <c r="CI25" s="160">
        <v>29</v>
      </c>
      <c r="CJ25" s="160">
        <v>15</v>
      </c>
      <c r="CK25" s="165">
        <v>145</v>
      </c>
      <c r="CL25" s="164">
        <v>146</v>
      </c>
      <c r="CM25" s="159">
        <v>0</v>
      </c>
      <c r="CN25" s="160">
        <v>0</v>
      </c>
      <c r="CO25" s="165">
        <v>0</v>
      </c>
      <c r="CP25" s="162">
        <v>0</v>
      </c>
      <c r="CQ25" s="160">
        <v>2</v>
      </c>
      <c r="CR25" s="160">
        <v>3</v>
      </c>
      <c r="CS25" s="160">
        <v>2</v>
      </c>
      <c r="CT25" s="160">
        <v>4</v>
      </c>
      <c r="CU25" s="160">
        <v>2</v>
      </c>
      <c r="CV25" s="165">
        <v>13</v>
      </c>
      <c r="CW25" s="164">
        <v>13</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104</v>
      </c>
      <c r="DU25" s="160">
        <v>259</v>
      </c>
      <c r="DV25" s="165">
        <v>363</v>
      </c>
      <c r="DW25" s="162">
        <v>0</v>
      </c>
      <c r="DX25" s="160">
        <v>241</v>
      </c>
      <c r="DY25" s="160">
        <v>424</v>
      </c>
      <c r="DZ25" s="160">
        <v>222</v>
      </c>
      <c r="EA25" s="160">
        <v>190</v>
      </c>
      <c r="EB25" s="160">
        <v>100</v>
      </c>
      <c r="EC25" s="165">
        <v>1177</v>
      </c>
      <c r="ED25" s="164">
        <v>1540</v>
      </c>
      <c r="EE25" s="159">
        <v>11</v>
      </c>
      <c r="EF25" s="160">
        <v>3</v>
      </c>
      <c r="EG25" s="165">
        <v>14</v>
      </c>
      <c r="EH25" s="162">
        <v>0</v>
      </c>
      <c r="EI25" s="160">
        <v>59</v>
      </c>
      <c r="EJ25" s="160">
        <v>48</v>
      </c>
      <c r="EK25" s="160">
        <v>37</v>
      </c>
      <c r="EL25" s="160">
        <v>54</v>
      </c>
      <c r="EM25" s="160">
        <v>35</v>
      </c>
      <c r="EN25" s="165">
        <v>233</v>
      </c>
      <c r="EO25" s="164">
        <v>247</v>
      </c>
      <c r="EP25" s="159">
        <v>144</v>
      </c>
      <c r="EQ25" s="160">
        <v>309</v>
      </c>
      <c r="ER25" s="165">
        <v>453</v>
      </c>
      <c r="ES25" s="162">
        <v>0</v>
      </c>
      <c r="ET25" s="160">
        <v>532</v>
      </c>
      <c r="EU25" s="160">
        <v>558</v>
      </c>
      <c r="EV25" s="160">
        <v>271</v>
      </c>
      <c r="EW25" s="160">
        <v>198</v>
      </c>
      <c r="EX25" s="160">
        <v>107</v>
      </c>
      <c r="EY25" s="165">
        <v>1666</v>
      </c>
      <c r="EZ25" s="164">
        <v>2119</v>
      </c>
    </row>
    <row r="26" spans="2:156" ht="21" customHeight="1" x14ac:dyDescent="0.2">
      <c r="B26" s="166" t="s">
        <v>24</v>
      </c>
      <c r="C26" s="159">
        <v>0</v>
      </c>
      <c r="D26" s="160">
        <v>0</v>
      </c>
      <c r="E26" s="161">
        <v>0</v>
      </c>
      <c r="F26" s="162">
        <v>0</v>
      </c>
      <c r="G26" s="160">
        <v>74</v>
      </c>
      <c r="H26" s="160">
        <v>65</v>
      </c>
      <c r="I26" s="160">
        <v>51</v>
      </c>
      <c r="J26" s="160">
        <v>44</v>
      </c>
      <c r="K26" s="160">
        <v>35</v>
      </c>
      <c r="L26" s="163">
        <v>269</v>
      </c>
      <c r="M26" s="164">
        <v>269</v>
      </c>
      <c r="N26" s="159">
        <v>0</v>
      </c>
      <c r="O26" s="160">
        <v>0</v>
      </c>
      <c r="P26" s="165">
        <v>0</v>
      </c>
      <c r="Q26" s="162">
        <v>0</v>
      </c>
      <c r="R26" s="160">
        <v>0</v>
      </c>
      <c r="S26" s="160">
        <v>3</v>
      </c>
      <c r="T26" s="160">
        <v>6</v>
      </c>
      <c r="U26" s="160">
        <v>8</v>
      </c>
      <c r="V26" s="160">
        <v>21</v>
      </c>
      <c r="W26" s="165">
        <v>38</v>
      </c>
      <c r="X26" s="164">
        <v>38</v>
      </c>
      <c r="Y26" s="159">
        <v>12</v>
      </c>
      <c r="Z26" s="160">
        <v>30</v>
      </c>
      <c r="AA26" s="165">
        <v>42</v>
      </c>
      <c r="AB26" s="162">
        <v>0</v>
      </c>
      <c r="AC26" s="160">
        <v>72</v>
      </c>
      <c r="AD26" s="160">
        <v>70</v>
      </c>
      <c r="AE26" s="160">
        <v>52</v>
      </c>
      <c r="AF26" s="160">
        <v>42</v>
      </c>
      <c r="AG26" s="160">
        <v>28</v>
      </c>
      <c r="AH26" s="165">
        <v>264</v>
      </c>
      <c r="AI26" s="164">
        <v>306</v>
      </c>
      <c r="AJ26" s="159">
        <v>1</v>
      </c>
      <c r="AK26" s="160">
        <v>1</v>
      </c>
      <c r="AL26" s="165">
        <v>2</v>
      </c>
      <c r="AM26" s="162">
        <v>0</v>
      </c>
      <c r="AN26" s="160">
        <v>3</v>
      </c>
      <c r="AO26" s="160">
        <v>4</v>
      </c>
      <c r="AP26" s="160">
        <v>3</v>
      </c>
      <c r="AQ26" s="160">
        <v>5</v>
      </c>
      <c r="AR26" s="160">
        <v>3</v>
      </c>
      <c r="AS26" s="165">
        <v>18</v>
      </c>
      <c r="AT26" s="164">
        <v>20</v>
      </c>
      <c r="AU26" s="159">
        <v>24</v>
      </c>
      <c r="AV26" s="160">
        <v>16</v>
      </c>
      <c r="AW26" s="165">
        <v>40</v>
      </c>
      <c r="AX26" s="162">
        <v>0</v>
      </c>
      <c r="AY26" s="160">
        <v>91</v>
      </c>
      <c r="AZ26" s="160">
        <v>87</v>
      </c>
      <c r="BA26" s="160">
        <v>91</v>
      </c>
      <c r="BB26" s="160">
        <v>97</v>
      </c>
      <c r="BC26" s="160">
        <v>70</v>
      </c>
      <c r="BD26" s="163">
        <v>436</v>
      </c>
      <c r="BE26" s="164">
        <v>476</v>
      </c>
      <c r="BF26" s="159">
        <v>0</v>
      </c>
      <c r="BG26" s="160">
        <v>0</v>
      </c>
      <c r="BH26" s="165">
        <v>0</v>
      </c>
      <c r="BI26" s="162">
        <v>0</v>
      </c>
      <c r="BJ26" s="160">
        <v>124</v>
      </c>
      <c r="BK26" s="160">
        <v>80</v>
      </c>
      <c r="BL26" s="160">
        <v>39</v>
      </c>
      <c r="BM26" s="160">
        <v>27</v>
      </c>
      <c r="BN26" s="160">
        <v>11</v>
      </c>
      <c r="BO26" s="165">
        <v>281</v>
      </c>
      <c r="BP26" s="164">
        <v>281</v>
      </c>
      <c r="BQ26" s="159">
        <v>11</v>
      </c>
      <c r="BR26" s="160">
        <v>17</v>
      </c>
      <c r="BS26" s="165">
        <v>28</v>
      </c>
      <c r="BT26" s="162">
        <v>0</v>
      </c>
      <c r="BU26" s="160">
        <v>46</v>
      </c>
      <c r="BV26" s="160">
        <v>31</v>
      </c>
      <c r="BW26" s="160">
        <v>24</v>
      </c>
      <c r="BX26" s="160">
        <v>14</v>
      </c>
      <c r="BY26" s="160">
        <v>9</v>
      </c>
      <c r="BZ26" s="165">
        <v>124</v>
      </c>
      <c r="CA26" s="164">
        <v>152</v>
      </c>
      <c r="CB26" s="159">
        <v>2</v>
      </c>
      <c r="CC26" s="160">
        <v>2</v>
      </c>
      <c r="CD26" s="165">
        <v>4</v>
      </c>
      <c r="CE26" s="162">
        <v>0</v>
      </c>
      <c r="CF26" s="160">
        <v>14</v>
      </c>
      <c r="CG26" s="160">
        <v>27</v>
      </c>
      <c r="CH26" s="160">
        <v>24</v>
      </c>
      <c r="CI26" s="160">
        <v>18</v>
      </c>
      <c r="CJ26" s="160">
        <v>11</v>
      </c>
      <c r="CK26" s="165">
        <v>94</v>
      </c>
      <c r="CL26" s="164">
        <v>98</v>
      </c>
      <c r="CM26" s="159">
        <v>0</v>
      </c>
      <c r="CN26" s="160">
        <v>0</v>
      </c>
      <c r="CO26" s="165">
        <v>0</v>
      </c>
      <c r="CP26" s="162">
        <v>0</v>
      </c>
      <c r="CQ26" s="160">
        <v>1</v>
      </c>
      <c r="CR26" s="160">
        <v>0</v>
      </c>
      <c r="CS26" s="160">
        <v>3</v>
      </c>
      <c r="CT26" s="160">
        <v>1</v>
      </c>
      <c r="CU26" s="160">
        <v>2</v>
      </c>
      <c r="CV26" s="165">
        <v>7</v>
      </c>
      <c r="CW26" s="164">
        <v>7</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81</v>
      </c>
      <c r="DU26" s="160">
        <v>97</v>
      </c>
      <c r="DV26" s="165">
        <v>178</v>
      </c>
      <c r="DW26" s="162">
        <v>0</v>
      </c>
      <c r="DX26" s="160">
        <v>153</v>
      </c>
      <c r="DY26" s="160">
        <v>157</v>
      </c>
      <c r="DZ26" s="160">
        <v>112</v>
      </c>
      <c r="EA26" s="160">
        <v>84</v>
      </c>
      <c r="EB26" s="160">
        <v>55</v>
      </c>
      <c r="EC26" s="165">
        <v>561</v>
      </c>
      <c r="ED26" s="164">
        <v>739</v>
      </c>
      <c r="EE26" s="159">
        <v>15</v>
      </c>
      <c r="EF26" s="160">
        <v>7</v>
      </c>
      <c r="EG26" s="165">
        <v>22</v>
      </c>
      <c r="EH26" s="162">
        <v>0</v>
      </c>
      <c r="EI26" s="160">
        <v>43</v>
      </c>
      <c r="EJ26" s="160">
        <v>30</v>
      </c>
      <c r="EK26" s="160">
        <v>27</v>
      </c>
      <c r="EL26" s="160">
        <v>38</v>
      </c>
      <c r="EM26" s="160">
        <v>25</v>
      </c>
      <c r="EN26" s="165">
        <v>163</v>
      </c>
      <c r="EO26" s="164">
        <v>185</v>
      </c>
      <c r="EP26" s="159">
        <v>96</v>
      </c>
      <c r="EQ26" s="160">
        <v>122</v>
      </c>
      <c r="ER26" s="165">
        <v>218</v>
      </c>
      <c r="ES26" s="162">
        <v>0</v>
      </c>
      <c r="ET26" s="160">
        <v>284</v>
      </c>
      <c r="EU26" s="160">
        <v>200</v>
      </c>
      <c r="EV26" s="160">
        <v>136</v>
      </c>
      <c r="EW26" s="160">
        <v>95</v>
      </c>
      <c r="EX26" s="160">
        <v>59</v>
      </c>
      <c r="EY26" s="165">
        <v>774</v>
      </c>
      <c r="EZ26" s="164">
        <v>992</v>
      </c>
    </row>
    <row r="27" spans="2:156" ht="21" customHeight="1" x14ac:dyDescent="0.2">
      <c r="B27" s="166" t="s">
        <v>25</v>
      </c>
      <c r="C27" s="159">
        <v>0</v>
      </c>
      <c r="D27" s="160">
        <v>0</v>
      </c>
      <c r="E27" s="161">
        <v>0</v>
      </c>
      <c r="F27" s="162">
        <v>0</v>
      </c>
      <c r="G27" s="160">
        <v>107</v>
      </c>
      <c r="H27" s="160">
        <v>100</v>
      </c>
      <c r="I27" s="160">
        <v>52</v>
      </c>
      <c r="J27" s="160">
        <v>51</v>
      </c>
      <c r="K27" s="160">
        <v>33</v>
      </c>
      <c r="L27" s="163">
        <v>343</v>
      </c>
      <c r="M27" s="164">
        <v>343</v>
      </c>
      <c r="N27" s="159">
        <v>0</v>
      </c>
      <c r="O27" s="160">
        <v>0</v>
      </c>
      <c r="P27" s="165">
        <v>0</v>
      </c>
      <c r="Q27" s="162">
        <v>0</v>
      </c>
      <c r="R27" s="160">
        <v>2</v>
      </c>
      <c r="S27" s="160">
        <v>8</v>
      </c>
      <c r="T27" s="160">
        <v>11</v>
      </c>
      <c r="U27" s="160">
        <v>14</v>
      </c>
      <c r="V27" s="160">
        <v>14</v>
      </c>
      <c r="W27" s="165">
        <v>49</v>
      </c>
      <c r="X27" s="164">
        <v>49</v>
      </c>
      <c r="Y27" s="159">
        <v>25</v>
      </c>
      <c r="Z27" s="160">
        <v>53</v>
      </c>
      <c r="AA27" s="165">
        <v>78</v>
      </c>
      <c r="AB27" s="162">
        <v>0</v>
      </c>
      <c r="AC27" s="160">
        <v>90</v>
      </c>
      <c r="AD27" s="160">
        <v>105</v>
      </c>
      <c r="AE27" s="160">
        <v>49</v>
      </c>
      <c r="AF27" s="160">
        <v>43</v>
      </c>
      <c r="AG27" s="160">
        <v>29</v>
      </c>
      <c r="AH27" s="165">
        <v>316</v>
      </c>
      <c r="AI27" s="164">
        <v>394</v>
      </c>
      <c r="AJ27" s="159">
        <v>2</v>
      </c>
      <c r="AK27" s="160">
        <v>5</v>
      </c>
      <c r="AL27" s="165">
        <v>7</v>
      </c>
      <c r="AM27" s="162">
        <v>0</v>
      </c>
      <c r="AN27" s="160">
        <v>0</v>
      </c>
      <c r="AO27" s="160">
        <v>14</v>
      </c>
      <c r="AP27" s="160">
        <v>5</v>
      </c>
      <c r="AQ27" s="160">
        <v>4</v>
      </c>
      <c r="AR27" s="160">
        <v>1</v>
      </c>
      <c r="AS27" s="165">
        <v>24</v>
      </c>
      <c r="AT27" s="164">
        <v>31</v>
      </c>
      <c r="AU27" s="159">
        <v>8</v>
      </c>
      <c r="AV27" s="160">
        <v>13</v>
      </c>
      <c r="AW27" s="165">
        <v>21</v>
      </c>
      <c r="AX27" s="162">
        <v>0</v>
      </c>
      <c r="AY27" s="160">
        <v>72</v>
      </c>
      <c r="AZ27" s="160">
        <v>79</v>
      </c>
      <c r="BA27" s="160">
        <v>64</v>
      </c>
      <c r="BB27" s="160">
        <v>79</v>
      </c>
      <c r="BC27" s="160">
        <v>54</v>
      </c>
      <c r="BD27" s="163">
        <v>348</v>
      </c>
      <c r="BE27" s="164">
        <v>369</v>
      </c>
      <c r="BF27" s="159">
        <v>0</v>
      </c>
      <c r="BG27" s="160">
        <v>0</v>
      </c>
      <c r="BH27" s="165">
        <v>0</v>
      </c>
      <c r="BI27" s="162">
        <v>0</v>
      </c>
      <c r="BJ27" s="160">
        <v>168</v>
      </c>
      <c r="BK27" s="160">
        <v>102</v>
      </c>
      <c r="BL27" s="160">
        <v>50</v>
      </c>
      <c r="BM27" s="160">
        <v>34</v>
      </c>
      <c r="BN27" s="160">
        <v>12</v>
      </c>
      <c r="BO27" s="165">
        <v>366</v>
      </c>
      <c r="BP27" s="164">
        <v>366</v>
      </c>
      <c r="BQ27" s="159">
        <v>0</v>
      </c>
      <c r="BR27" s="160">
        <v>5</v>
      </c>
      <c r="BS27" s="165">
        <v>5</v>
      </c>
      <c r="BT27" s="162">
        <v>0</v>
      </c>
      <c r="BU27" s="160">
        <v>28</v>
      </c>
      <c r="BV27" s="160">
        <v>57</v>
      </c>
      <c r="BW27" s="160">
        <v>20</v>
      </c>
      <c r="BX27" s="160">
        <v>14</v>
      </c>
      <c r="BY27" s="160">
        <v>3</v>
      </c>
      <c r="BZ27" s="165">
        <v>122</v>
      </c>
      <c r="CA27" s="164">
        <v>127</v>
      </c>
      <c r="CB27" s="159">
        <v>0</v>
      </c>
      <c r="CC27" s="160">
        <v>4</v>
      </c>
      <c r="CD27" s="165">
        <v>4</v>
      </c>
      <c r="CE27" s="162">
        <v>0</v>
      </c>
      <c r="CF27" s="160">
        <v>23</v>
      </c>
      <c r="CG27" s="160">
        <v>32</v>
      </c>
      <c r="CH27" s="160">
        <v>22</v>
      </c>
      <c r="CI27" s="160">
        <v>11</v>
      </c>
      <c r="CJ27" s="160">
        <v>5</v>
      </c>
      <c r="CK27" s="165">
        <v>93</v>
      </c>
      <c r="CL27" s="164">
        <v>97</v>
      </c>
      <c r="CM27" s="159">
        <v>0</v>
      </c>
      <c r="CN27" s="160">
        <v>0</v>
      </c>
      <c r="CO27" s="165">
        <v>0</v>
      </c>
      <c r="CP27" s="162">
        <v>0</v>
      </c>
      <c r="CQ27" s="160">
        <v>3</v>
      </c>
      <c r="CR27" s="160">
        <v>7</v>
      </c>
      <c r="CS27" s="160">
        <v>5</v>
      </c>
      <c r="CT27" s="160">
        <v>5</v>
      </c>
      <c r="CU27" s="160">
        <v>1</v>
      </c>
      <c r="CV27" s="165">
        <v>21</v>
      </c>
      <c r="CW27" s="164">
        <v>21</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92</v>
      </c>
      <c r="DU27" s="160">
        <v>172</v>
      </c>
      <c r="DV27" s="165">
        <v>264</v>
      </c>
      <c r="DW27" s="162">
        <v>0</v>
      </c>
      <c r="DX27" s="160">
        <v>142</v>
      </c>
      <c r="DY27" s="160">
        <v>268</v>
      </c>
      <c r="DZ27" s="160">
        <v>118</v>
      </c>
      <c r="EA27" s="160">
        <v>108</v>
      </c>
      <c r="EB27" s="160">
        <v>50</v>
      </c>
      <c r="EC27" s="165">
        <v>686</v>
      </c>
      <c r="ED27" s="164">
        <v>950</v>
      </c>
      <c r="EE27" s="159">
        <v>3</v>
      </c>
      <c r="EF27" s="160">
        <v>6</v>
      </c>
      <c r="EG27" s="165">
        <v>9</v>
      </c>
      <c r="EH27" s="162">
        <v>0</v>
      </c>
      <c r="EI27" s="160">
        <v>23</v>
      </c>
      <c r="EJ27" s="160">
        <v>12</v>
      </c>
      <c r="EK27" s="160">
        <v>11</v>
      </c>
      <c r="EL27" s="160">
        <v>21</v>
      </c>
      <c r="EM27" s="160">
        <v>12</v>
      </c>
      <c r="EN27" s="165">
        <v>79</v>
      </c>
      <c r="EO27" s="164">
        <v>88</v>
      </c>
      <c r="EP27" s="159">
        <v>111</v>
      </c>
      <c r="EQ27" s="160">
        <v>196</v>
      </c>
      <c r="ER27" s="165">
        <v>307</v>
      </c>
      <c r="ES27" s="162">
        <v>0</v>
      </c>
      <c r="ET27" s="160">
        <v>357</v>
      </c>
      <c r="EU27" s="160">
        <v>330</v>
      </c>
      <c r="EV27" s="160">
        <v>144</v>
      </c>
      <c r="EW27" s="160">
        <v>118</v>
      </c>
      <c r="EX27" s="160">
        <v>56</v>
      </c>
      <c r="EY27" s="165">
        <v>1005</v>
      </c>
      <c r="EZ27" s="164">
        <v>1312</v>
      </c>
    </row>
    <row r="28" spans="2:156" ht="21" customHeight="1" x14ac:dyDescent="0.2">
      <c r="B28" s="166" t="s">
        <v>26</v>
      </c>
      <c r="C28" s="159">
        <v>0</v>
      </c>
      <c r="D28" s="160">
        <v>0</v>
      </c>
      <c r="E28" s="161">
        <v>0</v>
      </c>
      <c r="F28" s="162">
        <v>0</v>
      </c>
      <c r="G28" s="160">
        <v>75</v>
      </c>
      <c r="H28" s="160">
        <v>107</v>
      </c>
      <c r="I28" s="160">
        <v>68</v>
      </c>
      <c r="J28" s="160">
        <v>39</v>
      </c>
      <c r="K28" s="160">
        <v>49</v>
      </c>
      <c r="L28" s="163">
        <v>338</v>
      </c>
      <c r="M28" s="164">
        <v>338</v>
      </c>
      <c r="N28" s="159">
        <v>0</v>
      </c>
      <c r="O28" s="160">
        <v>0</v>
      </c>
      <c r="P28" s="165">
        <v>0</v>
      </c>
      <c r="Q28" s="162">
        <v>0</v>
      </c>
      <c r="R28" s="160">
        <v>0</v>
      </c>
      <c r="S28" s="160">
        <v>1</v>
      </c>
      <c r="T28" s="160">
        <v>5</v>
      </c>
      <c r="U28" s="160">
        <v>8</v>
      </c>
      <c r="V28" s="160">
        <v>17</v>
      </c>
      <c r="W28" s="165">
        <v>31</v>
      </c>
      <c r="X28" s="164">
        <v>31</v>
      </c>
      <c r="Y28" s="159">
        <v>20</v>
      </c>
      <c r="Z28" s="160">
        <v>17</v>
      </c>
      <c r="AA28" s="165">
        <v>37</v>
      </c>
      <c r="AB28" s="162">
        <v>0</v>
      </c>
      <c r="AC28" s="160">
        <v>78</v>
      </c>
      <c r="AD28" s="160">
        <v>85</v>
      </c>
      <c r="AE28" s="160">
        <v>50</v>
      </c>
      <c r="AF28" s="160">
        <v>44</v>
      </c>
      <c r="AG28" s="160">
        <v>49</v>
      </c>
      <c r="AH28" s="165">
        <v>306</v>
      </c>
      <c r="AI28" s="164">
        <v>343</v>
      </c>
      <c r="AJ28" s="159">
        <v>2</v>
      </c>
      <c r="AK28" s="160">
        <v>1</v>
      </c>
      <c r="AL28" s="165">
        <v>3</v>
      </c>
      <c r="AM28" s="162">
        <v>0</v>
      </c>
      <c r="AN28" s="160">
        <v>3</v>
      </c>
      <c r="AO28" s="160">
        <v>4</v>
      </c>
      <c r="AP28" s="160">
        <v>5</v>
      </c>
      <c r="AQ28" s="160">
        <v>2</v>
      </c>
      <c r="AR28" s="160">
        <v>2</v>
      </c>
      <c r="AS28" s="165">
        <v>16</v>
      </c>
      <c r="AT28" s="164">
        <v>19</v>
      </c>
      <c r="AU28" s="159">
        <v>12</v>
      </c>
      <c r="AV28" s="160">
        <v>4</v>
      </c>
      <c r="AW28" s="165">
        <v>16</v>
      </c>
      <c r="AX28" s="162">
        <v>0</v>
      </c>
      <c r="AY28" s="160">
        <v>58</v>
      </c>
      <c r="AZ28" s="160">
        <v>84</v>
      </c>
      <c r="BA28" s="160">
        <v>83</v>
      </c>
      <c r="BB28" s="160">
        <v>63</v>
      </c>
      <c r="BC28" s="160">
        <v>68</v>
      </c>
      <c r="BD28" s="163">
        <v>356</v>
      </c>
      <c r="BE28" s="164">
        <v>372</v>
      </c>
      <c r="BF28" s="159">
        <v>0</v>
      </c>
      <c r="BG28" s="160">
        <v>0</v>
      </c>
      <c r="BH28" s="165">
        <v>0</v>
      </c>
      <c r="BI28" s="162">
        <v>0</v>
      </c>
      <c r="BJ28" s="160">
        <v>115</v>
      </c>
      <c r="BK28" s="160">
        <v>111</v>
      </c>
      <c r="BL28" s="160">
        <v>46</v>
      </c>
      <c r="BM28" s="160">
        <v>26</v>
      </c>
      <c r="BN28" s="160">
        <v>18</v>
      </c>
      <c r="BO28" s="165">
        <v>316</v>
      </c>
      <c r="BP28" s="164">
        <v>316</v>
      </c>
      <c r="BQ28" s="159">
        <v>5</v>
      </c>
      <c r="BR28" s="160">
        <v>8</v>
      </c>
      <c r="BS28" s="165">
        <v>13</v>
      </c>
      <c r="BT28" s="162">
        <v>0</v>
      </c>
      <c r="BU28" s="160">
        <v>19</v>
      </c>
      <c r="BV28" s="160">
        <v>31</v>
      </c>
      <c r="BW28" s="160">
        <v>14</v>
      </c>
      <c r="BX28" s="160">
        <v>11</v>
      </c>
      <c r="BY28" s="160">
        <v>5</v>
      </c>
      <c r="BZ28" s="165">
        <v>80</v>
      </c>
      <c r="CA28" s="164">
        <v>93</v>
      </c>
      <c r="CB28" s="159">
        <v>0</v>
      </c>
      <c r="CC28" s="160">
        <v>1</v>
      </c>
      <c r="CD28" s="165">
        <v>1</v>
      </c>
      <c r="CE28" s="162">
        <v>0</v>
      </c>
      <c r="CF28" s="160">
        <v>14</v>
      </c>
      <c r="CG28" s="160">
        <v>27</v>
      </c>
      <c r="CH28" s="160">
        <v>21</v>
      </c>
      <c r="CI28" s="160">
        <v>16</v>
      </c>
      <c r="CJ28" s="160">
        <v>13</v>
      </c>
      <c r="CK28" s="165">
        <v>91</v>
      </c>
      <c r="CL28" s="164">
        <v>92</v>
      </c>
      <c r="CM28" s="159">
        <v>0</v>
      </c>
      <c r="CN28" s="160">
        <v>0</v>
      </c>
      <c r="CO28" s="165">
        <v>0</v>
      </c>
      <c r="CP28" s="162">
        <v>0</v>
      </c>
      <c r="CQ28" s="160">
        <v>1</v>
      </c>
      <c r="CR28" s="160">
        <v>6</v>
      </c>
      <c r="CS28" s="160">
        <v>3</v>
      </c>
      <c r="CT28" s="160">
        <v>2</v>
      </c>
      <c r="CU28" s="160">
        <v>4</v>
      </c>
      <c r="CV28" s="165">
        <v>16</v>
      </c>
      <c r="CW28" s="164">
        <v>16</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9</v>
      </c>
      <c r="DU28" s="160">
        <v>121</v>
      </c>
      <c r="DV28" s="165">
        <v>190</v>
      </c>
      <c r="DW28" s="162">
        <v>0</v>
      </c>
      <c r="DX28" s="160">
        <v>137</v>
      </c>
      <c r="DY28" s="160">
        <v>216</v>
      </c>
      <c r="DZ28" s="160">
        <v>118</v>
      </c>
      <c r="EA28" s="160">
        <v>82</v>
      </c>
      <c r="EB28" s="160">
        <v>75</v>
      </c>
      <c r="EC28" s="165">
        <v>628</v>
      </c>
      <c r="ED28" s="164">
        <v>818</v>
      </c>
      <c r="EE28" s="159">
        <v>9</v>
      </c>
      <c r="EF28" s="160">
        <v>3</v>
      </c>
      <c r="EG28" s="165">
        <v>12</v>
      </c>
      <c r="EH28" s="162">
        <v>0</v>
      </c>
      <c r="EI28" s="160">
        <v>26</v>
      </c>
      <c r="EJ28" s="160">
        <v>19</v>
      </c>
      <c r="EK28" s="160">
        <v>26</v>
      </c>
      <c r="EL28" s="160">
        <v>24</v>
      </c>
      <c r="EM28" s="160">
        <v>11</v>
      </c>
      <c r="EN28" s="165">
        <v>106</v>
      </c>
      <c r="EO28" s="164">
        <v>118</v>
      </c>
      <c r="EP28" s="159">
        <v>85</v>
      </c>
      <c r="EQ28" s="160">
        <v>131</v>
      </c>
      <c r="ER28" s="165">
        <v>216</v>
      </c>
      <c r="ES28" s="162">
        <v>0</v>
      </c>
      <c r="ET28" s="160">
        <v>261</v>
      </c>
      <c r="EU28" s="160">
        <v>285</v>
      </c>
      <c r="EV28" s="160">
        <v>143</v>
      </c>
      <c r="EW28" s="160">
        <v>85</v>
      </c>
      <c r="EX28" s="160">
        <v>74</v>
      </c>
      <c r="EY28" s="165">
        <v>848</v>
      </c>
      <c r="EZ28" s="164">
        <v>1064</v>
      </c>
    </row>
    <row r="29" spans="2:156" ht="21" customHeight="1" x14ac:dyDescent="0.2">
      <c r="B29" s="166" t="s">
        <v>27</v>
      </c>
      <c r="C29" s="159">
        <v>0</v>
      </c>
      <c r="D29" s="160">
        <v>0</v>
      </c>
      <c r="E29" s="161">
        <v>0</v>
      </c>
      <c r="F29" s="162">
        <v>0</v>
      </c>
      <c r="G29" s="160">
        <v>60</v>
      </c>
      <c r="H29" s="160">
        <v>57</v>
      </c>
      <c r="I29" s="160">
        <v>37</v>
      </c>
      <c r="J29" s="160">
        <v>42</v>
      </c>
      <c r="K29" s="160">
        <v>29</v>
      </c>
      <c r="L29" s="163">
        <v>225</v>
      </c>
      <c r="M29" s="164">
        <v>225</v>
      </c>
      <c r="N29" s="159">
        <v>0</v>
      </c>
      <c r="O29" s="160">
        <v>0</v>
      </c>
      <c r="P29" s="165">
        <v>0</v>
      </c>
      <c r="Q29" s="162">
        <v>0</v>
      </c>
      <c r="R29" s="160">
        <v>1</v>
      </c>
      <c r="S29" s="160">
        <v>5</v>
      </c>
      <c r="T29" s="160">
        <v>4</v>
      </c>
      <c r="U29" s="160">
        <v>11</v>
      </c>
      <c r="V29" s="160">
        <v>15</v>
      </c>
      <c r="W29" s="165">
        <v>36</v>
      </c>
      <c r="X29" s="164">
        <v>36</v>
      </c>
      <c r="Y29" s="159">
        <v>23</v>
      </c>
      <c r="Z29" s="160">
        <v>50</v>
      </c>
      <c r="AA29" s="165">
        <v>73</v>
      </c>
      <c r="AB29" s="162">
        <v>0</v>
      </c>
      <c r="AC29" s="160">
        <v>39</v>
      </c>
      <c r="AD29" s="160">
        <v>48</v>
      </c>
      <c r="AE29" s="160">
        <v>42</v>
      </c>
      <c r="AF29" s="160">
        <v>34</v>
      </c>
      <c r="AG29" s="160">
        <v>26</v>
      </c>
      <c r="AH29" s="165">
        <v>189</v>
      </c>
      <c r="AI29" s="164">
        <v>262</v>
      </c>
      <c r="AJ29" s="159">
        <v>1</v>
      </c>
      <c r="AK29" s="160">
        <v>2</v>
      </c>
      <c r="AL29" s="165">
        <v>3</v>
      </c>
      <c r="AM29" s="162">
        <v>0</v>
      </c>
      <c r="AN29" s="160">
        <v>1</v>
      </c>
      <c r="AO29" s="160">
        <v>0</v>
      </c>
      <c r="AP29" s="160">
        <v>1</v>
      </c>
      <c r="AQ29" s="160">
        <v>1</v>
      </c>
      <c r="AR29" s="160">
        <v>2</v>
      </c>
      <c r="AS29" s="165">
        <v>5</v>
      </c>
      <c r="AT29" s="164">
        <v>8</v>
      </c>
      <c r="AU29" s="159">
        <v>12</v>
      </c>
      <c r="AV29" s="160">
        <v>18</v>
      </c>
      <c r="AW29" s="165">
        <v>30</v>
      </c>
      <c r="AX29" s="162">
        <v>0</v>
      </c>
      <c r="AY29" s="160">
        <v>75</v>
      </c>
      <c r="AZ29" s="160">
        <v>62</v>
      </c>
      <c r="BA29" s="160">
        <v>64</v>
      </c>
      <c r="BB29" s="160">
        <v>73</v>
      </c>
      <c r="BC29" s="160">
        <v>47</v>
      </c>
      <c r="BD29" s="163">
        <v>321</v>
      </c>
      <c r="BE29" s="164">
        <v>351</v>
      </c>
      <c r="BF29" s="159">
        <v>0</v>
      </c>
      <c r="BG29" s="160">
        <v>0</v>
      </c>
      <c r="BH29" s="165">
        <v>0</v>
      </c>
      <c r="BI29" s="162">
        <v>0</v>
      </c>
      <c r="BJ29" s="160">
        <v>111</v>
      </c>
      <c r="BK29" s="160">
        <v>60</v>
      </c>
      <c r="BL29" s="160">
        <v>37</v>
      </c>
      <c r="BM29" s="160">
        <v>40</v>
      </c>
      <c r="BN29" s="160">
        <v>9</v>
      </c>
      <c r="BO29" s="165">
        <v>257</v>
      </c>
      <c r="BP29" s="164">
        <v>257</v>
      </c>
      <c r="BQ29" s="159">
        <v>19</v>
      </c>
      <c r="BR29" s="160">
        <v>35</v>
      </c>
      <c r="BS29" s="165">
        <v>54</v>
      </c>
      <c r="BT29" s="162">
        <v>0</v>
      </c>
      <c r="BU29" s="160">
        <v>27</v>
      </c>
      <c r="BV29" s="160">
        <v>32</v>
      </c>
      <c r="BW29" s="160">
        <v>19</v>
      </c>
      <c r="BX29" s="160">
        <v>5</v>
      </c>
      <c r="BY29" s="160">
        <v>7</v>
      </c>
      <c r="BZ29" s="165">
        <v>90</v>
      </c>
      <c r="CA29" s="164">
        <v>144</v>
      </c>
      <c r="CB29" s="159">
        <v>1</v>
      </c>
      <c r="CC29" s="160">
        <v>3</v>
      </c>
      <c r="CD29" s="165">
        <v>4</v>
      </c>
      <c r="CE29" s="162">
        <v>0</v>
      </c>
      <c r="CF29" s="160">
        <v>15</v>
      </c>
      <c r="CG29" s="160">
        <v>12</v>
      </c>
      <c r="CH29" s="160">
        <v>14</v>
      </c>
      <c r="CI29" s="160">
        <v>11</v>
      </c>
      <c r="CJ29" s="160">
        <v>4</v>
      </c>
      <c r="CK29" s="165">
        <v>56</v>
      </c>
      <c r="CL29" s="164">
        <v>60</v>
      </c>
      <c r="CM29" s="159">
        <v>1</v>
      </c>
      <c r="CN29" s="160">
        <v>1</v>
      </c>
      <c r="CO29" s="165">
        <v>2</v>
      </c>
      <c r="CP29" s="162">
        <v>0</v>
      </c>
      <c r="CQ29" s="160">
        <v>2</v>
      </c>
      <c r="CR29" s="160">
        <v>2</v>
      </c>
      <c r="CS29" s="160">
        <v>2</v>
      </c>
      <c r="CT29" s="160">
        <v>1</v>
      </c>
      <c r="CU29" s="160">
        <v>1</v>
      </c>
      <c r="CV29" s="165">
        <v>8</v>
      </c>
      <c r="CW29" s="164">
        <v>10</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06</v>
      </c>
      <c r="DU29" s="160">
        <v>153</v>
      </c>
      <c r="DV29" s="165">
        <v>259</v>
      </c>
      <c r="DW29" s="162">
        <v>0</v>
      </c>
      <c r="DX29" s="160">
        <v>84</v>
      </c>
      <c r="DY29" s="160">
        <v>124</v>
      </c>
      <c r="DZ29" s="160">
        <v>91</v>
      </c>
      <c r="EA29" s="160">
        <v>74</v>
      </c>
      <c r="EB29" s="160">
        <v>43</v>
      </c>
      <c r="EC29" s="165">
        <v>416</v>
      </c>
      <c r="ED29" s="164">
        <v>675</v>
      </c>
      <c r="EE29" s="159">
        <v>13</v>
      </c>
      <c r="EF29" s="160">
        <v>15</v>
      </c>
      <c r="EG29" s="165">
        <v>28</v>
      </c>
      <c r="EH29" s="162">
        <v>0</v>
      </c>
      <c r="EI29" s="160">
        <v>48</v>
      </c>
      <c r="EJ29" s="160">
        <v>29</v>
      </c>
      <c r="EK29" s="160">
        <v>30</v>
      </c>
      <c r="EL29" s="160">
        <v>33</v>
      </c>
      <c r="EM29" s="160">
        <v>16</v>
      </c>
      <c r="EN29" s="165">
        <v>156</v>
      </c>
      <c r="EO29" s="164">
        <v>184</v>
      </c>
      <c r="EP29" s="159">
        <v>137</v>
      </c>
      <c r="EQ29" s="160">
        <v>190</v>
      </c>
      <c r="ER29" s="165">
        <v>327</v>
      </c>
      <c r="ES29" s="162">
        <v>0</v>
      </c>
      <c r="ET29" s="160">
        <v>223</v>
      </c>
      <c r="EU29" s="160">
        <v>150</v>
      </c>
      <c r="EV29" s="160">
        <v>97</v>
      </c>
      <c r="EW29" s="160">
        <v>80</v>
      </c>
      <c r="EX29" s="160">
        <v>43</v>
      </c>
      <c r="EY29" s="165">
        <v>593</v>
      </c>
      <c r="EZ29" s="164">
        <v>920</v>
      </c>
    </row>
    <row r="30" spans="2:156" ht="21" customHeight="1" x14ac:dyDescent="0.2">
      <c r="B30" s="166" t="s">
        <v>28</v>
      </c>
      <c r="C30" s="159">
        <v>0</v>
      </c>
      <c r="D30" s="160">
        <v>0</v>
      </c>
      <c r="E30" s="161">
        <v>0</v>
      </c>
      <c r="F30" s="162">
        <v>0</v>
      </c>
      <c r="G30" s="160">
        <v>13</v>
      </c>
      <c r="H30" s="160">
        <v>18</v>
      </c>
      <c r="I30" s="160">
        <v>8</v>
      </c>
      <c r="J30" s="160">
        <v>8</v>
      </c>
      <c r="K30" s="160">
        <v>8</v>
      </c>
      <c r="L30" s="163">
        <v>55</v>
      </c>
      <c r="M30" s="164">
        <v>55</v>
      </c>
      <c r="N30" s="159">
        <v>0</v>
      </c>
      <c r="O30" s="160">
        <v>0</v>
      </c>
      <c r="P30" s="165">
        <v>0</v>
      </c>
      <c r="Q30" s="162">
        <v>0</v>
      </c>
      <c r="R30" s="160">
        <v>0</v>
      </c>
      <c r="S30" s="160">
        <v>0</v>
      </c>
      <c r="T30" s="160">
        <v>3</v>
      </c>
      <c r="U30" s="160">
        <v>2</v>
      </c>
      <c r="V30" s="160">
        <v>3</v>
      </c>
      <c r="W30" s="165">
        <v>8</v>
      </c>
      <c r="X30" s="164">
        <v>8</v>
      </c>
      <c r="Y30" s="159">
        <v>2</v>
      </c>
      <c r="Z30" s="160">
        <v>6</v>
      </c>
      <c r="AA30" s="165">
        <v>8</v>
      </c>
      <c r="AB30" s="162">
        <v>0</v>
      </c>
      <c r="AC30" s="160">
        <v>13</v>
      </c>
      <c r="AD30" s="160">
        <v>12</v>
      </c>
      <c r="AE30" s="160">
        <v>12</v>
      </c>
      <c r="AF30" s="160">
        <v>16</v>
      </c>
      <c r="AG30" s="160">
        <v>9</v>
      </c>
      <c r="AH30" s="165">
        <v>62</v>
      </c>
      <c r="AI30" s="164">
        <v>70</v>
      </c>
      <c r="AJ30" s="159">
        <v>0</v>
      </c>
      <c r="AK30" s="160">
        <v>0</v>
      </c>
      <c r="AL30" s="165">
        <v>0</v>
      </c>
      <c r="AM30" s="162">
        <v>0</v>
      </c>
      <c r="AN30" s="160">
        <v>1</v>
      </c>
      <c r="AO30" s="160">
        <v>0</v>
      </c>
      <c r="AP30" s="160">
        <v>1</v>
      </c>
      <c r="AQ30" s="160">
        <v>1</v>
      </c>
      <c r="AR30" s="160">
        <v>2</v>
      </c>
      <c r="AS30" s="165">
        <v>5</v>
      </c>
      <c r="AT30" s="164">
        <v>5</v>
      </c>
      <c r="AU30" s="159">
        <v>1</v>
      </c>
      <c r="AV30" s="160">
        <v>1</v>
      </c>
      <c r="AW30" s="165">
        <v>2</v>
      </c>
      <c r="AX30" s="162">
        <v>0</v>
      </c>
      <c r="AY30" s="160">
        <v>12</v>
      </c>
      <c r="AZ30" s="160">
        <v>19</v>
      </c>
      <c r="BA30" s="160">
        <v>14</v>
      </c>
      <c r="BB30" s="160">
        <v>16</v>
      </c>
      <c r="BC30" s="160">
        <v>19</v>
      </c>
      <c r="BD30" s="163">
        <v>80</v>
      </c>
      <c r="BE30" s="164">
        <v>82</v>
      </c>
      <c r="BF30" s="159">
        <v>0</v>
      </c>
      <c r="BG30" s="160">
        <v>0</v>
      </c>
      <c r="BH30" s="165">
        <v>0</v>
      </c>
      <c r="BI30" s="162">
        <v>0</v>
      </c>
      <c r="BJ30" s="160">
        <v>27</v>
      </c>
      <c r="BK30" s="160">
        <v>40</v>
      </c>
      <c r="BL30" s="160">
        <v>23</v>
      </c>
      <c r="BM30" s="160">
        <v>11</v>
      </c>
      <c r="BN30" s="160">
        <v>8</v>
      </c>
      <c r="BO30" s="165">
        <v>109</v>
      </c>
      <c r="BP30" s="164">
        <v>109</v>
      </c>
      <c r="BQ30" s="159">
        <v>2</v>
      </c>
      <c r="BR30" s="160">
        <v>4</v>
      </c>
      <c r="BS30" s="165">
        <v>6</v>
      </c>
      <c r="BT30" s="162">
        <v>0</v>
      </c>
      <c r="BU30" s="160">
        <v>10</v>
      </c>
      <c r="BV30" s="160">
        <v>14</v>
      </c>
      <c r="BW30" s="160">
        <v>6</v>
      </c>
      <c r="BX30" s="160">
        <v>10</v>
      </c>
      <c r="BY30" s="160">
        <v>4</v>
      </c>
      <c r="BZ30" s="165">
        <v>44</v>
      </c>
      <c r="CA30" s="164">
        <v>50</v>
      </c>
      <c r="CB30" s="159">
        <v>0</v>
      </c>
      <c r="CC30" s="160">
        <v>0</v>
      </c>
      <c r="CD30" s="165">
        <v>0</v>
      </c>
      <c r="CE30" s="162">
        <v>0</v>
      </c>
      <c r="CF30" s="160">
        <v>2</v>
      </c>
      <c r="CG30" s="160">
        <v>8</v>
      </c>
      <c r="CH30" s="160">
        <v>6</v>
      </c>
      <c r="CI30" s="160">
        <v>6</v>
      </c>
      <c r="CJ30" s="160">
        <v>5</v>
      </c>
      <c r="CK30" s="165">
        <v>27</v>
      </c>
      <c r="CL30" s="164">
        <v>27</v>
      </c>
      <c r="CM30" s="159">
        <v>0</v>
      </c>
      <c r="CN30" s="160">
        <v>0</v>
      </c>
      <c r="CO30" s="165">
        <v>0</v>
      </c>
      <c r="CP30" s="162">
        <v>0</v>
      </c>
      <c r="CQ30" s="160">
        <v>1</v>
      </c>
      <c r="CR30" s="160">
        <v>0</v>
      </c>
      <c r="CS30" s="160">
        <v>4</v>
      </c>
      <c r="CT30" s="160">
        <v>1</v>
      </c>
      <c r="CU30" s="160">
        <v>1</v>
      </c>
      <c r="CV30" s="165">
        <v>7</v>
      </c>
      <c r="CW30" s="164">
        <v>7</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6</v>
      </c>
      <c r="DU30" s="160">
        <v>24</v>
      </c>
      <c r="DV30" s="165">
        <v>30</v>
      </c>
      <c r="DW30" s="162">
        <v>0</v>
      </c>
      <c r="DX30" s="160">
        <v>45</v>
      </c>
      <c r="DY30" s="160">
        <v>66</v>
      </c>
      <c r="DZ30" s="160">
        <v>37</v>
      </c>
      <c r="EA30" s="160">
        <v>27</v>
      </c>
      <c r="EB30" s="160">
        <v>15</v>
      </c>
      <c r="EC30" s="165">
        <v>190</v>
      </c>
      <c r="ED30" s="164">
        <v>220</v>
      </c>
      <c r="EE30" s="159">
        <v>0</v>
      </c>
      <c r="EF30" s="160">
        <v>0</v>
      </c>
      <c r="EG30" s="165">
        <v>0</v>
      </c>
      <c r="EH30" s="162">
        <v>0</v>
      </c>
      <c r="EI30" s="160">
        <v>5</v>
      </c>
      <c r="EJ30" s="160">
        <v>7</v>
      </c>
      <c r="EK30" s="160">
        <v>3</v>
      </c>
      <c r="EL30" s="160">
        <v>2</v>
      </c>
      <c r="EM30" s="160">
        <v>6</v>
      </c>
      <c r="EN30" s="165">
        <v>23</v>
      </c>
      <c r="EO30" s="164">
        <v>23</v>
      </c>
      <c r="EP30" s="159">
        <v>9</v>
      </c>
      <c r="EQ30" s="160">
        <v>28</v>
      </c>
      <c r="ER30" s="165">
        <v>37</v>
      </c>
      <c r="ES30" s="162">
        <v>0</v>
      </c>
      <c r="ET30" s="160">
        <v>86</v>
      </c>
      <c r="EU30" s="160">
        <v>90</v>
      </c>
      <c r="EV30" s="160">
        <v>47</v>
      </c>
      <c r="EW30" s="160">
        <v>32</v>
      </c>
      <c r="EX30" s="160">
        <v>17</v>
      </c>
      <c r="EY30" s="165">
        <v>272</v>
      </c>
      <c r="EZ30" s="164">
        <v>309</v>
      </c>
    </row>
    <row r="31" spans="2:156" ht="21" customHeight="1" x14ac:dyDescent="0.2">
      <c r="B31" s="166" t="s">
        <v>29</v>
      </c>
      <c r="C31" s="159">
        <v>0</v>
      </c>
      <c r="D31" s="160">
        <v>0</v>
      </c>
      <c r="E31" s="161">
        <v>0</v>
      </c>
      <c r="F31" s="162">
        <v>0</v>
      </c>
      <c r="G31" s="160">
        <v>23</v>
      </c>
      <c r="H31" s="160">
        <v>32</v>
      </c>
      <c r="I31" s="160">
        <v>19</v>
      </c>
      <c r="J31" s="160">
        <v>18</v>
      </c>
      <c r="K31" s="160">
        <v>13</v>
      </c>
      <c r="L31" s="163">
        <v>105</v>
      </c>
      <c r="M31" s="164">
        <v>105</v>
      </c>
      <c r="N31" s="159">
        <v>0</v>
      </c>
      <c r="O31" s="160">
        <v>0</v>
      </c>
      <c r="P31" s="165">
        <v>0</v>
      </c>
      <c r="Q31" s="162">
        <v>0</v>
      </c>
      <c r="R31" s="160">
        <v>0</v>
      </c>
      <c r="S31" s="160">
        <v>2</v>
      </c>
      <c r="T31" s="160">
        <v>0</v>
      </c>
      <c r="U31" s="160">
        <v>6</v>
      </c>
      <c r="V31" s="160">
        <v>9</v>
      </c>
      <c r="W31" s="165">
        <v>17</v>
      </c>
      <c r="X31" s="164">
        <v>17</v>
      </c>
      <c r="Y31" s="159">
        <v>2</v>
      </c>
      <c r="Z31" s="160">
        <v>5</v>
      </c>
      <c r="AA31" s="165">
        <v>7</v>
      </c>
      <c r="AB31" s="162">
        <v>0</v>
      </c>
      <c r="AC31" s="160">
        <v>21</v>
      </c>
      <c r="AD31" s="160">
        <v>26</v>
      </c>
      <c r="AE31" s="160">
        <v>16</v>
      </c>
      <c r="AF31" s="160">
        <v>16</v>
      </c>
      <c r="AG31" s="160">
        <v>14</v>
      </c>
      <c r="AH31" s="165">
        <v>93</v>
      </c>
      <c r="AI31" s="164">
        <v>100</v>
      </c>
      <c r="AJ31" s="159">
        <v>0</v>
      </c>
      <c r="AK31" s="160">
        <v>3</v>
      </c>
      <c r="AL31" s="165">
        <v>3</v>
      </c>
      <c r="AM31" s="162">
        <v>0</v>
      </c>
      <c r="AN31" s="160">
        <v>3</v>
      </c>
      <c r="AO31" s="160">
        <v>3</v>
      </c>
      <c r="AP31" s="160">
        <v>2</v>
      </c>
      <c r="AQ31" s="160">
        <v>1</v>
      </c>
      <c r="AR31" s="160">
        <v>1</v>
      </c>
      <c r="AS31" s="165">
        <v>10</v>
      </c>
      <c r="AT31" s="164">
        <v>13</v>
      </c>
      <c r="AU31" s="159">
        <v>6</v>
      </c>
      <c r="AV31" s="160">
        <v>2</v>
      </c>
      <c r="AW31" s="165">
        <v>8</v>
      </c>
      <c r="AX31" s="162">
        <v>0</v>
      </c>
      <c r="AY31" s="160">
        <v>27</v>
      </c>
      <c r="AZ31" s="160">
        <v>28</v>
      </c>
      <c r="BA31" s="160">
        <v>26</v>
      </c>
      <c r="BB31" s="160">
        <v>29</v>
      </c>
      <c r="BC31" s="160">
        <v>16</v>
      </c>
      <c r="BD31" s="163">
        <v>126</v>
      </c>
      <c r="BE31" s="164">
        <v>134</v>
      </c>
      <c r="BF31" s="159">
        <v>0</v>
      </c>
      <c r="BG31" s="160">
        <v>0</v>
      </c>
      <c r="BH31" s="165">
        <v>0</v>
      </c>
      <c r="BI31" s="162">
        <v>0</v>
      </c>
      <c r="BJ31" s="160">
        <v>32</v>
      </c>
      <c r="BK31" s="160">
        <v>39</v>
      </c>
      <c r="BL31" s="160">
        <v>26</v>
      </c>
      <c r="BM31" s="160">
        <v>12</v>
      </c>
      <c r="BN31" s="160">
        <v>7</v>
      </c>
      <c r="BO31" s="165">
        <v>116</v>
      </c>
      <c r="BP31" s="164">
        <v>116</v>
      </c>
      <c r="BQ31" s="159">
        <v>3</v>
      </c>
      <c r="BR31" s="160">
        <v>6</v>
      </c>
      <c r="BS31" s="165">
        <v>9</v>
      </c>
      <c r="BT31" s="162">
        <v>0</v>
      </c>
      <c r="BU31" s="160">
        <v>10</v>
      </c>
      <c r="BV31" s="160">
        <v>14</v>
      </c>
      <c r="BW31" s="160">
        <v>12</v>
      </c>
      <c r="BX31" s="160">
        <v>4</v>
      </c>
      <c r="BY31" s="160">
        <v>1</v>
      </c>
      <c r="BZ31" s="165">
        <v>41</v>
      </c>
      <c r="CA31" s="164">
        <v>50</v>
      </c>
      <c r="CB31" s="159">
        <v>0</v>
      </c>
      <c r="CC31" s="160">
        <v>0</v>
      </c>
      <c r="CD31" s="165">
        <v>0</v>
      </c>
      <c r="CE31" s="162">
        <v>0</v>
      </c>
      <c r="CF31" s="160">
        <v>4</v>
      </c>
      <c r="CG31" s="160">
        <v>9</v>
      </c>
      <c r="CH31" s="160">
        <v>14</v>
      </c>
      <c r="CI31" s="160">
        <v>8</v>
      </c>
      <c r="CJ31" s="160">
        <v>6</v>
      </c>
      <c r="CK31" s="165">
        <v>41</v>
      </c>
      <c r="CL31" s="164">
        <v>41</v>
      </c>
      <c r="CM31" s="159">
        <v>0</v>
      </c>
      <c r="CN31" s="160">
        <v>0</v>
      </c>
      <c r="CO31" s="165">
        <v>0</v>
      </c>
      <c r="CP31" s="162">
        <v>0</v>
      </c>
      <c r="CQ31" s="160">
        <v>0</v>
      </c>
      <c r="CR31" s="160">
        <v>2</v>
      </c>
      <c r="CS31" s="160">
        <v>1</v>
      </c>
      <c r="CT31" s="160">
        <v>1</v>
      </c>
      <c r="CU31" s="160">
        <v>1</v>
      </c>
      <c r="CV31" s="165">
        <v>5</v>
      </c>
      <c r="CW31" s="164">
        <v>5</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31</v>
      </c>
      <c r="DU31" s="160">
        <v>33</v>
      </c>
      <c r="DV31" s="165">
        <v>64</v>
      </c>
      <c r="DW31" s="162">
        <v>0</v>
      </c>
      <c r="DX31" s="160">
        <v>46</v>
      </c>
      <c r="DY31" s="160">
        <v>81</v>
      </c>
      <c r="DZ31" s="160">
        <v>51</v>
      </c>
      <c r="EA31" s="160">
        <v>40</v>
      </c>
      <c r="EB31" s="160">
        <v>22</v>
      </c>
      <c r="EC31" s="165">
        <v>240</v>
      </c>
      <c r="ED31" s="164">
        <v>304</v>
      </c>
      <c r="EE31" s="159">
        <v>3</v>
      </c>
      <c r="EF31" s="160">
        <v>0</v>
      </c>
      <c r="EG31" s="165">
        <v>3</v>
      </c>
      <c r="EH31" s="162">
        <v>0</v>
      </c>
      <c r="EI31" s="160">
        <v>10</v>
      </c>
      <c r="EJ31" s="160">
        <v>5</v>
      </c>
      <c r="EK31" s="160">
        <v>4</v>
      </c>
      <c r="EL31" s="160">
        <v>10</v>
      </c>
      <c r="EM31" s="160">
        <v>4</v>
      </c>
      <c r="EN31" s="165">
        <v>33</v>
      </c>
      <c r="EO31" s="164">
        <v>36</v>
      </c>
      <c r="EP31" s="159">
        <v>37</v>
      </c>
      <c r="EQ31" s="160">
        <v>42</v>
      </c>
      <c r="ER31" s="165">
        <v>79</v>
      </c>
      <c r="ES31" s="162">
        <v>0</v>
      </c>
      <c r="ET31" s="160">
        <v>85</v>
      </c>
      <c r="EU31" s="160">
        <v>105</v>
      </c>
      <c r="EV31" s="160">
        <v>63</v>
      </c>
      <c r="EW31" s="160">
        <v>40</v>
      </c>
      <c r="EX31" s="160">
        <v>22</v>
      </c>
      <c r="EY31" s="165">
        <v>315</v>
      </c>
      <c r="EZ31" s="164">
        <v>394</v>
      </c>
    </row>
    <row r="32" spans="2:156" ht="21" customHeight="1" x14ac:dyDescent="0.2">
      <c r="B32" s="166" t="s">
        <v>30</v>
      </c>
      <c r="C32" s="159">
        <v>0</v>
      </c>
      <c r="D32" s="160">
        <v>0</v>
      </c>
      <c r="E32" s="161">
        <v>0</v>
      </c>
      <c r="F32" s="162">
        <v>0</v>
      </c>
      <c r="G32" s="160">
        <v>24</v>
      </c>
      <c r="H32" s="160">
        <v>19</v>
      </c>
      <c r="I32" s="160">
        <v>13</v>
      </c>
      <c r="J32" s="160">
        <v>14</v>
      </c>
      <c r="K32" s="160">
        <v>10</v>
      </c>
      <c r="L32" s="163">
        <v>80</v>
      </c>
      <c r="M32" s="164">
        <v>80</v>
      </c>
      <c r="N32" s="159">
        <v>0</v>
      </c>
      <c r="O32" s="160">
        <v>0</v>
      </c>
      <c r="P32" s="165">
        <v>0</v>
      </c>
      <c r="Q32" s="162">
        <v>0</v>
      </c>
      <c r="R32" s="160">
        <v>1</v>
      </c>
      <c r="S32" s="160">
        <v>1</v>
      </c>
      <c r="T32" s="160">
        <v>4</v>
      </c>
      <c r="U32" s="160">
        <v>5</v>
      </c>
      <c r="V32" s="160">
        <v>2</v>
      </c>
      <c r="W32" s="165">
        <v>13</v>
      </c>
      <c r="X32" s="164">
        <v>13</v>
      </c>
      <c r="Y32" s="159">
        <v>4</v>
      </c>
      <c r="Z32" s="160">
        <v>10</v>
      </c>
      <c r="AA32" s="165">
        <v>14</v>
      </c>
      <c r="AB32" s="162">
        <v>0</v>
      </c>
      <c r="AC32" s="160">
        <v>26</v>
      </c>
      <c r="AD32" s="160">
        <v>21</v>
      </c>
      <c r="AE32" s="160">
        <v>16</v>
      </c>
      <c r="AF32" s="160">
        <v>11</v>
      </c>
      <c r="AG32" s="160">
        <v>5</v>
      </c>
      <c r="AH32" s="165">
        <v>79</v>
      </c>
      <c r="AI32" s="164">
        <v>93</v>
      </c>
      <c r="AJ32" s="159">
        <v>2</v>
      </c>
      <c r="AK32" s="160">
        <v>0</v>
      </c>
      <c r="AL32" s="165">
        <v>2</v>
      </c>
      <c r="AM32" s="162">
        <v>0</v>
      </c>
      <c r="AN32" s="160">
        <v>3</v>
      </c>
      <c r="AO32" s="160">
        <v>3</v>
      </c>
      <c r="AP32" s="160">
        <v>4</v>
      </c>
      <c r="AQ32" s="160">
        <v>0</v>
      </c>
      <c r="AR32" s="160">
        <v>0</v>
      </c>
      <c r="AS32" s="165">
        <v>10</v>
      </c>
      <c r="AT32" s="164">
        <v>12</v>
      </c>
      <c r="AU32" s="159">
        <v>1</v>
      </c>
      <c r="AV32" s="160">
        <v>1</v>
      </c>
      <c r="AW32" s="165">
        <v>2</v>
      </c>
      <c r="AX32" s="162">
        <v>0</v>
      </c>
      <c r="AY32" s="160">
        <v>31</v>
      </c>
      <c r="AZ32" s="160">
        <v>22</v>
      </c>
      <c r="BA32" s="160">
        <v>23</v>
      </c>
      <c r="BB32" s="160">
        <v>24</v>
      </c>
      <c r="BC32" s="160">
        <v>6</v>
      </c>
      <c r="BD32" s="163">
        <v>106</v>
      </c>
      <c r="BE32" s="164">
        <v>108</v>
      </c>
      <c r="BF32" s="159">
        <v>0</v>
      </c>
      <c r="BG32" s="160">
        <v>0</v>
      </c>
      <c r="BH32" s="165">
        <v>0</v>
      </c>
      <c r="BI32" s="162">
        <v>0</v>
      </c>
      <c r="BJ32" s="160">
        <v>26</v>
      </c>
      <c r="BK32" s="160">
        <v>20</v>
      </c>
      <c r="BL32" s="160">
        <v>17</v>
      </c>
      <c r="BM32" s="160">
        <v>13</v>
      </c>
      <c r="BN32" s="160">
        <v>2</v>
      </c>
      <c r="BO32" s="165">
        <v>78</v>
      </c>
      <c r="BP32" s="164">
        <v>78</v>
      </c>
      <c r="BQ32" s="159">
        <v>7</v>
      </c>
      <c r="BR32" s="160">
        <v>5</v>
      </c>
      <c r="BS32" s="165">
        <v>12</v>
      </c>
      <c r="BT32" s="162">
        <v>0</v>
      </c>
      <c r="BU32" s="160">
        <v>9</v>
      </c>
      <c r="BV32" s="160">
        <v>9</v>
      </c>
      <c r="BW32" s="160">
        <v>6</v>
      </c>
      <c r="BX32" s="160">
        <v>4</v>
      </c>
      <c r="BY32" s="160">
        <v>1</v>
      </c>
      <c r="BZ32" s="165">
        <v>29</v>
      </c>
      <c r="CA32" s="164">
        <v>41</v>
      </c>
      <c r="CB32" s="159">
        <v>0</v>
      </c>
      <c r="CC32" s="160">
        <v>1</v>
      </c>
      <c r="CD32" s="165">
        <v>1</v>
      </c>
      <c r="CE32" s="162">
        <v>0</v>
      </c>
      <c r="CF32" s="160">
        <v>5</v>
      </c>
      <c r="CG32" s="160">
        <v>10</v>
      </c>
      <c r="CH32" s="160">
        <v>7</v>
      </c>
      <c r="CI32" s="160">
        <v>5</v>
      </c>
      <c r="CJ32" s="160">
        <v>0</v>
      </c>
      <c r="CK32" s="165">
        <v>27</v>
      </c>
      <c r="CL32" s="164">
        <v>28</v>
      </c>
      <c r="CM32" s="159">
        <v>0</v>
      </c>
      <c r="CN32" s="160">
        <v>0</v>
      </c>
      <c r="CO32" s="165">
        <v>0</v>
      </c>
      <c r="CP32" s="162">
        <v>0</v>
      </c>
      <c r="CQ32" s="160">
        <v>2</v>
      </c>
      <c r="CR32" s="160">
        <v>2</v>
      </c>
      <c r="CS32" s="160">
        <v>0</v>
      </c>
      <c r="CT32" s="160">
        <v>0</v>
      </c>
      <c r="CU32" s="160">
        <v>1</v>
      </c>
      <c r="CV32" s="165">
        <v>5</v>
      </c>
      <c r="CW32" s="164">
        <v>5</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35</v>
      </c>
      <c r="DU32" s="160">
        <v>28</v>
      </c>
      <c r="DV32" s="165">
        <v>63</v>
      </c>
      <c r="DW32" s="162">
        <v>0</v>
      </c>
      <c r="DX32" s="160">
        <v>54</v>
      </c>
      <c r="DY32" s="160">
        <v>53</v>
      </c>
      <c r="DZ32" s="160">
        <v>45</v>
      </c>
      <c r="EA32" s="160">
        <v>28</v>
      </c>
      <c r="EB32" s="160">
        <v>13</v>
      </c>
      <c r="EC32" s="165">
        <v>193</v>
      </c>
      <c r="ED32" s="164">
        <v>256</v>
      </c>
      <c r="EE32" s="159">
        <v>1</v>
      </c>
      <c r="EF32" s="160">
        <v>0</v>
      </c>
      <c r="EG32" s="165">
        <v>1</v>
      </c>
      <c r="EH32" s="162">
        <v>0</v>
      </c>
      <c r="EI32" s="160">
        <v>9</v>
      </c>
      <c r="EJ32" s="160">
        <v>10</v>
      </c>
      <c r="EK32" s="160">
        <v>6</v>
      </c>
      <c r="EL32" s="160">
        <v>5</v>
      </c>
      <c r="EM32" s="160">
        <v>2</v>
      </c>
      <c r="EN32" s="165">
        <v>32</v>
      </c>
      <c r="EO32" s="164">
        <v>33</v>
      </c>
      <c r="EP32" s="159">
        <v>42</v>
      </c>
      <c r="EQ32" s="160">
        <v>30</v>
      </c>
      <c r="ER32" s="165">
        <v>72</v>
      </c>
      <c r="ES32" s="162">
        <v>0</v>
      </c>
      <c r="ET32" s="160">
        <v>95</v>
      </c>
      <c r="EU32" s="160">
        <v>66</v>
      </c>
      <c r="EV32" s="160">
        <v>48</v>
      </c>
      <c r="EW32" s="160">
        <v>30</v>
      </c>
      <c r="EX32" s="160">
        <v>12</v>
      </c>
      <c r="EY32" s="165">
        <v>251</v>
      </c>
      <c r="EZ32" s="164">
        <v>323</v>
      </c>
    </row>
    <row r="33" spans="2:156" ht="21" customHeight="1" x14ac:dyDescent="0.2">
      <c r="B33" s="166" t="s">
        <v>31</v>
      </c>
      <c r="C33" s="159">
        <v>0</v>
      </c>
      <c r="D33" s="160">
        <v>0</v>
      </c>
      <c r="E33" s="161">
        <v>0</v>
      </c>
      <c r="F33" s="162">
        <v>0</v>
      </c>
      <c r="G33" s="160">
        <v>14</v>
      </c>
      <c r="H33" s="160">
        <v>13</v>
      </c>
      <c r="I33" s="160">
        <v>9</v>
      </c>
      <c r="J33" s="160">
        <v>8</v>
      </c>
      <c r="K33" s="160">
        <v>4</v>
      </c>
      <c r="L33" s="163">
        <v>48</v>
      </c>
      <c r="M33" s="164">
        <v>48</v>
      </c>
      <c r="N33" s="159">
        <v>0</v>
      </c>
      <c r="O33" s="160">
        <v>0</v>
      </c>
      <c r="P33" s="165">
        <v>0</v>
      </c>
      <c r="Q33" s="162">
        <v>0</v>
      </c>
      <c r="R33" s="160">
        <v>2</v>
      </c>
      <c r="S33" s="160">
        <v>3</v>
      </c>
      <c r="T33" s="160">
        <v>2</v>
      </c>
      <c r="U33" s="160">
        <v>5</v>
      </c>
      <c r="V33" s="160">
        <v>3</v>
      </c>
      <c r="W33" s="165">
        <v>15</v>
      </c>
      <c r="X33" s="164">
        <v>15</v>
      </c>
      <c r="Y33" s="159">
        <v>2</v>
      </c>
      <c r="Z33" s="160">
        <v>4</v>
      </c>
      <c r="AA33" s="165">
        <v>6</v>
      </c>
      <c r="AB33" s="162">
        <v>0</v>
      </c>
      <c r="AC33" s="160">
        <v>13</v>
      </c>
      <c r="AD33" s="160">
        <v>14</v>
      </c>
      <c r="AE33" s="160">
        <v>18</v>
      </c>
      <c r="AF33" s="160">
        <v>16</v>
      </c>
      <c r="AG33" s="160">
        <v>5</v>
      </c>
      <c r="AH33" s="165">
        <v>66</v>
      </c>
      <c r="AI33" s="164">
        <v>72</v>
      </c>
      <c r="AJ33" s="159">
        <v>0</v>
      </c>
      <c r="AK33" s="160">
        <v>2</v>
      </c>
      <c r="AL33" s="165">
        <v>2</v>
      </c>
      <c r="AM33" s="162">
        <v>0</v>
      </c>
      <c r="AN33" s="160">
        <v>4</v>
      </c>
      <c r="AO33" s="160">
        <v>1</v>
      </c>
      <c r="AP33" s="160">
        <v>1</v>
      </c>
      <c r="AQ33" s="160">
        <v>3</v>
      </c>
      <c r="AR33" s="160">
        <v>0</v>
      </c>
      <c r="AS33" s="165">
        <v>9</v>
      </c>
      <c r="AT33" s="164">
        <v>11</v>
      </c>
      <c r="AU33" s="159">
        <v>2</v>
      </c>
      <c r="AV33" s="160">
        <v>1</v>
      </c>
      <c r="AW33" s="165">
        <v>3</v>
      </c>
      <c r="AX33" s="162">
        <v>0</v>
      </c>
      <c r="AY33" s="160">
        <v>9</v>
      </c>
      <c r="AZ33" s="160">
        <v>15</v>
      </c>
      <c r="BA33" s="160">
        <v>15</v>
      </c>
      <c r="BB33" s="160">
        <v>19</v>
      </c>
      <c r="BC33" s="160">
        <v>10</v>
      </c>
      <c r="BD33" s="163">
        <v>68</v>
      </c>
      <c r="BE33" s="164">
        <v>71</v>
      </c>
      <c r="BF33" s="159">
        <v>0</v>
      </c>
      <c r="BG33" s="160">
        <v>0</v>
      </c>
      <c r="BH33" s="165">
        <v>0</v>
      </c>
      <c r="BI33" s="162">
        <v>0</v>
      </c>
      <c r="BJ33" s="160">
        <v>47</v>
      </c>
      <c r="BK33" s="160">
        <v>35</v>
      </c>
      <c r="BL33" s="160">
        <v>16</v>
      </c>
      <c r="BM33" s="160">
        <v>10</v>
      </c>
      <c r="BN33" s="160">
        <v>4</v>
      </c>
      <c r="BO33" s="165">
        <v>112</v>
      </c>
      <c r="BP33" s="164">
        <v>112</v>
      </c>
      <c r="BQ33" s="159">
        <v>3</v>
      </c>
      <c r="BR33" s="160">
        <v>2</v>
      </c>
      <c r="BS33" s="165">
        <v>5</v>
      </c>
      <c r="BT33" s="162">
        <v>0</v>
      </c>
      <c r="BU33" s="160">
        <v>9</v>
      </c>
      <c r="BV33" s="160">
        <v>5</v>
      </c>
      <c r="BW33" s="160">
        <v>5</v>
      </c>
      <c r="BX33" s="160">
        <v>6</v>
      </c>
      <c r="BY33" s="160">
        <v>1</v>
      </c>
      <c r="BZ33" s="165">
        <v>26</v>
      </c>
      <c r="CA33" s="164">
        <v>31</v>
      </c>
      <c r="CB33" s="159">
        <v>0</v>
      </c>
      <c r="CC33" s="160">
        <v>1</v>
      </c>
      <c r="CD33" s="165">
        <v>1</v>
      </c>
      <c r="CE33" s="162">
        <v>0</v>
      </c>
      <c r="CF33" s="160">
        <v>6</v>
      </c>
      <c r="CG33" s="160">
        <v>5</v>
      </c>
      <c r="CH33" s="160">
        <v>10</v>
      </c>
      <c r="CI33" s="160">
        <v>6</v>
      </c>
      <c r="CJ33" s="160">
        <v>0</v>
      </c>
      <c r="CK33" s="165">
        <v>27</v>
      </c>
      <c r="CL33" s="164">
        <v>28</v>
      </c>
      <c r="CM33" s="159">
        <v>0</v>
      </c>
      <c r="CN33" s="160">
        <v>0</v>
      </c>
      <c r="CO33" s="165">
        <v>0</v>
      </c>
      <c r="CP33" s="162">
        <v>0</v>
      </c>
      <c r="CQ33" s="160">
        <v>1</v>
      </c>
      <c r="CR33" s="160">
        <v>1</v>
      </c>
      <c r="CS33" s="160">
        <v>3</v>
      </c>
      <c r="CT33" s="160">
        <v>0</v>
      </c>
      <c r="CU33" s="160">
        <v>1</v>
      </c>
      <c r="CV33" s="165">
        <v>6</v>
      </c>
      <c r="CW33" s="164">
        <v>6</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6</v>
      </c>
      <c r="DU33" s="160">
        <v>64</v>
      </c>
      <c r="DV33" s="165">
        <v>90</v>
      </c>
      <c r="DW33" s="162">
        <v>0</v>
      </c>
      <c r="DX33" s="160">
        <v>51</v>
      </c>
      <c r="DY33" s="160">
        <v>59</v>
      </c>
      <c r="DZ33" s="160">
        <v>42</v>
      </c>
      <c r="EA33" s="160">
        <v>29</v>
      </c>
      <c r="EB33" s="160">
        <v>11</v>
      </c>
      <c r="EC33" s="165">
        <v>192</v>
      </c>
      <c r="ED33" s="164">
        <v>282</v>
      </c>
      <c r="EE33" s="159">
        <v>2</v>
      </c>
      <c r="EF33" s="160">
        <v>0</v>
      </c>
      <c r="EG33" s="165">
        <v>2</v>
      </c>
      <c r="EH33" s="162">
        <v>0</v>
      </c>
      <c r="EI33" s="160">
        <v>5</v>
      </c>
      <c r="EJ33" s="160">
        <v>8</v>
      </c>
      <c r="EK33" s="160">
        <v>5</v>
      </c>
      <c r="EL33" s="160">
        <v>7</v>
      </c>
      <c r="EM33" s="160">
        <v>2</v>
      </c>
      <c r="EN33" s="165">
        <v>27</v>
      </c>
      <c r="EO33" s="164">
        <v>29</v>
      </c>
      <c r="EP33" s="159">
        <v>32</v>
      </c>
      <c r="EQ33" s="160">
        <v>66</v>
      </c>
      <c r="ER33" s="165">
        <v>98</v>
      </c>
      <c r="ES33" s="162">
        <v>0</v>
      </c>
      <c r="ET33" s="160">
        <v>100</v>
      </c>
      <c r="EU33" s="160">
        <v>76</v>
      </c>
      <c r="EV33" s="160">
        <v>51</v>
      </c>
      <c r="EW33" s="160">
        <v>31</v>
      </c>
      <c r="EX33" s="160">
        <v>11</v>
      </c>
      <c r="EY33" s="165">
        <v>269</v>
      </c>
      <c r="EZ33" s="164">
        <v>367</v>
      </c>
    </row>
    <row r="34" spans="2:156" ht="21" customHeight="1" x14ac:dyDescent="0.2">
      <c r="B34" s="166" t="s">
        <v>32</v>
      </c>
      <c r="C34" s="159">
        <v>0</v>
      </c>
      <c r="D34" s="160">
        <v>0</v>
      </c>
      <c r="E34" s="161">
        <v>0</v>
      </c>
      <c r="F34" s="162">
        <v>0</v>
      </c>
      <c r="G34" s="160">
        <v>31</v>
      </c>
      <c r="H34" s="160">
        <v>24</v>
      </c>
      <c r="I34" s="160">
        <v>11</v>
      </c>
      <c r="J34" s="160">
        <v>12</v>
      </c>
      <c r="K34" s="160">
        <v>10</v>
      </c>
      <c r="L34" s="163">
        <v>88</v>
      </c>
      <c r="M34" s="164">
        <v>88</v>
      </c>
      <c r="N34" s="159">
        <v>0</v>
      </c>
      <c r="O34" s="160">
        <v>0</v>
      </c>
      <c r="P34" s="165">
        <v>0</v>
      </c>
      <c r="Q34" s="162">
        <v>0</v>
      </c>
      <c r="R34" s="160">
        <v>0</v>
      </c>
      <c r="S34" s="160">
        <v>0</v>
      </c>
      <c r="T34" s="160">
        <v>1</v>
      </c>
      <c r="U34" s="160">
        <v>6</v>
      </c>
      <c r="V34" s="160">
        <v>6</v>
      </c>
      <c r="W34" s="165">
        <v>13</v>
      </c>
      <c r="X34" s="164">
        <v>13</v>
      </c>
      <c r="Y34" s="159">
        <v>9</v>
      </c>
      <c r="Z34" s="160">
        <v>8</v>
      </c>
      <c r="AA34" s="165">
        <v>17</v>
      </c>
      <c r="AB34" s="162">
        <v>0</v>
      </c>
      <c r="AC34" s="160">
        <v>32</v>
      </c>
      <c r="AD34" s="160">
        <v>29</v>
      </c>
      <c r="AE34" s="160">
        <v>13</v>
      </c>
      <c r="AF34" s="160">
        <v>11</v>
      </c>
      <c r="AG34" s="160">
        <v>10</v>
      </c>
      <c r="AH34" s="165">
        <v>95</v>
      </c>
      <c r="AI34" s="164">
        <v>112</v>
      </c>
      <c r="AJ34" s="159">
        <v>0</v>
      </c>
      <c r="AK34" s="160">
        <v>1</v>
      </c>
      <c r="AL34" s="165">
        <v>1</v>
      </c>
      <c r="AM34" s="162">
        <v>0</v>
      </c>
      <c r="AN34" s="160">
        <v>4</v>
      </c>
      <c r="AO34" s="160">
        <v>0</v>
      </c>
      <c r="AP34" s="160">
        <v>0</v>
      </c>
      <c r="AQ34" s="160">
        <v>4</v>
      </c>
      <c r="AR34" s="160">
        <v>2</v>
      </c>
      <c r="AS34" s="165">
        <v>10</v>
      </c>
      <c r="AT34" s="164">
        <v>11</v>
      </c>
      <c r="AU34" s="159">
        <v>4</v>
      </c>
      <c r="AV34" s="160">
        <v>5</v>
      </c>
      <c r="AW34" s="165">
        <v>9</v>
      </c>
      <c r="AX34" s="162">
        <v>0</v>
      </c>
      <c r="AY34" s="160">
        <v>25</v>
      </c>
      <c r="AZ34" s="160">
        <v>31</v>
      </c>
      <c r="BA34" s="160">
        <v>25</v>
      </c>
      <c r="BB34" s="160">
        <v>39</v>
      </c>
      <c r="BC34" s="160">
        <v>19</v>
      </c>
      <c r="BD34" s="163">
        <v>139</v>
      </c>
      <c r="BE34" s="164">
        <v>148</v>
      </c>
      <c r="BF34" s="159">
        <v>0</v>
      </c>
      <c r="BG34" s="160">
        <v>0</v>
      </c>
      <c r="BH34" s="165">
        <v>0</v>
      </c>
      <c r="BI34" s="162">
        <v>0</v>
      </c>
      <c r="BJ34" s="160">
        <v>48</v>
      </c>
      <c r="BK34" s="160">
        <v>53</v>
      </c>
      <c r="BL34" s="160">
        <v>19</v>
      </c>
      <c r="BM34" s="160">
        <v>18</v>
      </c>
      <c r="BN34" s="160">
        <v>6</v>
      </c>
      <c r="BO34" s="165">
        <v>144</v>
      </c>
      <c r="BP34" s="164">
        <v>144</v>
      </c>
      <c r="BQ34" s="159">
        <v>7</v>
      </c>
      <c r="BR34" s="160">
        <v>4</v>
      </c>
      <c r="BS34" s="165">
        <v>11</v>
      </c>
      <c r="BT34" s="162">
        <v>0</v>
      </c>
      <c r="BU34" s="160">
        <v>10</v>
      </c>
      <c r="BV34" s="160">
        <v>14</v>
      </c>
      <c r="BW34" s="160">
        <v>4</v>
      </c>
      <c r="BX34" s="160">
        <v>4</v>
      </c>
      <c r="BY34" s="160">
        <v>3</v>
      </c>
      <c r="BZ34" s="165">
        <v>35</v>
      </c>
      <c r="CA34" s="164">
        <v>46</v>
      </c>
      <c r="CB34" s="159">
        <v>0</v>
      </c>
      <c r="CC34" s="160">
        <v>0</v>
      </c>
      <c r="CD34" s="165">
        <v>0</v>
      </c>
      <c r="CE34" s="162">
        <v>0</v>
      </c>
      <c r="CF34" s="160">
        <v>3</v>
      </c>
      <c r="CG34" s="160">
        <v>12</v>
      </c>
      <c r="CH34" s="160">
        <v>10</v>
      </c>
      <c r="CI34" s="160">
        <v>4</v>
      </c>
      <c r="CJ34" s="160">
        <v>3</v>
      </c>
      <c r="CK34" s="165">
        <v>32</v>
      </c>
      <c r="CL34" s="164">
        <v>32</v>
      </c>
      <c r="CM34" s="159">
        <v>0</v>
      </c>
      <c r="CN34" s="160">
        <v>0</v>
      </c>
      <c r="CO34" s="165">
        <v>0</v>
      </c>
      <c r="CP34" s="162">
        <v>0</v>
      </c>
      <c r="CQ34" s="160">
        <v>0</v>
      </c>
      <c r="CR34" s="160">
        <v>2</v>
      </c>
      <c r="CS34" s="160">
        <v>0</v>
      </c>
      <c r="CT34" s="160">
        <v>0</v>
      </c>
      <c r="CU34" s="160">
        <v>2</v>
      </c>
      <c r="CV34" s="165">
        <v>4</v>
      </c>
      <c r="CW34" s="164">
        <v>4</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26</v>
      </c>
      <c r="DU34" s="160">
        <v>54</v>
      </c>
      <c r="DV34" s="165">
        <v>80</v>
      </c>
      <c r="DW34" s="162">
        <v>0</v>
      </c>
      <c r="DX34" s="160">
        <v>85</v>
      </c>
      <c r="DY34" s="160">
        <v>89</v>
      </c>
      <c r="DZ34" s="160">
        <v>37</v>
      </c>
      <c r="EA34" s="160">
        <v>37</v>
      </c>
      <c r="EB34" s="160">
        <v>22</v>
      </c>
      <c r="EC34" s="165">
        <v>270</v>
      </c>
      <c r="ED34" s="164">
        <v>350</v>
      </c>
      <c r="EE34" s="159">
        <v>4</v>
      </c>
      <c r="EF34" s="160">
        <v>4</v>
      </c>
      <c r="EG34" s="165">
        <v>8</v>
      </c>
      <c r="EH34" s="162">
        <v>0</v>
      </c>
      <c r="EI34" s="160">
        <v>5</v>
      </c>
      <c r="EJ34" s="160">
        <v>7</v>
      </c>
      <c r="EK34" s="160">
        <v>5</v>
      </c>
      <c r="EL34" s="160">
        <v>15</v>
      </c>
      <c r="EM34" s="160">
        <v>7</v>
      </c>
      <c r="EN34" s="165">
        <v>39</v>
      </c>
      <c r="EO34" s="164">
        <v>47</v>
      </c>
      <c r="EP34" s="159">
        <v>36</v>
      </c>
      <c r="EQ34" s="160">
        <v>59</v>
      </c>
      <c r="ER34" s="165">
        <v>95</v>
      </c>
      <c r="ES34" s="162">
        <v>0</v>
      </c>
      <c r="ET34" s="160">
        <v>147</v>
      </c>
      <c r="EU34" s="160">
        <v>120</v>
      </c>
      <c r="EV34" s="160">
        <v>46</v>
      </c>
      <c r="EW34" s="160">
        <v>34</v>
      </c>
      <c r="EX34" s="160">
        <v>23</v>
      </c>
      <c r="EY34" s="165">
        <v>370</v>
      </c>
      <c r="EZ34" s="164">
        <v>465</v>
      </c>
    </row>
    <row r="35" spans="2:156" ht="21" customHeight="1" x14ac:dyDescent="0.2">
      <c r="B35" s="166" t="s">
        <v>33</v>
      </c>
      <c r="C35" s="159">
        <v>0</v>
      </c>
      <c r="D35" s="160">
        <v>0</v>
      </c>
      <c r="E35" s="161">
        <v>0</v>
      </c>
      <c r="F35" s="162">
        <v>0</v>
      </c>
      <c r="G35" s="160">
        <v>35</v>
      </c>
      <c r="H35" s="160">
        <v>13</v>
      </c>
      <c r="I35" s="160">
        <v>11</v>
      </c>
      <c r="J35" s="160">
        <v>2</v>
      </c>
      <c r="K35" s="160">
        <v>6</v>
      </c>
      <c r="L35" s="163">
        <v>67</v>
      </c>
      <c r="M35" s="164">
        <v>67</v>
      </c>
      <c r="N35" s="159">
        <v>0</v>
      </c>
      <c r="O35" s="160">
        <v>0</v>
      </c>
      <c r="P35" s="165">
        <v>0</v>
      </c>
      <c r="Q35" s="162">
        <v>0</v>
      </c>
      <c r="R35" s="160">
        <v>0</v>
      </c>
      <c r="S35" s="160">
        <v>1</v>
      </c>
      <c r="T35" s="160">
        <v>1</v>
      </c>
      <c r="U35" s="160">
        <v>2</v>
      </c>
      <c r="V35" s="160">
        <v>4</v>
      </c>
      <c r="W35" s="165">
        <v>8</v>
      </c>
      <c r="X35" s="164">
        <v>8</v>
      </c>
      <c r="Y35" s="159">
        <v>0</v>
      </c>
      <c r="Z35" s="160">
        <v>4</v>
      </c>
      <c r="AA35" s="165">
        <v>4</v>
      </c>
      <c r="AB35" s="162">
        <v>0</v>
      </c>
      <c r="AC35" s="160">
        <v>25</v>
      </c>
      <c r="AD35" s="160">
        <v>15</v>
      </c>
      <c r="AE35" s="160">
        <v>8</v>
      </c>
      <c r="AF35" s="160">
        <v>5</v>
      </c>
      <c r="AG35" s="160">
        <v>4</v>
      </c>
      <c r="AH35" s="165">
        <v>57</v>
      </c>
      <c r="AI35" s="164">
        <v>61</v>
      </c>
      <c r="AJ35" s="159">
        <v>10</v>
      </c>
      <c r="AK35" s="160">
        <v>18</v>
      </c>
      <c r="AL35" s="165">
        <v>28</v>
      </c>
      <c r="AM35" s="162">
        <v>0</v>
      </c>
      <c r="AN35" s="160">
        <v>39</v>
      </c>
      <c r="AO35" s="160">
        <v>20</v>
      </c>
      <c r="AP35" s="160">
        <v>9</v>
      </c>
      <c r="AQ35" s="160">
        <v>3</v>
      </c>
      <c r="AR35" s="160">
        <v>1</v>
      </c>
      <c r="AS35" s="165">
        <v>72</v>
      </c>
      <c r="AT35" s="164">
        <v>100</v>
      </c>
      <c r="AU35" s="159">
        <v>5</v>
      </c>
      <c r="AV35" s="160">
        <v>5</v>
      </c>
      <c r="AW35" s="165">
        <v>10</v>
      </c>
      <c r="AX35" s="162">
        <v>0</v>
      </c>
      <c r="AY35" s="160">
        <v>35</v>
      </c>
      <c r="AZ35" s="160">
        <v>35</v>
      </c>
      <c r="BA35" s="160">
        <v>37</v>
      </c>
      <c r="BB35" s="160">
        <v>18</v>
      </c>
      <c r="BC35" s="160">
        <v>17</v>
      </c>
      <c r="BD35" s="163">
        <v>142</v>
      </c>
      <c r="BE35" s="164">
        <v>152</v>
      </c>
      <c r="BF35" s="159">
        <v>0</v>
      </c>
      <c r="BG35" s="160">
        <v>0</v>
      </c>
      <c r="BH35" s="165">
        <v>0</v>
      </c>
      <c r="BI35" s="162">
        <v>0</v>
      </c>
      <c r="BJ35" s="160">
        <v>11</v>
      </c>
      <c r="BK35" s="160">
        <v>10</v>
      </c>
      <c r="BL35" s="160">
        <v>4</v>
      </c>
      <c r="BM35" s="160">
        <v>2</v>
      </c>
      <c r="BN35" s="160">
        <v>1</v>
      </c>
      <c r="BO35" s="165">
        <v>28</v>
      </c>
      <c r="BP35" s="164">
        <v>28</v>
      </c>
      <c r="BQ35" s="159">
        <v>5</v>
      </c>
      <c r="BR35" s="160">
        <v>11</v>
      </c>
      <c r="BS35" s="165">
        <v>16</v>
      </c>
      <c r="BT35" s="162">
        <v>0</v>
      </c>
      <c r="BU35" s="160">
        <v>37</v>
      </c>
      <c r="BV35" s="160">
        <v>13</v>
      </c>
      <c r="BW35" s="160">
        <v>9</v>
      </c>
      <c r="BX35" s="160">
        <v>4</v>
      </c>
      <c r="BY35" s="160">
        <v>2</v>
      </c>
      <c r="BZ35" s="165">
        <v>65</v>
      </c>
      <c r="CA35" s="164">
        <v>81</v>
      </c>
      <c r="CB35" s="159">
        <v>0</v>
      </c>
      <c r="CC35" s="160">
        <v>1</v>
      </c>
      <c r="CD35" s="165">
        <v>1</v>
      </c>
      <c r="CE35" s="162">
        <v>0</v>
      </c>
      <c r="CF35" s="160">
        <v>4</v>
      </c>
      <c r="CG35" s="160">
        <v>9</v>
      </c>
      <c r="CH35" s="160">
        <v>2</v>
      </c>
      <c r="CI35" s="160">
        <v>3</v>
      </c>
      <c r="CJ35" s="160">
        <v>2</v>
      </c>
      <c r="CK35" s="165">
        <v>20</v>
      </c>
      <c r="CL35" s="164">
        <v>21</v>
      </c>
      <c r="CM35" s="159">
        <v>0</v>
      </c>
      <c r="CN35" s="160">
        <v>0</v>
      </c>
      <c r="CO35" s="165">
        <v>0</v>
      </c>
      <c r="CP35" s="162">
        <v>0</v>
      </c>
      <c r="CQ35" s="160">
        <v>2</v>
      </c>
      <c r="CR35" s="160">
        <v>0</v>
      </c>
      <c r="CS35" s="160">
        <v>0</v>
      </c>
      <c r="CT35" s="160">
        <v>1</v>
      </c>
      <c r="CU35" s="160">
        <v>1</v>
      </c>
      <c r="CV35" s="165">
        <v>4</v>
      </c>
      <c r="CW35" s="164">
        <v>4</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18</v>
      </c>
      <c r="DU35" s="160">
        <v>28</v>
      </c>
      <c r="DV35" s="165">
        <v>46</v>
      </c>
      <c r="DW35" s="162">
        <v>0</v>
      </c>
      <c r="DX35" s="160">
        <v>71</v>
      </c>
      <c r="DY35" s="160">
        <v>52</v>
      </c>
      <c r="DZ35" s="160">
        <v>26</v>
      </c>
      <c r="EA35" s="160">
        <v>14</v>
      </c>
      <c r="EB35" s="160">
        <v>10</v>
      </c>
      <c r="EC35" s="165">
        <v>173</v>
      </c>
      <c r="ED35" s="164">
        <v>219</v>
      </c>
      <c r="EE35" s="159">
        <v>2</v>
      </c>
      <c r="EF35" s="160">
        <v>1</v>
      </c>
      <c r="EG35" s="165">
        <v>3</v>
      </c>
      <c r="EH35" s="162">
        <v>0</v>
      </c>
      <c r="EI35" s="160">
        <v>16</v>
      </c>
      <c r="EJ35" s="160">
        <v>17</v>
      </c>
      <c r="EK35" s="160">
        <v>21</v>
      </c>
      <c r="EL35" s="160">
        <v>8</v>
      </c>
      <c r="EM35" s="160">
        <v>7</v>
      </c>
      <c r="EN35" s="165">
        <v>69</v>
      </c>
      <c r="EO35" s="164">
        <v>72</v>
      </c>
      <c r="EP35" s="159">
        <v>28</v>
      </c>
      <c r="EQ35" s="160">
        <v>47</v>
      </c>
      <c r="ER35" s="165">
        <v>75</v>
      </c>
      <c r="ES35" s="162">
        <v>0</v>
      </c>
      <c r="ET35" s="160">
        <v>135</v>
      </c>
      <c r="EU35" s="160">
        <v>68</v>
      </c>
      <c r="EV35" s="160">
        <v>33</v>
      </c>
      <c r="EW35" s="160">
        <v>19</v>
      </c>
      <c r="EX35" s="160">
        <v>14</v>
      </c>
      <c r="EY35" s="165">
        <v>269</v>
      </c>
      <c r="EZ35" s="164">
        <v>344</v>
      </c>
    </row>
    <row r="36" spans="2:156" ht="21" customHeight="1" x14ac:dyDescent="0.2">
      <c r="B36" s="166" t="s">
        <v>34</v>
      </c>
      <c r="C36" s="159">
        <v>0</v>
      </c>
      <c r="D36" s="160">
        <v>0</v>
      </c>
      <c r="E36" s="161">
        <v>0</v>
      </c>
      <c r="F36" s="162">
        <v>0</v>
      </c>
      <c r="G36" s="160">
        <v>17</v>
      </c>
      <c r="H36" s="160">
        <v>9</v>
      </c>
      <c r="I36" s="160">
        <v>6</v>
      </c>
      <c r="J36" s="160">
        <v>7</v>
      </c>
      <c r="K36" s="160">
        <v>4</v>
      </c>
      <c r="L36" s="163">
        <v>43</v>
      </c>
      <c r="M36" s="164">
        <v>43</v>
      </c>
      <c r="N36" s="159">
        <v>0</v>
      </c>
      <c r="O36" s="160">
        <v>0</v>
      </c>
      <c r="P36" s="165">
        <v>0</v>
      </c>
      <c r="Q36" s="162">
        <v>0</v>
      </c>
      <c r="R36" s="160">
        <v>0</v>
      </c>
      <c r="S36" s="160">
        <v>2</v>
      </c>
      <c r="T36" s="160">
        <v>0</v>
      </c>
      <c r="U36" s="160">
        <v>1</v>
      </c>
      <c r="V36" s="160">
        <v>5</v>
      </c>
      <c r="W36" s="165">
        <v>8</v>
      </c>
      <c r="X36" s="164">
        <v>8</v>
      </c>
      <c r="Y36" s="159">
        <v>5</v>
      </c>
      <c r="Z36" s="160">
        <v>6</v>
      </c>
      <c r="AA36" s="165">
        <v>11</v>
      </c>
      <c r="AB36" s="162">
        <v>0</v>
      </c>
      <c r="AC36" s="160">
        <v>21</v>
      </c>
      <c r="AD36" s="160">
        <v>11</v>
      </c>
      <c r="AE36" s="160">
        <v>5</v>
      </c>
      <c r="AF36" s="160">
        <v>6</v>
      </c>
      <c r="AG36" s="160">
        <v>8</v>
      </c>
      <c r="AH36" s="165">
        <v>51</v>
      </c>
      <c r="AI36" s="164">
        <v>62</v>
      </c>
      <c r="AJ36" s="159">
        <v>0</v>
      </c>
      <c r="AK36" s="160">
        <v>0</v>
      </c>
      <c r="AL36" s="165">
        <v>0</v>
      </c>
      <c r="AM36" s="162">
        <v>0</v>
      </c>
      <c r="AN36" s="160">
        <v>5</v>
      </c>
      <c r="AO36" s="160">
        <v>3</v>
      </c>
      <c r="AP36" s="160">
        <v>2</v>
      </c>
      <c r="AQ36" s="160">
        <v>3</v>
      </c>
      <c r="AR36" s="160">
        <v>2</v>
      </c>
      <c r="AS36" s="165">
        <v>15</v>
      </c>
      <c r="AT36" s="164">
        <v>15</v>
      </c>
      <c r="AU36" s="159">
        <v>8</v>
      </c>
      <c r="AV36" s="160">
        <v>5</v>
      </c>
      <c r="AW36" s="165">
        <v>13</v>
      </c>
      <c r="AX36" s="162">
        <v>0</v>
      </c>
      <c r="AY36" s="160">
        <v>37</v>
      </c>
      <c r="AZ36" s="160">
        <v>29</v>
      </c>
      <c r="BA36" s="160">
        <v>13</v>
      </c>
      <c r="BB36" s="160">
        <v>21</v>
      </c>
      <c r="BC36" s="160">
        <v>18</v>
      </c>
      <c r="BD36" s="163">
        <v>118</v>
      </c>
      <c r="BE36" s="164">
        <v>131</v>
      </c>
      <c r="BF36" s="159">
        <v>0</v>
      </c>
      <c r="BG36" s="160">
        <v>0</v>
      </c>
      <c r="BH36" s="165">
        <v>0</v>
      </c>
      <c r="BI36" s="162">
        <v>0</v>
      </c>
      <c r="BJ36" s="160">
        <v>32</v>
      </c>
      <c r="BK36" s="160">
        <v>13</v>
      </c>
      <c r="BL36" s="160">
        <v>11</v>
      </c>
      <c r="BM36" s="160">
        <v>11</v>
      </c>
      <c r="BN36" s="160">
        <v>1</v>
      </c>
      <c r="BO36" s="165">
        <v>68</v>
      </c>
      <c r="BP36" s="164">
        <v>68</v>
      </c>
      <c r="BQ36" s="159">
        <v>0</v>
      </c>
      <c r="BR36" s="160">
        <v>3</v>
      </c>
      <c r="BS36" s="165">
        <v>3</v>
      </c>
      <c r="BT36" s="162">
        <v>0</v>
      </c>
      <c r="BU36" s="160">
        <v>9</v>
      </c>
      <c r="BV36" s="160">
        <v>0</v>
      </c>
      <c r="BW36" s="160">
        <v>2</v>
      </c>
      <c r="BX36" s="160">
        <v>1</v>
      </c>
      <c r="BY36" s="160">
        <v>0</v>
      </c>
      <c r="BZ36" s="165">
        <v>12</v>
      </c>
      <c r="CA36" s="164">
        <v>15</v>
      </c>
      <c r="CB36" s="159">
        <v>0</v>
      </c>
      <c r="CC36" s="160">
        <v>0</v>
      </c>
      <c r="CD36" s="165">
        <v>0</v>
      </c>
      <c r="CE36" s="162">
        <v>0</v>
      </c>
      <c r="CF36" s="160">
        <v>4</v>
      </c>
      <c r="CG36" s="160">
        <v>0</v>
      </c>
      <c r="CH36" s="160">
        <v>3</v>
      </c>
      <c r="CI36" s="160">
        <v>3</v>
      </c>
      <c r="CJ36" s="160">
        <v>1</v>
      </c>
      <c r="CK36" s="165">
        <v>11</v>
      </c>
      <c r="CL36" s="164">
        <v>11</v>
      </c>
      <c r="CM36" s="159">
        <v>0</v>
      </c>
      <c r="CN36" s="160">
        <v>0</v>
      </c>
      <c r="CO36" s="165">
        <v>0</v>
      </c>
      <c r="CP36" s="162">
        <v>0</v>
      </c>
      <c r="CQ36" s="160">
        <v>2</v>
      </c>
      <c r="CR36" s="160">
        <v>0</v>
      </c>
      <c r="CS36" s="160">
        <v>0</v>
      </c>
      <c r="CT36" s="160">
        <v>0</v>
      </c>
      <c r="CU36" s="160">
        <v>0</v>
      </c>
      <c r="CV36" s="165">
        <v>2</v>
      </c>
      <c r="CW36" s="164">
        <v>2</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13</v>
      </c>
      <c r="DU36" s="160">
        <v>25</v>
      </c>
      <c r="DV36" s="165">
        <v>38</v>
      </c>
      <c r="DW36" s="162">
        <v>0</v>
      </c>
      <c r="DX36" s="160">
        <v>54</v>
      </c>
      <c r="DY36" s="160">
        <v>46</v>
      </c>
      <c r="DZ36" s="160">
        <v>20</v>
      </c>
      <c r="EA36" s="160">
        <v>21</v>
      </c>
      <c r="EB36" s="160">
        <v>13</v>
      </c>
      <c r="EC36" s="165">
        <v>154</v>
      </c>
      <c r="ED36" s="164">
        <v>192</v>
      </c>
      <c r="EE36" s="159">
        <v>6</v>
      </c>
      <c r="EF36" s="160">
        <v>3</v>
      </c>
      <c r="EG36" s="165">
        <v>9</v>
      </c>
      <c r="EH36" s="162">
        <v>0</v>
      </c>
      <c r="EI36" s="160">
        <v>10</v>
      </c>
      <c r="EJ36" s="160">
        <v>8</v>
      </c>
      <c r="EK36" s="160">
        <v>3</v>
      </c>
      <c r="EL36" s="160">
        <v>6</v>
      </c>
      <c r="EM36" s="160">
        <v>4</v>
      </c>
      <c r="EN36" s="165">
        <v>31</v>
      </c>
      <c r="EO36" s="164">
        <v>40</v>
      </c>
      <c r="EP36" s="159">
        <v>16</v>
      </c>
      <c r="EQ36" s="160">
        <v>27</v>
      </c>
      <c r="ER36" s="165">
        <v>43</v>
      </c>
      <c r="ES36" s="162">
        <v>0</v>
      </c>
      <c r="ET36" s="160">
        <v>90</v>
      </c>
      <c r="EU36" s="160">
        <v>42</v>
      </c>
      <c r="EV36" s="160">
        <v>20</v>
      </c>
      <c r="EW36" s="160">
        <v>23</v>
      </c>
      <c r="EX36" s="160">
        <v>11</v>
      </c>
      <c r="EY36" s="165">
        <v>186</v>
      </c>
      <c r="EZ36" s="164">
        <v>229</v>
      </c>
    </row>
    <row r="37" spans="2:156" ht="21" customHeight="1" x14ac:dyDescent="0.2">
      <c r="B37" s="166" t="s">
        <v>35</v>
      </c>
      <c r="C37" s="159">
        <v>0</v>
      </c>
      <c r="D37" s="160">
        <v>0</v>
      </c>
      <c r="E37" s="161">
        <v>0</v>
      </c>
      <c r="F37" s="162">
        <v>0</v>
      </c>
      <c r="G37" s="160">
        <v>128</v>
      </c>
      <c r="H37" s="160">
        <v>58</v>
      </c>
      <c r="I37" s="160">
        <v>36</v>
      </c>
      <c r="J37" s="160">
        <v>30</v>
      </c>
      <c r="K37" s="160">
        <v>27</v>
      </c>
      <c r="L37" s="163">
        <v>279</v>
      </c>
      <c r="M37" s="164">
        <v>279</v>
      </c>
      <c r="N37" s="159">
        <v>0</v>
      </c>
      <c r="O37" s="160">
        <v>0</v>
      </c>
      <c r="P37" s="165">
        <v>0</v>
      </c>
      <c r="Q37" s="162">
        <v>0</v>
      </c>
      <c r="R37" s="160">
        <v>0</v>
      </c>
      <c r="S37" s="160">
        <v>3</v>
      </c>
      <c r="T37" s="160">
        <v>5</v>
      </c>
      <c r="U37" s="160">
        <v>12</v>
      </c>
      <c r="V37" s="160">
        <v>10</v>
      </c>
      <c r="W37" s="165">
        <v>30</v>
      </c>
      <c r="X37" s="164">
        <v>30</v>
      </c>
      <c r="Y37" s="159">
        <v>6</v>
      </c>
      <c r="Z37" s="160">
        <v>17</v>
      </c>
      <c r="AA37" s="165">
        <v>23</v>
      </c>
      <c r="AB37" s="162">
        <v>0</v>
      </c>
      <c r="AC37" s="160">
        <v>61</v>
      </c>
      <c r="AD37" s="160">
        <v>43</v>
      </c>
      <c r="AE37" s="160">
        <v>32</v>
      </c>
      <c r="AF37" s="160">
        <v>23</v>
      </c>
      <c r="AG37" s="160">
        <v>23</v>
      </c>
      <c r="AH37" s="165">
        <v>182</v>
      </c>
      <c r="AI37" s="164">
        <v>205</v>
      </c>
      <c r="AJ37" s="159">
        <v>10</v>
      </c>
      <c r="AK37" s="160">
        <v>16</v>
      </c>
      <c r="AL37" s="165">
        <v>26</v>
      </c>
      <c r="AM37" s="162">
        <v>0</v>
      </c>
      <c r="AN37" s="160">
        <v>17</v>
      </c>
      <c r="AO37" s="160">
        <v>14</v>
      </c>
      <c r="AP37" s="160">
        <v>5</v>
      </c>
      <c r="AQ37" s="160">
        <v>9</v>
      </c>
      <c r="AR37" s="160">
        <v>8</v>
      </c>
      <c r="AS37" s="165">
        <v>53</v>
      </c>
      <c r="AT37" s="164">
        <v>79</v>
      </c>
      <c r="AU37" s="159">
        <v>16</v>
      </c>
      <c r="AV37" s="160">
        <v>21</v>
      </c>
      <c r="AW37" s="165">
        <v>37</v>
      </c>
      <c r="AX37" s="162">
        <v>0</v>
      </c>
      <c r="AY37" s="160">
        <v>101</v>
      </c>
      <c r="AZ37" s="160">
        <v>65</v>
      </c>
      <c r="BA37" s="160">
        <v>76</v>
      </c>
      <c r="BB37" s="160">
        <v>81</v>
      </c>
      <c r="BC37" s="160">
        <v>58</v>
      </c>
      <c r="BD37" s="163">
        <v>381</v>
      </c>
      <c r="BE37" s="164">
        <v>418</v>
      </c>
      <c r="BF37" s="159">
        <v>0</v>
      </c>
      <c r="BG37" s="160">
        <v>0</v>
      </c>
      <c r="BH37" s="165">
        <v>0</v>
      </c>
      <c r="BI37" s="162">
        <v>0</v>
      </c>
      <c r="BJ37" s="160">
        <v>149</v>
      </c>
      <c r="BK37" s="160">
        <v>73</v>
      </c>
      <c r="BL37" s="160">
        <v>51</v>
      </c>
      <c r="BM37" s="160">
        <v>30</v>
      </c>
      <c r="BN37" s="160">
        <v>17</v>
      </c>
      <c r="BO37" s="165">
        <v>320</v>
      </c>
      <c r="BP37" s="164">
        <v>320</v>
      </c>
      <c r="BQ37" s="159">
        <v>11</v>
      </c>
      <c r="BR37" s="160">
        <v>21</v>
      </c>
      <c r="BS37" s="165">
        <v>32</v>
      </c>
      <c r="BT37" s="162">
        <v>0</v>
      </c>
      <c r="BU37" s="160">
        <v>61</v>
      </c>
      <c r="BV37" s="160">
        <v>31</v>
      </c>
      <c r="BW37" s="160">
        <v>17</v>
      </c>
      <c r="BX37" s="160">
        <v>7</v>
      </c>
      <c r="BY37" s="160">
        <v>4</v>
      </c>
      <c r="BZ37" s="165">
        <v>120</v>
      </c>
      <c r="CA37" s="164">
        <v>152</v>
      </c>
      <c r="CB37" s="159">
        <v>1</v>
      </c>
      <c r="CC37" s="160">
        <v>0</v>
      </c>
      <c r="CD37" s="165">
        <v>1</v>
      </c>
      <c r="CE37" s="162">
        <v>0</v>
      </c>
      <c r="CF37" s="160">
        <v>10</v>
      </c>
      <c r="CG37" s="160">
        <v>6</v>
      </c>
      <c r="CH37" s="160">
        <v>9</v>
      </c>
      <c r="CI37" s="160">
        <v>13</v>
      </c>
      <c r="CJ37" s="160">
        <v>3</v>
      </c>
      <c r="CK37" s="165">
        <v>41</v>
      </c>
      <c r="CL37" s="164">
        <v>42</v>
      </c>
      <c r="CM37" s="159">
        <v>0</v>
      </c>
      <c r="CN37" s="160">
        <v>0</v>
      </c>
      <c r="CO37" s="165">
        <v>0</v>
      </c>
      <c r="CP37" s="162">
        <v>0</v>
      </c>
      <c r="CQ37" s="160">
        <v>3</v>
      </c>
      <c r="CR37" s="160">
        <v>3</v>
      </c>
      <c r="CS37" s="160">
        <v>2</v>
      </c>
      <c r="CT37" s="160">
        <v>4</v>
      </c>
      <c r="CU37" s="160">
        <v>2</v>
      </c>
      <c r="CV37" s="165">
        <v>14</v>
      </c>
      <c r="CW37" s="164">
        <v>14</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68</v>
      </c>
      <c r="DU37" s="160">
        <v>100</v>
      </c>
      <c r="DV37" s="165">
        <v>168</v>
      </c>
      <c r="DW37" s="162">
        <v>0</v>
      </c>
      <c r="DX37" s="160">
        <v>185</v>
      </c>
      <c r="DY37" s="160">
        <v>147</v>
      </c>
      <c r="DZ37" s="160">
        <v>91</v>
      </c>
      <c r="EA37" s="160">
        <v>64</v>
      </c>
      <c r="EB37" s="160">
        <v>46</v>
      </c>
      <c r="EC37" s="165">
        <v>533</v>
      </c>
      <c r="ED37" s="164">
        <v>701</v>
      </c>
      <c r="EE37" s="159">
        <v>16</v>
      </c>
      <c r="EF37" s="160">
        <v>11</v>
      </c>
      <c r="EG37" s="165">
        <v>27</v>
      </c>
      <c r="EH37" s="162">
        <v>0</v>
      </c>
      <c r="EI37" s="160">
        <v>36</v>
      </c>
      <c r="EJ37" s="160">
        <v>13</v>
      </c>
      <c r="EK37" s="160">
        <v>19</v>
      </c>
      <c r="EL37" s="160">
        <v>36</v>
      </c>
      <c r="EM37" s="160">
        <v>11</v>
      </c>
      <c r="EN37" s="165">
        <v>115</v>
      </c>
      <c r="EO37" s="164">
        <v>142</v>
      </c>
      <c r="EP37" s="159">
        <v>80</v>
      </c>
      <c r="EQ37" s="160">
        <v>126</v>
      </c>
      <c r="ER37" s="165">
        <v>206</v>
      </c>
      <c r="ES37" s="162">
        <v>0</v>
      </c>
      <c r="ET37" s="160">
        <v>316</v>
      </c>
      <c r="EU37" s="160">
        <v>175</v>
      </c>
      <c r="EV37" s="160">
        <v>103</v>
      </c>
      <c r="EW37" s="160">
        <v>74</v>
      </c>
      <c r="EX37" s="160">
        <v>47</v>
      </c>
      <c r="EY37" s="165">
        <v>715</v>
      </c>
      <c r="EZ37" s="164">
        <v>921</v>
      </c>
    </row>
    <row r="38" spans="2:156" ht="21" customHeight="1" x14ac:dyDescent="0.2">
      <c r="B38" s="166" t="s">
        <v>36</v>
      </c>
      <c r="C38" s="159">
        <v>0</v>
      </c>
      <c r="D38" s="160">
        <v>0</v>
      </c>
      <c r="E38" s="161">
        <v>0</v>
      </c>
      <c r="F38" s="162">
        <v>0</v>
      </c>
      <c r="G38" s="160">
        <v>52</v>
      </c>
      <c r="H38" s="160">
        <v>78</v>
      </c>
      <c r="I38" s="160">
        <v>44</v>
      </c>
      <c r="J38" s="160">
        <v>31</v>
      </c>
      <c r="K38" s="160">
        <v>33</v>
      </c>
      <c r="L38" s="163">
        <v>238</v>
      </c>
      <c r="M38" s="164">
        <v>238</v>
      </c>
      <c r="N38" s="159">
        <v>0</v>
      </c>
      <c r="O38" s="160">
        <v>1</v>
      </c>
      <c r="P38" s="165">
        <v>1</v>
      </c>
      <c r="Q38" s="162">
        <v>0</v>
      </c>
      <c r="R38" s="160">
        <v>1</v>
      </c>
      <c r="S38" s="160">
        <v>3</v>
      </c>
      <c r="T38" s="160">
        <v>7</v>
      </c>
      <c r="U38" s="160">
        <v>9</v>
      </c>
      <c r="V38" s="160">
        <v>10</v>
      </c>
      <c r="W38" s="165">
        <v>30</v>
      </c>
      <c r="X38" s="164">
        <v>31</v>
      </c>
      <c r="Y38" s="159">
        <v>4</v>
      </c>
      <c r="Z38" s="160">
        <v>24</v>
      </c>
      <c r="AA38" s="165">
        <v>28</v>
      </c>
      <c r="AB38" s="162">
        <v>0</v>
      </c>
      <c r="AC38" s="160">
        <v>57</v>
      </c>
      <c r="AD38" s="160">
        <v>59</v>
      </c>
      <c r="AE38" s="160">
        <v>42</v>
      </c>
      <c r="AF38" s="160">
        <v>26</v>
      </c>
      <c r="AG38" s="160">
        <v>33</v>
      </c>
      <c r="AH38" s="165">
        <v>217</v>
      </c>
      <c r="AI38" s="164">
        <v>245</v>
      </c>
      <c r="AJ38" s="159">
        <v>2</v>
      </c>
      <c r="AK38" s="160">
        <v>13</v>
      </c>
      <c r="AL38" s="165">
        <v>15</v>
      </c>
      <c r="AM38" s="162">
        <v>0</v>
      </c>
      <c r="AN38" s="160">
        <v>19</v>
      </c>
      <c r="AO38" s="160">
        <v>21</v>
      </c>
      <c r="AP38" s="160">
        <v>7</v>
      </c>
      <c r="AQ38" s="160">
        <v>4</v>
      </c>
      <c r="AR38" s="160">
        <v>6</v>
      </c>
      <c r="AS38" s="165">
        <v>57</v>
      </c>
      <c r="AT38" s="164">
        <v>72</v>
      </c>
      <c r="AU38" s="159">
        <v>6</v>
      </c>
      <c r="AV38" s="160">
        <v>6</v>
      </c>
      <c r="AW38" s="165">
        <v>12</v>
      </c>
      <c r="AX38" s="162">
        <v>0</v>
      </c>
      <c r="AY38" s="160">
        <v>59</v>
      </c>
      <c r="AZ38" s="160">
        <v>105</v>
      </c>
      <c r="BA38" s="160">
        <v>74</v>
      </c>
      <c r="BB38" s="160">
        <v>52</v>
      </c>
      <c r="BC38" s="160">
        <v>55</v>
      </c>
      <c r="BD38" s="163">
        <v>345</v>
      </c>
      <c r="BE38" s="164">
        <v>357</v>
      </c>
      <c r="BF38" s="159">
        <v>0</v>
      </c>
      <c r="BG38" s="160">
        <v>0</v>
      </c>
      <c r="BH38" s="165">
        <v>0</v>
      </c>
      <c r="BI38" s="162">
        <v>0</v>
      </c>
      <c r="BJ38" s="160">
        <v>78</v>
      </c>
      <c r="BK38" s="160">
        <v>91</v>
      </c>
      <c r="BL38" s="160">
        <v>42</v>
      </c>
      <c r="BM38" s="160">
        <v>32</v>
      </c>
      <c r="BN38" s="160">
        <v>18</v>
      </c>
      <c r="BO38" s="165">
        <v>261</v>
      </c>
      <c r="BP38" s="164">
        <v>261</v>
      </c>
      <c r="BQ38" s="159">
        <v>8</v>
      </c>
      <c r="BR38" s="160">
        <v>8</v>
      </c>
      <c r="BS38" s="165">
        <v>16</v>
      </c>
      <c r="BT38" s="162">
        <v>0</v>
      </c>
      <c r="BU38" s="160">
        <v>30</v>
      </c>
      <c r="BV38" s="160">
        <v>35</v>
      </c>
      <c r="BW38" s="160">
        <v>23</v>
      </c>
      <c r="BX38" s="160">
        <v>11</v>
      </c>
      <c r="BY38" s="160">
        <v>4</v>
      </c>
      <c r="BZ38" s="165">
        <v>103</v>
      </c>
      <c r="CA38" s="164">
        <v>119</v>
      </c>
      <c r="CB38" s="159">
        <v>0</v>
      </c>
      <c r="CC38" s="160">
        <v>0</v>
      </c>
      <c r="CD38" s="165">
        <v>0</v>
      </c>
      <c r="CE38" s="162">
        <v>0</v>
      </c>
      <c r="CF38" s="160">
        <v>9</v>
      </c>
      <c r="CG38" s="160">
        <v>24</v>
      </c>
      <c r="CH38" s="160">
        <v>15</v>
      </c>
      <c r="CI38" s="160">
        <v>16</v>
      </c>
      <c r="CJ38" s="160">
        <v>16</v>
      </c>
      <c r="CK38" s="165">
        <v>80</v>
      </c>
      <c r="CL38" s="164">
        <v>80</v>
      </c>
      <c r="CM38" s="159">
        <v>0</v>
      </c>
      <c r="CN38" s="160">
        <v>0</v>
      </c>
      <c r="CO38" s="165">
        <v>0</v>
      </c>
      <c r="CP38" s="162">
        <v>0</v>
      </c>
      <c r="CQ38" s="160">
        <v>1</v>
      </c>
      <c r="CR38" s="160">
        <v>1</v>
      </c>
      <c r="CS38" s="160">
        <v>0</v>
      </c>
      <c r="CT38" s="160">
        <v>2</v>
      </c>
      <c r="CU38" s="160">
        <v>0</v>
      </c>
      <c r="CV38" s="165">
        <v>4</v>
      </c>
      <c r="CW38" s="164">
        <v>4</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36</v>
      </c>
      <c r="DU38" s="160">
        <v>122</v>
      </c>
      <c r="DV38" s="165">
        <v>158</v>
      </c>
      <c r="DW38" s="162">
        <v>0</v>
      </c>
      <c r="DX38" s="160">
        <v>149</v>
      </c>
      <c r="DY38" s="160">
        <v>211</v>
      </c>
      <c r="DZ38" s="160">
        <v>123</v>
      </c>
      <c r="EA38" s="160">
        <v>78</v>
      </c>
      <c r="EB38" s="160">
        <v>56</v>
      </c>
      <c r="EC38" s="165">
        <v>617</v>
      </c>
      <c r="ED38" s="164">
        <v>775</v>
      </c>
      <c r="EE38" s="159">
        <v>3</v>
      </c>
      <c r="EF38" s="160">
        <v>1</v>
      </c>
      <c r="EG38" s="165">
        <v>4</v>
      </c>
      <c r="EH38" s="162">
        <v>0</v>
      </c>
      <c r="EI38" s="160">
        <v>21</v>
      </c>
      <c r="EJ38" s="160">
        <v>16</v>
      </c>
      <c r="EK38" s="160">
        <v>17</v>
      </c>
      <c r="EL38" s="160">
        <v>5</v>
      </c>
      <c r="EM38" s="160">
        <v>3</v>
      </c>
      <c r="EN38" s="165">
        <v>62</v>
      </c>
      <c r="EO38" s="164">
        <v>66</v>
      </c>
      <c r="EP38" s="159">
        <v>46</v>
      </c>
      <c r="EQ38" s="160">
        <v>146</v>
      </c>
      <c r="ER38" s="165">
        <v>192</v>
      </c>
      <c r="ES38" s="162">
        <v>0</v>
      </c>
      <c r="ET38" s="160">
        <v>259</v>
      </c>
      <c r="EU38" s="160">
        <v>266</v>
      </c>
      <c r="EV38" s="160">
        <v>144</v>
      </c>
      <c r="EW38" s="160">
        <v>89</v>
      </c>
      <c r="EX38" s="160">
        <v>71</v>
      </c>
      <c r="EY38" s="165">
        <v>829</v>
      </c>
      <c r="EZ38" s="164">
        <v>1021</v>
      </c>
    </row>
    <row r="39" spans="2:156" ht="21" customHeight="1" thickBot="1" x14ac:dyDescent="0.25">
      <c r="B39" s="167" t="s">
        <v>37</v>
      </c>
      <c r="C39" s="168">
        <v>0</v>
      </c>
      <c r="D39" s="169">
        <v>0</v>
      </c>
      <c r="E39" s="170">
        <v>0</v>
      </c>
      <c r="F39" s="171">
        <v>0</v>
      </c>
      <c r="G39" s="169">
        <v>6</v>
      </c>
      <c r="H39" s="169">
        <v>5</v>
      </c>
      <c r="I39" s="169">
        <v>7</v>
      </c>
      <c r="J39" s="169">
        <v>1</v>
      </c>
      <c r="K39" s="169">
        <v>4</v>
      </c>
      <c r="L39" s="172">
        <v>23</v>
      </c>
      <c r="M39" s="173">
        <v>23</v>
      </c>
      <c r="N39" s="168">
        <v>0</v>
      </c>
      <c r="O39" s="169">
        <v>0</v>
      </c>
      <c r="P39" s="174">
        <v>0</v>
      </c>
      <c r="Q39" s="171">
        <v>0</v>
      </c>
      <c r="R39" s="169">
        <v>0</v>
      </c>
      <c r="S39" s="169">
        <v>0</v>
      </c>
      <c r="T39" s="169">
        <v>0</v>
      </c>
      <c r="U39" s="169">
        <v>0</v>
      </c>
      <c r="V39" s="169">
        <v>0</v>
      </c>
      <c r="W39" s="174">
        <v>0</v>
      </c>
      <c r="X39" s="173">
        <v>0</v>
      </c>
      <c r="Y39" s="168">
        <v>1</v>
      </c>
      <c r="Z39" s="169">
        <v>1</v>
      </c>
      <c r="AA39" s="174">
        <v>2</v>
      </c>
      <c r="AB39" s="171">
        <v>0</v>
      </c>
      <c r="AC39" s="169">
        <v>6</v>
      </c>
      <c r="AD39" s="169">
        <v>5</v>
      </c>
      <c r="AE39" s="169">
        <v>5</v>
      </c>
      <c r="AF39" s="169">
        <v>4</v>
      </c>
      <c r="AG39" s="169">
        <v>3</v>
      </c>
      <c r="AH39" s="174">
        <v>23</v>
      </c>
      <c r="AI39" s="173">
        <v>25</v>
      </c>
      <c r="AJ39" s="168">
        <v>0</v>
      </c>
      <c r="AK39" s="169">
        <v>0</v>
      </c>
      <c r="AL39" s="174">
        <v>0</v>
      </c>
      <c r="AM39" s="171">
        <v>0</v>
      </c>
      <c r="AN39" s="169">
        <v>1</v>
      </c>
      <c r="AO39" s="169">
        <v>1</v>
      </c>
      <c r="AP39" s="169">
        <v>0</v>
      </c>
      <c r="AQ39" s="169">
        <v>0</v>
      </c>
      <c r="AR39" s="169">
        <v>1</v>
      </c>
      <c r="AS39" s="174">
        <v>3</v>
      </c>
      <c r="AT39" s="173">
        <v>3</v>
      </c>
      <c r="AU39" s="168">
        <v>1</v>
      </c>
      <c r="AV39" s="169">
        <v>0</v>
      </c>
      <c r="AW39" s="174">
        <v>1</v>
      </c>
      <c r="AX39" s="171">
        <v>0</v>
      </c>
      <c r="AY39" s="169">
        <v>4</v>
      </c>
      <c r="AZ39" s="169">
        <v>2</v>
      </c>
      <c r="BA39" s="169">
        <v>6</v>
      </c>
      <c r="BB39" s="169">
        <v>10</v>
      </c>
      <c r="BC39" s="169">
        <v>5</v>
      </c>
      <c r="BD39" s="172">
        <v>27</v>
      </c>
      <c r="BE39" s="173">
        <v>28</v>
      </c>
      <c r="BF39" s="168">
        <v>0</v>
      </c>
      <c r="BG39" s="169">
        <v>0</v>
      </c>
      <c r="BH39" s="174">
        <v>0</v>
      </c>
      <c r="BI39" s="171">
        <v>0</v>
      </c>
      <c r="BJ39" s="169">
        <v>5</v>
      </c>
      <c r="BK39" s="169">
        <v>7</v>
      </c>
      <c r="BL39" s="169">
        <v>5</v>
      </c>
      <c r="BM39" s="169">
        <v>2</v>
      </c>
      <c r="BN39" s="169">
        <v>1</v>
      </c>
      <c r="BO39" s="174">
        <v>20</v>
      </c>
      <c r="BP39" s="173">
        <v>20</v>
      </c>
      <c r="BQ39" s="168">
        <v>1</v>
      </c>
      <c r="BR39" s="169">
        <v>1</v>
      </c>
      <c r="BS39" s="174">
        <v>2</v>
      </c>
      <c r="BT39" s="171">
        <v>0</v>
      </c>
      <c r="BU39" s="169">
        <v>7</v>
      </c>
      <c r="BV39" s="169">
        <v>6</v>
      </c>
      <c r="BW39" s="169">
        <v>2</v>
      </c>
      <c r="BX39" s="169">
        <v>1</v>
      </c>
      <c r="BY39" s="169">
        <v>1</v>
      </c>
      <c r="BZ39" s="174">
        <v>17</v>
      </c>
      <c r="CA39" s="173">
        <v>19</v>
      </c>
      <c r="CB39" s="168">
        <v>0</v>
      </c>
      <c r="CC39" s="169">
        <v>0</v>
      </c>
      <c r="CD39" s="174">
        <v>0</v>
      </c>
      <c r="CE39" s="171">
        <v>0</v>
      </c>
      <c r="CF39" s="169">
        <v>0</v>
      </c>
      <c r="CG39" s="169">
        <v>1</v>
      </c>
      <c r="CH39" s="169">
        <v>3</v>
      </c>
      <c r="CI39" s="169">
        <v>1</v>
      </c>
      <c r="CJ39" s="169">
        <v>0</v>
      </c>
      <c r="CK39" s="174">
        <v>5</v>
      </c>
      <c r="CL39" s="173">
        <v>5</v>
      </c>
      <c r="CM39" s="168">
        <v>0</v>
      </c>
      <c r="CN39" s="169">
        <v>0</v>
      </c>
      <c r="CO39" s="174">
        <v>0</v>
      </c>
      <c r="CP39" s="171">
        <v>0</v>
      </c>
      <c r="CQ39" s="169">
        <v>0</v>
      </c>
      <c r="CR39" s="169">
        <v>0</v>
      </c>
      <c r="CS39" s="169">
        <v>0</v>
      </c>
      <c r="CT39" s="169">
        <v>0</v>
      </c>
      <c r="CU39" s="169">
        <v>1</v>
      </c>
      <c r="CV39" s="174">
        <v>1</v>
      </c>
      <c r="CW39" s="173">
        <v>1</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9</v>
      </c>
      <c r="DU39" s="169">
        <v>3</v>
      </c>
      <c r="DV39" s="174">
        <v>12</v>
      </c>
      <c r="DW39" s="171">
        <v>0</v>
      </c>
      <c r="DX39" s="169">
        <v>17</v>
      </c>
      <c r="DY39" s="169">
        <v>23</v>
      </c>
      <c r="DZ39" s="169">
        <v>17</v>
      </c>
      <c r="EA39" s="169">
        <v>6</v>
      </c>
      <c r="EB39" s="169">
        <v>4</v>
      </c>
      <c r="EC39" s="174">
        <v>67</v>
      </c>
      <c r="ED39" s="173">
        <v>79</v>
      </c>
      <c r="EE39" s="168">
        <v>0</v>
      </c>
      <c r="EF39" s="169">
        <v>0</v>
      </c>
      <c r="EG39" s="174">
        <v>0</v>
      </c>
      <c r="EH39" s="171">
        <v>0</v>
      </c>
      <c r="EI39" s="169">
        <v>0</v>
      </c>
      <c r="EJ39" s="169">
        <v>0</v>
      </c>
      <c r="EK39" s="169">
        <v>0</v>
      </c>
      <c r="EL39" s="169">
        <v>0</v>
      </c>
      <c r="EM39" s="169">
        <v>0</v>
      </c>
      <c r="EN39" s="174">
        <v>0</v>
      </c>
      <c r="EO39" s="173">
        <v>0</v>
      </c>
      <c r="EP39" s="168">
        <v>11</v>
      </c>
      <c r="EQ39" s="169">
        <v>4</v>
      </c>
      <c r="ER39" s="174">
        <v>15</v>
      </c>
      <c r="ES39" s="171">
        <v>0</v>
      </c>
      <c r="ET39" s="169">
        <v>25</v>
      </c>
      <c r="EU39" s="169">
        <v>26</v>
      </c>
      <c r="EV39" s="169">
        <v>20</v>
      </c>
      <c r="EW39" s="169">
        <v>7</v>
      </c>
      <c r="EX39" s="169">
        <v>4</v>
      </c>
      <c r="EY39" s="174">
        <v>82</v>
      </c>
      <c r="EZ39" s="173">
        <v>97</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143" customWidth="1"/>
    <col min="2" max="2" width="9.77734375" style="143" customWidth="1"/>
    <col min="3" max="4" width="9" style="143"/>
    <col min="5" max="5" width="10.33203125" style="143" customWidth="1"/>
    <col min="6" max="6" width="7.6640625" style="143" customWidth="1"/>
    <col min="7" max="7" width="10.21875" style="143" customWidth="1"/>
    <col min="8" max="8" width="10.44140625" style="143" customWidth="1"/>
    <col min="9" max="16" width="9" style="143"/>
    <col min="17" max="17" width="7.21875" style="143" customWidth="1"/>
    <col min="18" max="27" width="9" style="143"/>
    <col min="28" max="28" width="7.6640625" style="143" customWidth="1"/>
    <col min="29" max="38" width="9" style="143"/>
    <col min="39" max="39" width="7.6640625" style="143" customWidth="1"/>
    <col min="40" max="49" width="9" style="143"/>
    <col min="50" max="50" width="7.21875" style="143" customWidth="1"/>
    <col min="51" max="60" width="9" style="143"/>
    <col min="61" max="61" width="7.21875" style="143" customWidth="1"/>
    <col min="62" max="71" width="9" style="143"/>
    <col min="72" max="72" width="7.33203125" style="143" customWidth="1"/>
    <col min="73" max="82" width="9" style="143"/>
    <col min="83" max="83" width="7.44140625" style="143" customWidth="1"/>
    <col min="84" max="93" width="9" style="143"/>
    <col min="94" max="94" width="7.6640625" style="143" customWidth="1"/>
    <col min="95" max="104" width="9" style="143"/>
    <col min="105" max="105" width="7.44140625" style="143" customWidth="1"/>
    <col min="106" max="115" width="9" style="143"/>
    <col min="116" max="116" width="7.44140625" style="143" customWidth="1"/>
    <col min="117" max="126" width="9" style="143"/>
    <col min="127" max="127" width="7.44140625" style="143" customWidth="1"/>
    <col min="128" max="137" width="9" style="143"/>
    <col min="138" max="138" width="7.33203125" style="143" customWidth="1"/>
    <col min="139" max="148" width="9" style="143"/>
    <col min="149" max="149" width="7.77734375" style="143" customWidth="1"/>
    <col min="150" max="16384" width="9" style="143"/>
  </cols>
  <sheetData>
    <row r="1" spans="2:156" ht="24" customHeight="1" x14ac:dyDescent="0.2">
      <c r="B1" s="142" t="s">
        <v>120</v>
      </c>
      <c r="I1" s="442">
        <f>第１表!F2</f>
        <v>6</v>
      </c>
      <c r="J1" s="442"/>
      <c r="K1" s="18">
        <f>第１表!G2</f>
        <v>11</v>
      </c>
      <c r="L1" s="461">
        <f>IF(K1&lt;3,K1+12-2,K1-2)</f>
        <v>9</v>
      </c>
      <c r="M1" s="461"/>
    </row>
    <row r="2" spans="2:156" ht="24" customHeight="1" thickBot="1" x14ac:dyDescent="0.25">
      <c r="B2" s="142" t="s">
        <v>128</v>
      </c>
      <c r="G2" s="17"/>
      <c r="H2" s="18"/>
      <c r="J2" s="68"/>
      <c r="K2" s="68"/>
    </row>
    <row r="3" spans="2:156" ht="21" customHeight="1" thickBot="1" x14ac:dyDescent="0.25">
      <c r="B3" s="455"/>
      <c r="C3" s="458" t="s">
        <v>70</v>
      </c>
      <c r="D3" s="459"/>
      <c r="E3" s="459"/>
      <c r="F3" s="459"/>
      <c r="G3" s="459"/>
      <c r="H3" s="459"/>
      <c r="I3" s="459"/>
      <c r="J3" s="459"/>
      <c r="K3" s="459"/>
      <c r="L3" s="459"/>
      <c r="M3" s="460"/>
      <c r="N3" s="458" t="s">
        <v>71</v>
      </c>
      <c r="O3" s="459"/>
      <c r="P3" s="459"/>
      <c r="Q3" s="459"/>
      <c r="R3" s="459"/>
      <c r="S3" s="459"/>
      <c r="T3" s="459"/>
      <c r="U3" s="459"/>
      <c r="V3" s="459"/>
      <c r="W3" s="459"/>
      <c r="X3" s="460"/>
      <c r="Y3" s="458" t="s">
        <v>72</v>
      </c>
      <c r="Z3" s="459"/>
      <c r="AA3" s="459"/>
      <c r="AB3" s="459"/>
      <c r="AC3" s="459"/>
      <c r="AD3" s="459"/>
      <c r="AE3" s="459"/>
      <c r="AF3" s="459"/>
      <c r="AG3" s="459"/>
      <c r="AH3" s="459"/>
      <c r="AI3" s="460"/>
      <c r="AJ3" s="458" t="s">
        <v>73</v>
      </c>
      <c r="AK3" s="459"/>
      <c r="AL3" s="459"/>
      <c r="AM3" s="459"/>
      <c r="AN3" s="459"/>
      <c r="AO3" s="459"/>
      <c r="AP3" s="459"/>
      <c r="AQ3" s="459"/>
      <c r="AR3" s="459"/>
      <c r="AS3" s="459"/>
      <c r="AT3" s="460"/>
      <c r="AU3" s="458" t="s">
        <v>74</v>
      </c>
      <c r="AV3" s="459"/>
      <c r="AW3" s="459"/>
      <c r="AX3" s="459"/>
      <c r="AY3" s="459"/>
      <c r="AZ3" s="459"/>
      <c r="BA3" s="459"/>
      <c r="BB3" s="459"/>
      <c r="BC3" s="459"/>
      <c r="BD3" s="459"/>
      <c r="BE3" s="460"/>
      <c r="BF3" s="458" t="s">
        <v>75</v>
      </c>
      <c r="BG3" s="459"/>
      <c r="BH3" s="459"/>
      <c r="BI3" s="459"/>
      <c r="BJ3" s="459"/>
      <c r="BK3" s="459"/>
      <c r="BL3" s="459"/>
      <c r="BM3" s="459"/>
      <c r="BN3" s="459"/>
      <c r="BO3" s="459"/>
      <c r="BP3" s="460"/>
      <c r="BQ3" s="458" t="s">
        <v>76</v>
      </c>
      <c r="BR3" s="459"/>
      <c r="BS3" s="459"/>
      <c r="BT3" s="459"/>
      <c r="BU3" s="459"/>
      <c r="BV3" s="459"/>
      <c r="BW3" s="459"/>
      <c r="BX3" s="459"/>
      <c r="BY3" s="459"/>
      <c r="BZ3" s="459"/>
      <c r="CA3" s="460"/>
      <c r="CB3" s="458" t="s">
        <v>77</v>
      </c>
      <c r="CC3" s="459"/>
      <c r="CD3" s="459"/>
      <c r="CE3" s="459"/>
      <c r="CF3" s="459"/>
      <c r="CG3" s="459"/>
      <c r="CH3" s="459"/>
      <c r="CI3" s="459"/>
      <c r="CJ3" s="459"/>
      <c r="CK3" s="459"/>
      <c r="CL3" s="460"/>
      <c r="CM3" s="458" t="s">
        <v>78</v>
      </c>
      <c r="CN3" s="459"/>
      <c r="CO3" s="459"/>
      <c r="CP3" s="459"/>
      <c r="CQ3" s="459"/>
      <c r="CR3" s="459"/>
      <c r="CS3" s="459"/>
      <c r="CT3" s="459"/>
      <c r="CU3" s="459"/>
      <c r="CV3" s="459"/>
      <c r="CW3" s="460"/>
      <c r="CX3" s="458" t="s">
        <v>79</v>
      </c>
      <c r="CY3" s="459"/>
      <c r="CZ3" s="459"/>
      <c r="DA3" s="459"/>
      <c r="DB3" s="459"/>
      <c r="DC3" s="459"/>
      <c r="DD3" s="459"/>
      <c r="DE3" s="459"/>
      <c r="DF3" s="459"/>
      <c r="DG3" s="459"/>
      <c r="DH3" s="460"/>
      <c r="DI3" s="458" t="s">
        <v>149</v>
      </c>
      <c r="DJ3" s="459"/>
      <c r="DK3" s="459"/>
      <c r="DL3" s="459"/>
      <c r="DM3" s="459"/>
      <c r="DN3" s="459"/>
      <c r="DO3" s="459"/>
      <c r="DP3" s="459"/>
      <c r="DQ3" s="459"/>
      <c r="DR3" s="459"/>
      <c r="DS3" s="460"/>
      <c r="DT3" s="458" t="s">
        <v>80</v>
      </c>
      <c r="DU3" s="459"/>
      <c r="DV3" s="459"/>
      <c r="DW3" s="459"/>
      <c r="DX3" s="459"/>
      <c r="DY3" s="459"/>
      <c r="DZ3" s="459"/>
      <c r="EA3" s="459"/>
      <c r="EB3" s="459"/>
      <c r="EC3" s="459"/>
      <c r="ED3" s="460"/>
      <c r="EE3" s="458" t="s">
        <v>68</v>
      </c>
      <c r="EF3" s="459"/>
      <c r="EG3" s="459"/>
      <c r="EH3" s="459"/>
      <c r="EI3" s="459"/>
      <c r="EJ3" s="459"/>
      <c r="EK3" s="459"/>
      <c r="EL3" s="459"/>
      <c r="EM3" s="459"/>
      <c r="EN3" s="459"/>
      <c r="EO3" s="460"/>
      <c r="EP3" s="462" t="s">
        <v>69</v>
      </c>
      <c r="EQ3" s="463"/>
      <c r="ER3" s="463"/>
      <c r="ES3" s="463"/>
      <c r="ET3" s="463"/>
      <c r="EU3" s="463"/>
      <c r="EV3" s="463"/>
      <c r="EW3" s="463"/>
      <c r="EX3" s="463"/>
      <c r="EY3" s="463"/>
      <c r="EZ3" s="464"/>
    </row>
    <row r="4" spans="2:156" ht="21" customHeight="1" x14ac:dyDescent="0.2">
      <c r="B4" s="456"/>
      <c r="C4" s="450" t="s">
        <v>61</v>
      </c>
      <c r="D4" s="451"/>
      <c r="E4" s="452"/>
      <c r="F4" s="453" t="s">
        <v>62</v>
      </c>
      <c r="G4" s="451"/>
      <c r="H4" s="451"/>
      <c r="I4" s="451"/>
      <c r="J4" s="451"/>
      <c r="K4" s="451"/>
      <c r="L4" s="454"/>
      <c r="M4" s="448" t="s">
        <v>52</v>
      </c>
      <c r="N4" s="450" t="s">
        <v>61</v>
      </c>
      <c r="O4" s="451"/>
      <c r="P4" s="452"/>
      <c r="Q4" s="453" t="s">
        <v>62</v>
      </c>
      <c r="R4" s="451"/>
      <c r="S4" s="451"/>
      <c r="T4" s="451"/>
      <c r="U4" s="451"/>
      <c r="V4" s="451"/>
      <c r="W4" s="452"/>
      <c r="X4" s="448" t="s">
        <v>52</v>
      </c>
      <c r="Y4" s="450" t="s">
        <v>61</v>
      </c>
      <c r="Z4" s="451"/>
      <c r="AA4" s="452"/>
      <c r="AB4" s="453" t="s">
        <v>62</v>
      </c>
      <c r="AC4" s="451"/>
      <c r="AD4" s="451"/>
      <c r="AE4" s="451"/>
      <c r="AF4" s="451"/>
      <c r="AG4" s="451"/>
      <c r="AH4" s="452"/>
      <c r="AI4" s="448" t="s">
        <v>52</v>
      </c>
      <c r="AJ4" s="450" t="s">
        <v>61</v>
      </c>
      <c r="AK4" s="451"/>
      <c r="AL4" s="452"/>
      <c r="AM4" s="453" t="s">
        <v>62</v>
      </c>
      <c r="AN4" s="451"/>
      <c r="AO4" s="451"/>
      <c r="AP4" s="451"/>
      <c r="AQ4" s="451"/>
      <c r="AR4" s="451"/>
      <c r="AS4" s="452"/>
      <c r="AT4" s="448" t="s">
        <v>52</v>
      </c>
      <c r="AU4" s="450" t="s">
        <v>61</v>
      </c>
      <c r="AV4" s="451"/>
      <c r="AW4" s="452"/>
      <c r="AX4" s="453" t="s">
        <v>62</v>
      </c>
      <c r="AY4" s="451"/>
      <c r="AZ4" s="451"/>
      <c r="BA4" s="451"/>
      <c r="BB4" s="451"/>
      <c r="BC4" s="451"/>
      <c r="BD4" s="454"/>
      <c r="BE4" s="448" t="s">
        <v>52</v>
      </c>
      <c r="BF4" s="450" t="s">
        <v>61</v>
      </c>
      <c r="BG4" s="451"/>
      <c r="BH4" s="452"/>
      <c r="BI4" s="453" t="s">
        <v>62</v>
      </c>
      <c r="BJ4" s="451"/>
      <c r="BK4" s="451"/>
      <c r="BL4" s="451"/>
      <c r="BM4" s="451"/>
      <c r="BN4" s="451"/>
      <c r="BO4" s="452"/>
      <c r="BP4" s="448" t="s">
        <v>52</v>
      </c>
      <c r="BQ4" s="450" t="s">
        <v>61</v>
      </c>
      <c r="BR4" s="451"/>
      <c r="BS4" s="452"/>
      <c r="BT4" s="453" t="s">
        <v>62</v>
      </c>
      <c r="BU4" s="451"/>
      <c r="BV4" s="451"/>
      <c r="BW4" s="451"/>
      <c r="BX4" s="451"/>
      <c r="BY4" s="451"/>
      <c r="BZ4" s="452"/>
      <c r="CA4" s="448" t="s">
        <v>52</v>
      </c>
      <c r="CB4" s="450" t="s">
        <v>61</v>
      </c>
      <c r="CC4" s="451"/>
      <c r="CD4" s="452"/>
      <c r="CE4" s="453" t="s">
        <v>62</v>
      </c>
      <c r="CF4" s="451"/>
      <c r="CG4" s="451"/>
      <c r="CH4" s="451"/>
      <c r="CI4" s="451"/>
      <c r="CJ4" s="451"/>
      <c r="CK4" s="452"/>
      <c r="CL4" s="448" t="s">
        <v>52</v>
      </c>
      <c r="CM4" s="450" t="s">
        <v>61</v>
      </c>
      <c r="CN4" s="451"/>
      <c r="CO4" s="452"/>
      <c r="CP4" s="453" t="s">
        <v>62</v>
      </c>
      <c r="CQ4" s="451"/>
      <c r="CR4" s="451"/>
      <c r="CS4" s="451"/>
      <c r="CT4" s="451"/>
      <c r="CU4" s="451"/>
      <c r="CV4" s="452"/>
      <c r="CW4" s="448" t="s">
        <v>52</v>
      </c>
      <c r="CX4" s="450" t="s">
        <v>61</v>
      </c>
      <c r="CY4" s="451"/>
      <c r="CZ4" s="452"/>
      <c r="DA4" s="453" t="s">
        <v>62</v>
      </c>
      <c r="DB4" s="451"/>
      <c r="DC4" s="451"/>
      <c r="DD4" s="451"/>
      <c r="DE4" s="451"/>
      <c r="DF4" s="451"/>
      <c r="DG4" s="452"/>
      <c r="DH4" s="448" t="s">
        <v>52</v>
      </c>
      <c r="DI4" s="450" t="s">
        <v>61</v>
      </c>
      <c r="DJ4" s="451"/>
      <c r="DK4" s="452"/>
      <c r="DL4" s="453" t="s">
        <v>62</v>
      </c>
      <c r="DM4" s="451"/>
      <c r="DN4" s="451"/>
      <c r="DO4" s="451"/>
      <c r="DP4" s="451"/>
      <c r="DQ4" s="451"/>
      <c r="DR4" s="452"/>
      <c r="DS4" s="448" t="s">
        <v>52</v>
      </c>
      <c r="DT4" s="450" t="s">
        <v>61</v>
      </c>
      <c r="DU4" s="451"/>
      <c r="DV4" s="452"/>
      <c r="DW4" s="453" t="s">
        <v>62</v>
      </c>
      <c r="DX4" s="451"/>
      <c r="DY4" s="451"/>
      <c r="DZ4" s="451"/>
      <c r="EA4" s="451"/>
      <c r="EB4" s="451"/>
      <c r="EC4" s="452"/>
      <c r="ED4" s="448" t="s">
        <v>52</v>
      </c>
      <c r="EE4" s="450" t="s">
        <v>61</v>
      </c>
      <c r="EF4" s="451"/>
      <c r="EG4" s="452"/>
      <c r="EH4" s="453" t="s">
        <v>62</v>
      </c>
      <c r="EI4" s="451"/>
      <c r="EJ4" s="451"/>
      <c r="EK4" s="451"/>
      <c r="EL4" s="451"/>
      <c r="EM4" s="451"/>
      <c r="EN4" s="452"/>
      <c r="EO4" s="448" t="s">
        <v>52</v>
      </c>
      <c r="EP4" s="450" t="s">
        <v>61</v>
      </c>
      <c r="EQ4" s="451"/>
      <c r="ER4" s="452"/>
      <c r="ES4" s="453" t="s">
        <v>62</v>
      </c>
      <c r="ET4" s="451"/>
      <c r="EU4" s="451"/>
      <c r="EV4" s="451"/>
      <c r="EW4" s="451"/>
      <c r="EX4" s="451"/>
      <c r="EY4" s="452"/>
      <c r="EZ4" s="448" t="s">
        <v>52</v>
      </c>
    </row>
    <row r="5" spans="2:156" ht="30" customHeight="1" thickBot="1" x14ac:dyDescent="0.25">
      <c r="B5" s="457"/>
      <c r="C5" s="144" t="s">
        <v>43</v>
      </c>
      <c r="D5" s="145" t="s">
        <v>44</v>
      </c>
      <c r="E5" s="146" t="s">
        <v>45</v>
      </c>
      <c r="F5" s="147" t="s">
        <v>83</v>
      </c>
      <c r="G5" s="145" t="s">
        <v>47</v>
      </c>
      <c r="H5" s="145" t="s">
        <v>48</v>
      </c>
      <c r="I5" s="145" t="s">
        <v>49</v>
      </c>
      <c r="J5" s="145" t="s">
        <v>50</v>
      </c>
      <c r="K5" s="145" t="s">
        <v>51</v>
      </c>
      <c r="L5" s="148" t="s">
        <v>45</v>
      </c>
      <c r="M5" s="449"/>
      <c r="N5" s="144" t="s">
        <v>43</v>
      </c>
      <c r="O5" s="145" t="s">
        <v>44</v>
      </c>
      <c r="P5" s="149" t="s">
        <v>45</v>
      </c>
      <c r="Q5" s="147" t="s">
        <v>83</v>
      </c>
      <c r="R5" s="145" t="s">
        <v>47</v>
      </c>
      <c r="S5" s="145" t="s">
        <v>48</v>
      </c>
      <c r="T5" s="145" t="s">
        <v>49</v>
      </c>
      <c r="U5" s="145" t="s">
        <v>50</v>
      </c>
      <c r="V5" s="145" t="s">
        <v>51</v>
      </c>
      <c r="W5" s="149" t="s">
        <v>45</v>
      </c>
      <c r="X5" s="449"/>
      <c r="Y5" s="144" t="s">
        <v>43</v>
      </c>
      <c r="Z5" s="145" t="s">
        <v>44</v>
      </c>
      <c r="AA5" s="149" t="s">
        <v>45</v>
      </c>
      <c r="AB5" s="147" t="s">
        <v>83</v>
      </c>
      <c r="AC5" s="145" t="s">
        <v>47</v>
      </c>
      <c r="AD5" s="145" t="s">
        <v>48</v>
      </c>
      <c r="AE5" s="145" t="s">
        <v>49</v>
      </c>
      <c r="AF5" s="145" t="s">
        <v>50</v>
      </c>
      <c r="AG5" s="145" t="s">
        <v>51</v>
      </c>
      <c r="AH5" s="149" t="s">
        <v>45</v>
      </c>
      <c r="AI5" s="449"/>
      <c r="AJ5" s="144" t="s">
        <v>43</v>
      </c>
      <c r="AK5" s="145" t="s">
        <v>44</v>
      </c>
      <c r="AL5" s="149" t="s">
        <v>45</v>
      </c>
      <c r="AM5" s="147" t="s">
        <v>83</v>
      </c>
      <c r="AN5" s="145" t="s">
        <v>47</v>
      </c>
      <c r="AO5" s="145" t="s">
        <v>48</v>
      </c>
      <c r="AP5" s="145" t="s">
        <v>49</v>
      </c>
      <c r="AQ5" s="145" t="s">
        <v>50</v>
      </c>
      <c r="AR5" s="145" t="s">
        <v>51</v>
      </c>
      <c r="AS5" s="149" t="s">
        <v>45</v>
      </c>
      <c r="AT5" s="449"/>
      <c r="AU5" s="144" t="s">
        <v>43</v>
      </c>
      <c r="AV5" s="145" t="s">
        <v>44</v>
      </c>
      <c r="AW5" s="149" t="s">
        <v>45</v>
      </c>
      <c r="AX5" s="147" t="s">
        <v>83</v>
      </c>
      <c r="AY5" s="145" t="s">
        <v>47</v>
      </c>
      <c r="AZ5" s="145" t="s">
        <v>48</v>
      </c>
      <c r="BA5" s="145" t="s">
        <v>49</v>
      </c>
      <c r="BB5" s="145" t="s">
        <v>50</v>
      </c>
      <c r="BC5" s="145" t="s">
        <v>51</v>
      </c>
      <c r="BD5" s="148" t="s">
        <v>45</v>
      </c>
      <c r="BE5" s="449"/>
      <c r="BF5" s="144" t="s">
        <v>43</v>
      </c>
      <c r="BG5" s="145" t="s">
        <v>44</v>
      </c>
      <c r="BH5" s="149" t="s">
        <v>45</v>
      </c>
      <c r="BI5" s="147" t="s">
        <v>83</v>
      </c>
      <c r="BJ5" s="145" t="s">
        <v>47</v>
      </c>
      <c r="BK5" s="145" t="s">
        <v>48</v>
      </c>
      <c r="BL5" s="145" t="s">
        <v>49</v>
      </c>
      <c r="BM5" s="145" t="s">
        <v>50</v>
      </c>
      <c r="BN5" s="145" t="s">
        <v>51</v>
      </c>
      <c r="BO5" s="149" t="s">
        <v>45</v>
      </c>
      <c r="BP5" s="449"/>
      <c r="BQ5" s="144" t="s">
        <v>43</v>
      </c>
      <c r="BR5" s="145" t="s">
        <v>44</v>
      </c>
      <c r="BS5" s="149" t="s">
        <v>45</v>
      </c>
      <c r="BT5" s="147" t="s">
        <v>83</v>
      </c>
      <c r="BU5" s="145" t="s">
        <v>47</v>
      </c>
      <c r="BV5" s="145" t="s">
        <v>48</v>
      </c>
      <c r="BW5" s="145" t="s">
        <v>49</v>
      </c>
      <c r="BX5" s="145" t="s">
        <v>50</v>
      </c>
      <c r="BY5" s="145" t="s">
        <v>51</v>
      </c>
      <c r="BZ5" s="149" t="s">
        <v>45</v>
      </c>
      <c r="CA5" s="449"/>
      <c r="CB5" s="144" t="s">
        <v>43</v>
      </c>
      <c r="CC5" s="145" t="s">
        <v>44</v>
      </c>
      <c r="CD5" s="149" t="s">
        <v>45</v>
      </c>
      <c r="CE5" s="147" t="s">
        <v>83</v>
      </c>
      <c r="CF5" s="145" t="s">
        <v>47</v>
      </c>
      <c r="CG5" s="145" t="s">
        <v>48</v>
      </c>
      <c r="CH5" s="145" t="s">
        <v>49</v>
      </c>
      <c r="CI5" s="145" t="s">
        <v>50</v>
      </c>
      <c r="CJ5" s="145" t="s">
        <v>51</v>
      </c>
      <c r="CK5" s="149" t="s">
        <v>45</v>
      </c>
      <c r="CL5" s="449"/>
      <c r="CM5" s="144" t="s">
        <v>43</v>
      </c>
      <c r="CN5" s="145" t="s">
        <v>44</v>
      </c>
      <c r="CO5" s="149" t="s">
        <v>45</v>
      </c>
      <c r="CP5" s="147" t="s">
        <v>83</v>
      </c>
      <c r="CQ5" s="145" t="s">
        <v>47</v>
      </c>
      <c r="CR5" s="145" t="s">
        <v>48</v>
      </c>
      <c r="CS5" s="145" t="s">
        <v>49</v>
      </c>
      <c r="CT5" s="145" t="s">
        <v>50</v>
      </c>
      <c r="CU5" s="145" t="s">
        <v>51</v>
      </c>
      <c r="CV5" s="149" t="s">
        <v>45</v>
      </c>
      <c r="CW5" s="449"/>
      <c r="CX5" s="144" t="s">
        <v>43</v>
      </c>
      <c r="CY5" s="145" t="s">
        <v>44</v>
      </c>
      <c r="CZ5" s="149" t="s">
        <v>45</v>
      </c>
      <c r="DA5" s="147" t="s">
        <v>83</v>
      </c>
      <c r="DB5" s="145" t="s">
        <v>47</v>
      </c>
      <c r="DC5" s="145" t="s">
        <v>48</v>
      </c>
      <c r="DD5" s="145" t="s">
        <v>49</v>
      </c>
      <c r="DE5" s="145" t="s">
        <v>50</v>
      </c>
      <c r="DF5" s="145" t="s">
        <v>51</v>
      </c>
      <c r="DG5" s="149" t="s">
        <v>45</v>
      </c>
      <c r="DH5" s="449"/>
      <c r="DI5" s="144" t="s">
        <v>43</v>
      </c>
      <c r="DJ5" s="145" t="s">
        <v>44</v>
      </c>
      <c r="DK5" s="149" t="s">
        <v>45</v>
      </c>
      <c r="DL5" s="147" t="s">
        <v>83</v>
      </c>
      <c r="DM5" s="145" t="s">
        <v>47</v>
      </c>
      <c r="DN5" s="145" t="s">
        <v>48</v>
      </c>
      <c r="DO5" s="145" t="s">
        <v>49</v>
      </c>
      <c r="DP5" s="145" t="s">
        <v>50</v>
      </c>
      <c r="DQ5" s="145" t="s">
        <v>51</v>
      </c>
      <c r="DR5" s="149" t="s">
        <v>45</v>
      </c>
      <c r="DS5" s="449"/>
      <c r="DT5" s="144" t="s">
        <v>43</v>
      </c>
      <c r="DU5" s="145" t="s">
        <v>44</v>
      </c>
      <c r="DV5" s="149" t="s">
        <v>45</v>
      </c>
      <c r="DW5" s="147" t="s">
        <v>83</v>
      </c>
      <c r="DX5" s="145" t="s">
        <v>47</v>
      </c>
      <c r="DY5" s="145" t="s">
        <v>48</v>
      </c>
      <c r="DZ5" s="145" t="s">
        <v>49</v>
      </c>
      <c r="EA5" s="145" t="s">
        <v>50</v>
      </c>
      <c r="EB5" s="145" t="s">
        <v>51</v>
      </c>
      <c r="EC5" s="149" t="s">
        <v>45</v>
      </c>
      <c r="ED5" s="449"/>
      <c r="EE5" s="144" t="s">
        <v>43</v>
      </c>
      <c r="EF5" s="145" t="s">
        <v>44</v>
      </c>
      <c r="EG5" s="149" t="s">
        <v>45</v>
      </c>
      <c r="EH5" s="147" t="s">
        <v>83</v>
      </c>
      <c r="EI5" s="145" t="s">
        <v>47</v>
      </c>
      <c r="EJ5" s="145" t="s">
        <v>48</v>
      </c>
      <c r="EK5" s="145" t="s">
        <v>49</v>
      </c>
      <c r="EL5" s="145" t="s">
        <v>50</v>
      </c>
      <c r="EM5" s="145" t="s">
        <v>51</v>
      </c>
      <c r="EN5" s="149" t="s">
        <v>45</v>
      </c>
      <c r="EO5" s="449"/>
      <c r="EP5" s="144" t="s">
        <v>43</v>
      </c>
      <c r="EQ5" s="145" t="s">
        <v>44</v>
      </c>
      <c r="ER5" s="149" t="s">
        <v>45</v>
      </c>
      <c r="ES5" s="147" t="s">
        <v>83</v>
      </c>
      <c r="ET5" s="145" t="s">
        <v>47</v>
      </c>
      <c r="EU5" s="145" t="s">
        <v>48</v>
      </c>
      <c r="EV5" s="145" t="s">
        <v>49</v>
      </c>
      <c r="EW5" s="145" t="s">
        <v>50</v>
      </c>
      <c r="EX5" s="145" t="s">
        <v>51</v>
      </c>
      <c r="EY5" s="149" t="s">
        <v>45</v>
      </c>
      <c r="EZ5" s="449"/>
    </row>
    <row r="6" spans="2:156" ht="21" customHeight="1" x14ac:dyDescent="0.2">
      <c r="B6" s="150" t="s">
        <v>4</v>
      </c>
      <c r="C6" s="151">
        <v>0</v>
      </c>
      <c r="D6" s="152">
        <v>0</v>
      </c>
      <c r="E6" s="153">
        <v>0</v>
      </c>
      <c r="F6" s="154">
        <v>0</v>
      </c>
      <c r="G6" s="152">
        <v>1212</v>
      </c>
      <c r="H6" s="152">
        <v>1403</v>
      </c>
      <c r="I6" s="152">
        <v>749</v>
      </c>
      <c r="J6" s="152">
        <v>578</v>
      </c>
      <c r="K6" s="152">
        <v>395</v>
      </c>
      <c r="L6" s="155">
        <v>4337</v>
      </c>
      <c r="M6" s="156">
        <v>4337</v>
      </c>
      <c r="N6" s="151">
        <v>0</v>
      </c>
      <c r="O6" s="152">
        <v>2</v>
      </c>
      <c r="P6" s="157">
        <v>2</v>
      </c>
      <c r="Q6" s="154">
        <v>0</v>
      </c>
      <c r="R6" s="152">
        <v>8</v>
      </c>
      <c r="S6" s="152">
        <v>24</v>
      </c>
      <c r="T6" s="152">
        <v>51</v>
      </c>
      <c r="U6" s="152">
        <v>118</v>
      </c>
      <c r="V6" s="152">
        <v>178</v>
      </c>
      <c r="W6" s="157">
        <v>379</v>
      </c>
      <c r="X6" s="156">
        <v>381</v>
      </c>
      <c r="Y6" s="151">
        <v>214</v>
      </c>
      <c r="Z6" s="152">
        <v>484</v>
      </c>
      <c r="AA6" s="157">
        <v>698</v>
      </c>
      <c r="AB6" s="154">
        <v>0</v>
      </c>
      <c r="AC6" s="152">
        <v>949</v>
      </c>
      <c r="AD6" s="152">
        <v>1434</v>
      </c>
      <c r="AE6" s="152">
        <v>820</v>
      </c>
      <c r="AF6" s="152">
        <v>583</v>
      </c>
      <c r="AG6" s="152">
        <v>372</v>
      </c>
      <c r="AH6" s="157">
        <v>4158</v>
      </c>
      <c r="AI6" s="156">
        <v>4856</v>
      </c>
      <c r="AJ6" s="151">
        <v>23</v>
      </c>
      <c r="AK6" s="152">
        <v>51</v>
      </c>
      <c r="AL6" s="157">
        <v>74</v>
      </c>
      <c r="AM6" s="154">
        <v>0</v>
      </c>
      <c r="AN6" s="152">
        <v>98</v>
      </c>
      <c r="AO6" s="152">
        <v>110</v>
      </c>
      <c r="AP6" s="152">
        <v>80</v>
      </c>
      <c r="AQ6" s="152">
        <v>58</v>
      </c>
      <c r="AR6" s="152">
        <v>37</v>
      </c>
      <c r="AS6" s="157">
        <v>383</v>
      </c>
      <c r="AT6" s="156">
        <v>457</v>
      </c>
      <c r="AU6" s="151">
        <v>299</v>
      </c>
      <c r="AV6" s="152">
        <v>395</v>
      </c>
      <c r="AW6" s="157">
        <v>694</v>
      </c>
      <c r="AX6" s="154">
        <v>0</v>
      </c>
      <c r="AY6" s="152">
        <v>1485</v>
      </c>
      <c r="AZ6" s="152">
        <v>1843</v>
      </c>
      <c r="BA6" s="152">
        <v>1515</v>
      </c>
      <c r="BB6" s="152">
        <v>1364</v>
      </c>
      <c r="BC6" s="152">
        <v>853</v>
      </c>
      <c r="BD6" s="155">
        <v>7060</v>
      </c>
      <c r="BE6" s="156">
        <v>7754</v>
      </c>
      <c r="BF6" s="151">
        <v>0</v>
      </c>
      <c r="BG6" s="152">
        <v>0</v>
      </c>
      <c r="BH6" s="157">
        <v>0</v>
      </c>
      <c r="BI6" s="154">
        <v>0</v>
      </c>
      <c r="BJ6" s="152">
        <v>1712</v>
      </c>
      <c r="BK6" s="152">
        <v>1511</v>
      </c>
      <c r="BL6" s="152">
        <v>737</v>
      </c>
      <c r="BM6" s="152">
        <v>355</v>
      </c>
      <c r="BN6" s="152">
        <v>155</v>
      </c>
      <c r="BO6" s="157">
        <v>4470</v>
      </c>
      <c r="BP6" s="156">
        <v>4470</v>
      </c>
      <c r="BQ6" s="151">
        <v>143</v>
      </c>
      <c r="BR6" s="152">
        <v>192</v>
      </c>
      <c r="BS6" s="157">
        <v>335</v>
      </c>
      <c r="BT6" s="154">
        <v>0</v>
      </c>
      <c r="BU6" s="152">
        <v>401</v>
      </c>
      <c r="BV6" s="152">
        <v>535</v>
      </c>
      <c r="BW6" s="152">
        <v>290</v>
      </c>
      <c r="BX6" s="152">
        <v>162</v>
      </c>
      <c r="BY6" s="152">
        <v>60</v>
      </c>
      <c r="BZ6" s="157">
        <v>1448</v>
      </c>
      <c r="CA6" s="156">
        <v>1783</v>
      </c>
      <c r="CB6" s="151">
        <v>7</v>
      </c>
      <c r="CC6" s="152">
        <v>16</v>
      </c>
      <c r="CD6" s="157">
        <v>23</v>
      </c>
      <c r="CE6" s="154">
        <v>0</v>
      </c>
      <c r="CF6" s="152">
        <v>187</v>
      </c>
      <c r="CG6" s="152">
        <v>277</v>
      </c>
      <c r="CH6" s="152">
        <v>302</v>
      </c>
      <c r="CI6" s="152">
        <v>178</v>
      </c>
      <c r="CJ6" s="152">
        <v>100</v>
      </c>
      <c r="CK6" s="157">
        <v>1044</v>
      </c>
      <c r="CL6" s="156">
        <v>1067</v>
      </c>
      <c r="CM6" s="151">
        <v>0</v>
      </c>
      <c r="CN6" s="152">
        <v>3</v>
      </c>
      <c r="CO6" s="157">
        <v>3</v>
      </c>
      <c r="CP6" s="154">
        <v>0</v>
      </c>
      <c r="CQ6" s="152">
        <v>18</v>
      </c>
      <c r="CR6" s="152">
        <v>42</v>
      </c>
      <c r="CS6" s="152">
        <v>55</v>
      </c>
      <c r="CT6" s="152">
        <v>39</v>
      </c>
      <c r="CU6" s="152">
        <v>19</v>
      </c>
      <c r="CV6" s="157">
        <v>173</v>
      </c>
      <c r="CW6" s="156">
        <v>176</v>
      </c>
      <c r="CX6" s="151">
        <v>0</v>
      </c>
      <c r="CY6" s="152">
        <v>0</v>
      </c>
      <c r="CZ6" s="157">
        <v>0</v>
      </c>
      <c r="DA6" s="154">
        <v>0</v>
      </c>
      <c r="DB6" s="152">
        <v>0</v>
      </c>
      <c r="DC6" s="152">
        <v>0</v>
      </c>
      <c r="DD6" s="152">
        <v>0</v>
      </c>
      <c r="DE6" s="152">
        <v>0</v>
      </c>
      <c r="DF6" s="152">
        <v>0</v>
      </c>
      <c r="DG6" s="157">
        <v>0</v>
      </c>
      <c r="DH6" s="156">
        <v>0</v>
      </c>
      <c r="DI6" s="151">
        <v>0</v>
      </c>
      <c r="DJ6" s="152">
        <v>0</v>
      </c>
      <c r="DK6" s="157">
        <v>0</v>
      </c>
      <c r="DL6" s="154">
        <v>0</v>
      </c>
      <c r="DM6" s="152">
        <v>0</v>
      </c>
      <c r="DN6" s="152">
        <v>0</v>
      </c>
      <c r="DO6" s="152">
        <v>0</v>
      </c>
      <c r="DP6" s="152">
        <v>0</v>
      </c>
      <c r="DQ6" s="152">
        <v>0</v>
      </c>
      <c r="DR6" s="157">
        <v>0</v>
      </c>
      <c r="DS6" s="156">
        <v>0</v>
      </c>
      <c r="DT6" s="151">
        <v>673</v>
      </c>
      <c r="DU6" s="152">
        <v>1441</v>
      </c>
      <c r="DV6" s="157">
        <v>2114</v>
      </c>
      <c r="DW6" s="154">
        <v>0</v>
      </c>
      <c r="DX6" s="152">
        <v>1885</v>
      </c>
      <c r="DY6" s="152">
        <v>3284</v>
      </c>
      <c r="DZ6" s="152">
        <v>1811</v>
      </c>
      <c r="EA6" s="152">
        <v>1271</v>
      </c>
      <c r="EB6" s="152">
        <v>741</v>
      </c>
      <c r="EC6" s="157">
        <v>8992</v>
      </c>
      <c r="ED6" s="156">
        <v>11106</v>
      </c>
      <c r="EE6" s="151">
        <v>177</v>
      </c>
      <c r="EF6" s="152">
        <v>132</v>
      </c>
      <c r="EG6" s="157">
        <v>309</v>
      </c>
      <c r="EH6" s="154">
        <v>0</v>
      </c>
      <c r="EI6" s="152">
        <v>604</v>
      </c>
      <c r="EJ6" s="152">
        <v>592</v>
      </c>
      <c r="EK6" s="152">
        <v>454</v>
      </c>
      <c r="EL6" s="152">
        <v>495</v>
      </c>
      <c r="EM6" s="152">
        <v>233</v>
      </c>
      <c r="EN6" s="157">
        <v>2378</v>
      </c>
      <c r="EO6" s="156">
        <v>2687</v>
      </c>
      <c r="EP6" s="151">
        <v>988</v>
      </c>
      <c r="EQ6" s="152">
        <v>1847</v>
      </c>
      <c r="ER6" s="157">
        <v>2835</v>
      </c>
      <c r="ES6" s="154">
        <v>0</v>
      </c>
      <c r="ET6" s="152">
        <v>4437</v>
      </c>
      <c r="EU6" s="152">
        <v>4493</v>
      </c>
      <c r="EV6" s="152">
        <v>2207</v>
      </c>
      <c r="EW6" s="152">
        <v>1344</v>
      </c>
      <c r="EX6" s="152">
        <v>754</v>
      </c>
      <c r="EY6" s="157">
        <v>13235</v>
      </c>
      <c r="EZ6" s="156">
        <v>16070</v>
      </c>
    </row>
    <row r="7" spans="2:156" ht="21" customHeight="1" x14ac:dyDescent="0.2">
      <c r="B7" s="158" t="s">
        <v>5</v>
      </c>
      <c r="C7" s="159">
        <v>0</v>
      </c>
      <c r="D7" s="160">
        <v>0</v>
      </c>
      <c r="E7" s="161">
        <v>0</v>
      </c>
      <c r="F7" s="162">
        <v>0</v>
      </c>
      <c r="G7" s="160">
        <v>482</v>
      </c>
      <c r="H7" s="160">
        <v>711</v>
      </c>
      <c r="I7" s="160">
        <v>376</v>
      </c>
      <c r="J7" s="160">
        <v>262</v>
      </c>
      <c r="K7" s="160">
        <v>167</v>
      </c>
      <c r="L7" s="163">
        <v>1998</v>
      </c>
      <c r="M7" s="164">
        <v>1998</v>
      </c>
      <c r="N7" s="159">
        <v>0</v>
      </c>
      <c r="O7" s="160">
        <v>2</v>
      </c>
      <c r="P7" s="165">
        <v>2</v>
      </c>
      <c r="Q7" s="162">
        <v>0</v>
      </c>
      <c r="R7" s="160">
        <v>4</v>
      </c>
      <c r="S7" s="160">
        <v>10</v>
      </c>
      <c r="T7" s="160">
        <v>20</v>
      </c>
      <c r="U7" s="160">
        <v>59</v>
      </c>
      <c r="V7" s="160">
        <v>81</v>
      </c>
      <c r="W7" s="165">
        <v>174</v>
      </c>
      <c r="X7" s="164">
        <v>176</v>
      </c>
      <c r="Y7" s="159">
        <v>89</v>
      </c>
      <c r="Z7" s="160">
        <v>285</v>
      </c>
      <c r="AA7" s="165">
        <v>374</v>
      </c>
      <c r="AB7" s="162">
        <v>0</v>
      </c>
      <c r="AC7" s="160">
        <v>385</v>
      </c>
      <c r="AD7" s="160">
        <v>746</v>
      </c>
      <c r="AE7" s="160">
        <v>429</v>
      </c>
      <c r="AF7" s="160">
        <v>286</v>
      </c>
      <c r="AG7" s="160">
        <v>155</v>
      </c>
      <c r="AH7" s="165">
        <v>2001</v>
      </c>
      <c r="AI7" s="164">
        <v>2375</v>
      </c>
      <c r="AJ7" s="159">
        <v>6</v>
      </c>
      <c r="AK7" s="160">
        <v>28</v>
      </c>
      <c r="AL7" s="165">
        <v>34</v>
      </c>
      <c r="AM7" s="162">
        <v>0</v>
      </c>
      <c r="AN7" s="160">
        <v>29</v>
      </c>
      <c r="AO7" s="160">
        <v>39</v>
      </c>
      <c r="AP7" s="160">
        <v>40</v>
      </c>
      <c r="AQ7" s="160">
        <v>24</v>
      </c>
      <c r="AR7" s="160">
        <v>16</v>
      </c>
      <c r="AS7" s="165">
        <v>148</v>
      </c>
      <c r="AT7" s="164">
        <v>182</v>
      </c>
      <c r="AU7" s="159">
        <v>123</v>
      </c>
      <c r="AV7" s="160">
        <v>218</v>
      </c>
      <c r="AW7" s="165">
        <v>341</v>
      </c>
      <c r="AX7" s="162">
        <v>0</v>
      </c>
      <c r="AY7" s="160">
        <v>558</v>
      </c>
      <c r="AZ7" s="160">
        <v>882</v>
      </c>
      <c r="BA7" s="160">
        <v>682</v>
      </c>
      <c r="BB7" s="160">
        <v>589</v>
      </c>
      <c r="BC7" s="160">
        <v>372</v>
      </c>
      <c r="BD7" s="163">
        <v>3083</v>
      </c>
      <c r="BE7" s="164">
        <v>3424</v>
      </c>
      <c r="BF7" s="159">
        <v>0</v>
      </c>
      <c r="BG7" s="160">
        <v>0</v>
      </c>
      <c r="BH7" s="165">
        <v>0</v>
      </c>
      <c r="BI7" s="162">
        <v>0</v>
      </c>
      <c r="BJ7" s="160">
        <v>600</v>
      </c>
      <c r="BK7" s="160">
        <v>637</v>
      </c>
      <c r="BL7" s="160">
        <v>316</v>
      </c>
      <c r="BM7" s="160">
        <v>136</v>
      </c>
      <c r="BN7" s="160">
        <v>73</v>
      </c>
      <c r="BO7" s="165">
        <v>1762</v>
      </c>
      <c r="BP7" s="164">
        <v>1762</v>
      </c>
      <c r="BQ7" s="159">
        <v>67</v>
      </c>
      <c r="BR7" s="160">
        <v>97</v>
      </c>
      <c r="BS7" s="165">
        <v>164</v>
      </c>
      <c r="BT7" s="162">
        <v>0</v>
      </c>
      <c r="BU7" s="160">
        <v>146</v>
      </c>
      <c r="BV7" s="160">
        <v>243</v>
      </c>
      <c r="BW7" s="160">
        <v>147</v>
      </c>
      <c r="BX7" s="160">
        <v>76</v>
      </c>
      <c r="BY7" s="160">
        <v>25</v>
      </c>
      <c r="BZ7" s="165">
        <v>637</v>
      </c>
      <c r="CA7" s="164">
        <v>801</v>
      </c>
      <c r="CB7" s="159">
        <v>4</v>
      </c>
      <c r="CC7" s="160">
        <v>6</v>
      </c>
      <c r="CD7" s="165">
        <v>10</v>
      </c>
      <c r="CE7" s="162">
        <v>0</v>
      </c>
      <c r="CF7" s="160">
        <v>61</v>
      </c>
      <c r="CG7" s="160">
        <v>108</v>
      </c>
      <c r="CH7" s="160">
        <v>130</v>
      </c>
      <c r="CI7" s="160">
        <v>67</v>
      </c>
      <c r="CJ7" s="160">
        <v>38</v>
      </c>
      <c r="CK7" s="165">
        <v>404</v>
      </c>
      <c r="CL7" s="164">
        <v>414</v>
      </c>
      <c r="CM7" s="159">
        <v>0</v>
      </c>
      <c r="CN7" s="160">
        <v>2</v>
      </c>
      <c r="CO7" s="165">
        <v>2</v>
      </c>
      <c r="CP7" s="162">
        <v>0</v>
      </c>
      <c r="CQ7" s="160">
        <v>10</v>
      </c>
      <c r="CR7" s="160">
        <v>20</v>
      </c>
      <c r="CS7" s="160">
        <v>33</v>
      </c>
      <c r="CT7" s="160">
        <v>20</v>
      </c>
      <c r="CU7" s="160">
        <v>14</v>
      </c>
      <c r="CV7" s="165">
        <v>97</v>
      </c>
      <c r="CW7" s="164">
        <v>99</v>
      </c>
      <c r="CX7" s="159">
        <v>0</v>
      </c>
      <c r="CY7" s="160">
        <v>0</v>
      </c>
      <c r="CZ7" s="165">
        <v>0</v>
      </c>
      <c r="DA7" s="162">
        <v>0</v>
      </c>
      <c r="DB7" s="160">
        <v>0</v>
      </c>
      <c r="DC7" s="160">
        <v>0</v>
      </c>
      <c r="DD7" s="160">
        <v>0</v>
      </c>
      <c r="DE7" s="160">
        <v>0</v>
      </c>
      <c r="DF7" s="160">
        <v>0</v>
      </c>
      <c r="DG7" s="165">
        <v>0</v>
      </c>
      <c r="DH7" s="164">
        <v>0</v>
      </c>
      <c r="DI7" s="159">
        <v>0</v>
      </c>
      <c r="DJ7" s="160">
        <v>0</v>
      </c>
      <c r="DK7" s="165">
        <v>0</v>
      </c>
      <c r="DL7" s="162">
        <v>0</v>
      </c>
      <c r="DM7" s="160">
        <v>0</v>
      </c>
      <c r="DN7" s="160">
        <v>0</v>
      </c>
      <c r="DO7" s="160">
        <v>0</v>
      </c>
      <c r="DP7" s="160">
        <v>0</v>
      </c>
      <c r="DQ7" s="160">
        <v>0</v>
      </c>
      <c r="DR7" s="165">
        <v>0</v>
      </c>
      <c r="DS7" s="164">
        <v>0</v>
      </c>
      <c r="DT7" s="159">
        <v>228</v>
      </c>
      <c r="DU7" s="160">
        <v>680</v>
      </c>
      <c r="DV7" s="165">
        <v>908</v>
      </c>
      <c r="DW7" s="162">
        <v>0</v>
      </c>
      <c r="DX7" s="160">
        <v>602</v>
      </c>
      <c r="DY7" s="160">
        <v>1543</v>
      </c>
      <c r="DZ7" s="160">
        <v>846</v>
      </c>
      <c r="EA7" s="160">
        <v>554</v>
      </c>
      <c r="EB7" s="160">
        <v>320</v>
      </c>
      <c r="EC7" s="165">
        <v>3865</v>
      </c>
      <c r="ED7" s="164">
        <v>4773</v>
      </c>
      <c r="EE7" s="159">
        <v>69</v>
      </c>
      <c r="EF7" s="160">
        <v>67</v>
      </c>
      <c r="EG7" s="165">
        <v>136</v>
      </c>
      <c r="EH7" s="162">
        <v>0</v>
      </c>
      <c r="EI7" s="160">
        <v>221</v>
      </c>
      <c r="EJ7" s="160">
        <v>288</v>
      </c>
      <c r="EK7" s="160">
        <v>208</v>
      </c>
      <c r="EL7" s="160">
        <v>219</v>
      </c>
      <c r="EM7" s="160">
        <v>106</v>
      </c>
      <c r="EN7" s="165">
        <v>1042</v>
      </c>
      <c r="EO7" s="164">
        <v>1178</v>
      </c>
      <c r="EP7" s="159">
        <v>373</v>
      </c>
      <c r="EQ7" s="160">
        <v>908</v>
      </c>
      <c r="ER7" s="165">
        <v>1281</v>
      </c>
      <c r="ES7" s="162">
        <v>0</v>
      </c>
      <c r="ET7" s="160">
        <v>1609</v>
      </c>
      <c r="EU7" s="160">
        <v>2121</v>
      </c>
      <c r="EV7" s="160">
        <v>1039</v>
      </c>
      <c r="EW7" s="160">
        <v>607</v>
      </c>
      <c r="EX7" s="160">
        <v>332</v>
      </c>
      <c r="EY7" s="165">
        <v>5708</v>
      </c>
      <c r="EZ7" s="164">
        <v>6989</v>
      </c>
    </row>
    <row r="8" spans="2:156" ht="21" customHeight="1" x14ac:dyDescent="0.2">
      <c r="B8" s="166" t="s">
        <v>6</v>
      </c>
      <c r="C8" s="159">
        <v>0</v>
      </c>
      <c r="D8" s="160">
        <v>0</v>
      </c>
      <c r="E8" s="161">
        <v>0</v>
      </c>
      <c r="F8" s="162">
        <v>0</v>
      </c>
      <c r="G8" s="160">
        <v>163</v>
      </c>
      <c r="H8" s="160">
        <v>175</v>
      </c>
      <c r="I8" s="160">
        <v>77</v>
      </c>
      <c r="J8" s="160">
        <v>75</v>
      </c>
      <c r="K8" s="160">
        <v>47</v>
      </c>
      <c r="L8" s="163">
        <v>537</v>
      </c>
      <c r="M8" s="164">
        <v>537</v>
      </c>
      <c r="N8" s="159">
        <v>0</v>
      </c>
      <c r="O8" s="160">
        <v>0</v>
      </c>
      <c r="P8" s="165">
        <v>0</v>
      </c>
      <c r="Q8" s="162">
        <v>0</v>
      </c>
      <c r="R8" s="160">
        <v>2</v>
      </c>
      <c r="S8" s="160">
        <v>1</v>
      </c>
      <c r="T8" s="160">
        <v>2</v>
      </c>
      <c r="U8" s="160">
        <v>10</v>
      </c>
      <c r="V8" s="160">
        <v>23</v>
      </c>
      <c r="W8" s="165">
        <v>38</v>
      </c>
      <c r="X8" s="164">
        <v>38</v>
      </c>
      <c r="Y8" s="159">
        <v>31</v>
      </c>
      <c r="Z8" s="160">
        <v>51</v>
      </c>
      <c r="AA8" s="165">
        <v>82</v>
      </c>
      <c r="AB8" s="162">
        <v>0</v>
      </c>
      <c r="AC8" s="160">
        <v>142</v>
      </c>
      <c r="AD8" s="160">
        <v>176</v>
      </c>
      <c r="AE8" s="160">
        <v>80</v>
      </c>
      <c r="AF8" s="160">
        <v>69</v>
      </c>
      <c r="AG8" s="160">
        <v>52</v>
      </c>
      <c r="AH8" s="165">
        <v>519</v>
      </c>
      <c r="AI8" s="164">
        <v>601</v>
      </c>
      <c r="AJ8" s="159">
        <v>2</v>
      </c>
      <c r="AK8" s="160">
        <v>1</v>
      </c>
      <c r="AL8" s="165">
        <v>3</v>
      </c>
      <c r="AM8" s="162">
        <v>0</v>
      </c>
      <c r="AN8" s="160">
        <v>11</v>
      </c>
      <c r="AO8" s="160">
        <v>14</v>
      </c>
      <c r="AP8" s="160">
        <v>4</v>
      </c>
      <c r="AQ8" s="160">
        <v>3</v>
      </c>
      <c r="AR8" s="160">
        <v>6</v>
      </c>
      <c r="AS8" s="165">
        <v>38</v>
      </c>
      <c r="AT8" s="164">
        <v>41</v>
      </c>
      <c r="AU8" s="159">
        <v>43</v>
      </c>
      <c r="AV8" s="160">
        <v>51</v>
      </c>
      <c r="AW8" s="165">
        <v>94</v>
      </c>
      <c r="AX8" s="162">
        <v>0</v>
      </c>
      <c r="AY8" s="160">
        <v>254</v>
      </c>
      <c r="AZ8" s="160">
        <v>235</v>
      </c>
      <c r="BA8" s="160">
        <v>191</v>
      </c>
      <c r="BB8" s="160">
        <v>180</v>
      </c>
      <c r="BC8" s="160">
        <v>117</v>
      </c>
      <c r="BD8" s="163">
        <v>977</v>
      </c>
      <c r="BE8" s="164">
        <v>1071</v>
      </c>
      <c r="BF8" s="159">
        <v>0</v>
      </c>
      <c r="BG8" s="160">
        <v>0</v>
      </c>
      <c r="BH8" s="165">
        <v>0</v>
      </c>
      <c r="BI8" s="162">
        <v>0</v>
      </c>
      <c r="BJ8" s="160">
        <v>245</v>
      </c>
      <c r="BK8" s="160">
        <v>219</v>
      </c>
      <c r="BL8" s="160">
        <v>83</v>
      </c>
      <c r="BM8" s="160">
        <v>55</v>
      </c>
      <c r="BN8" s="160">
        <v>18</v>
      </c>
      <c r="BO8" s="165">
        <v>620</v>
      </c>
      <c r="BP8" s="164">
        <v>620</v>
      </c>
      <c r="BQ8" s="159">
        <v>10</v>
      </c>
      <c r="BR8" s="160">
        <v>11</v>
      </c>
      <c r="BS8" s="165">
        <v>21</v>
      </c>
      <c r="BT8" s="162">
        <v>0</v>
      </c>
      <c r="BU8" s="160">
        <v>45</v>
      </c>
      <c r="BV8" s="160">
        <v>64</v>
      </c>
      <c r="BW8" s="160">
        <v>28</v>
      </c>
      <c r="BX8" s="160">
        <v>23</v>
      </c>
      <c r="BY8" s="160">
        <v>7</v>
      </c>
      <c r="BZ8" s="165">
        <v>167</v>
      </c>
      <c r="CA8" s="164">
        <v>188</v>
      </c>
      <c r="CB8" s="159">
        <v>1</v>
      </c>
      <c r="CC8" s="160">
        <v>0</v>
      </c>
      <c r="CD8" s="165">
        <v>1</v>
      </c>
      <c r="CE8" s="162">
        <v>0</v>
      </c>
      <c r="CF8" s="160">
        <v>21</v>
      </c>
      <c r="CG8" s="160">
        <v>35</v>
      </c>
      <c r="CH8" s="160">
        <v>32</v>
      </c>
      <c r="CI8" s="160">
        <v>17</v>
      </c>
      <c r="CJ8" s="160">
        <v>14</v>
      </c>
      <c r="CK8" s="165">
        <v>119</v>
      </c>
      <c r="CL8" s="164">
        <v>120</v>
      </c>
      <c r="CM8" s="159">
        <v>0</v>
      </c>
      <c r="CN8" s="160">
        <v>0</v>
      </c>
      <c r="CO8" s="165">
        <v>0</v>
      </c>
      <c r="CP8" s="162">
        <v>0</v>
      </c>
      <c r="CQ8" s="160">
        <v>1</v>
      </c>
      <c r="CR8" s="160">
        <v>7</v>
      </c>
      <c r="CS8" s="160">
        <v>4</v>
      </c>
      <c r="CT8" s="160">
        <v>8</v>
      </c>
      <c r="CU8" s="160">
        <v>2</v>
      </c>
      <c r="CV8" s="165">
        <v>22</v>
      </c>
      <c r="CW8" s="164">
        <v>22</v>
      </c>
      <c r="CX8" s="159">
        <v>0</v>
      </c>
      <c r="CY8" s="160">
        <v>0</v>
      </c>
      <c r="CZ8" s="165">
        <v>0</v>
      </c>
      <c r="DA8" s="162">
        <v>0</v>
      </c>
      <c r="DB8" s="160">
        <v>0</v>
      </c>
      <c r="DC8" s="160">
        <v>0</v>
      </c>
      <c r="DD8" s="160">
        <v>0</v>
      </c>
      <c r="DE8" s="160">
        <v>0</v>
      </c>
      <c r="DF8" s="160">
        <v>0</v>
      </c>
      <c r="DG8" s="165">
        <v>0</v>
      </c>
      <c r="DH8" s="164">
        <v>0</v>
      </c>
      <c r="DI8" s="159">
        <v>0</v>
      </c>
      <c r="DJ8" s="160">
        <v>0</v>
      </c>
      <c r="DK8" s="165">
        <v>0</v>
      </c>
      <c r="DL8" s="162">
        <v>0</v>
      </c>
      <c r="DM8" s="160">
        <v>0</v>
      </c>
      <c r="DN8" s="160">
        <v>0</v>
      </c>
      <c r="DO8" s="160">
        <v>0</v>
      </c>
      <c r="DP8" s="160">
        <v>0</v>
      </c>
      <c r="DQ8" s="160">
        <v>0</v>
      </c>
      <c r="DR8" s="165">
        <v>0</v>
      </c>
      <c r="DS8" s="164">
        <v>0</v>
      </c>
      <c r="DT8" s="159">
        <v>75</v>
      </c>
      <c r="DU8" s="160">
        <v>151</v>
      </c>
      <c r="DV8" s="165">
        <v>226</v>
      </c>
      <c r="DW8" s="162">
        <v>0</v>
      </c>
      <c r="DX8" s="160">
        <v>266</v>
      </c>
      <c r="DY8" s="160">
        <v>373</v>
      </c>
      <c r="DZ8" s="160">
        <v>204</v>
      </c>
      <c r="EA8" s="160">
        <v>172</v>
      </c>
      <c r="EB8" s="160">
        <v>93</v>
      </c>
      <c r="EC8" s="165">
        <v>1108</v>
      </c>
      <c r="ED8" s="164">
        <v>1334</v>
      </c>
      <c r="EE8" s="159">
        <v>27</v>
      </c>
      <c r="EF8" s="160">
        <v>14</v>
      </c>
      <c r="EG8" s="165">
        <v>41</v>
      </c>
      <c r="EH8" s="162">
        <v>0</v>
      </c>
      <c r="EI8" s="160">
        <v>98</v>
      </c>
      <c r="EJ8" s="160">
        <v>72</v>
      </c>
      <c r="EK8" s="160">
        <v>60</v>
      </c>
      <c r="EL8" s="160">
        <v>61</v>
      </c>
      <c r="EM8" s="160">
        <v>32</v>
      </c>
      <c r="EN8" s="165">
        <v>323</v>
      </c>
      <c r="EO8" s="164">
        <v>364</v>
      </c>
      <c r="EP8" s="159">
        <v>109</v>
      </c>
      <c r="EQ8" s="160">
        <v>185</v>
      </c>
      <c r="ER8" s="165">
        <v>294</v>
      </c>
      <c r="ES8" s="162">
        <v>0</v>
      </c>
      <c r="ET8" s="160">
        <v>591</v>
      </c>
      <c r="EU8" s="160">
        <v>526</v>
      </c>
      <c r="EV8" s="160">
        <v>236</v>
      </c>
      <c r="EW8" s="160">
        <v>169</v>
      </c>
      <c r="EX8" s="160">
        <v>97</v>
      </c>
      <c r="EY8" s="165">
        <v>1619</v>
      </c>
      <c r="EZ8" s="164">
        <v>1913</v>
      </c>
    </row>
    <row r="9" spans="2:156" ht="21" customHeight="1" x14ac:dyDescent="0.2">
      <c r="B9" s="166" t="s">
        <v>14</v>
      </c>
      <c r="C9" s="159">
        <v>0</v>
      </c>
      <c r="D9" s="160">
        <v>0</v>
      </c>
      <c r="E9" s="161">
        <v>0</v>
      </c>
      <c r="F9" s="162">
        <v>0</v>
      </c>
      <c r="G9" s="160">
        <v>54</v>
      </c>
      <c r="H9" s="160">
        <v>111</v>
      </c>
      <c r="I9" s="160">
        <v>50</v>
      </c>
      <c r="J9" s="160">
        <v>32</v>
      </c>
      <c r="K9" s="160">
        <v>32</v>
      </c>
      <c r="L9" s="163">
        <v>279</v>
      </c>
      <c r="M9" s="164">
        <v>279</v>
      </c>
      <c r="N9" s="159">
        <v>0</v>
      </c>
      <c r="O9" s="160">
        <v>0</v>
      </c>
      <c r="P9" s="165">
        <v>0</v>
      </c>
      <c r="Q9" s="162">
        <v>0</v>
      </c>
      <c r="R9" s="160">
        <v>0</v>
      </c>
      <c r="S9" s="160">
        <v>2</v>
      </c>
      <c r="T9" s="160">
        <v>2</v>
      </c>
      <c r="U9" s="160">
        <v>6</v>
      </c>
      <c r="V9" s="160">
        <v>5</v>
      </c>
      <c r="W9" s="165">
        <v>15</v>
      </c>
      <c r="X9" s="164">
        <v>15</v>
      </c>
      <c r="Y9" s="159">
        <v>12</v>
      </c>
      <c r="Z9" s="160">
        <v>31</v>
      </c>
      <c r="AA9" s="165">
        <v>43</v>
      </c>
      <c r="AB9" s="162">
        <v>0</v>
      </c>
      <c r="AC9" s="160">
        <v>43</v>
      </c>
      <c r="AD9" s="160">
        <v>107</v>
      </c>
      <c r="AE9" s="160">
        <v>59</v>
      </c>
      <c r="AF9" s="160">
        <v>36</v>
      </c>
      <c r="AG9" s="160">
        <v>28</v>
      </c>
      <c r="AH9" s="165">
        <v>273</v>
      </c>
      <c r="AI9" s="164">
        <v>316</v>
      </c>
      <c r="AJ9" s="159">
        <v>1</v>
      </c>
      <c r="AK9" s="160">
        <v>1</v>
      </c>
      <c r="AL9" s="165">
        <v>2</v>
      </c>
      <c r="AM9" s="162">
        <v>0</v>
      </c>
      <c r="AN9" s="160">
        <v>2</v>
      </c>
      <c r="AO9" s="160">
        <v>4</v>
      </c>
      <c r="AP9" s="160">
        <v>1</v>
      </c>
      <c r="AQ9" s="160">
        <v>5</v>
      </c>
      <c r="AR9" s="160">
        <v>0</v>
      </c>
      <c r="AS9" s="165">
        <v>12</v>
      </c>
      <c r="AT9" s="164">
        <v>14</v>
      </c>
      <c r="AU9" s="159">
        <v>25</v>
      </c>
      <c r="AV9" s="160">
        <v>22</v>
      </c>
      <c r="AW9" s="165">
        <v>47</v>
      </c>
      <c r="AX9" s="162">
        <v>0</v>
      </c>
      <c r="AY9" s="160">
        <v>84</v>
      </c>
      <c r="AZ9" s="160">
        <v>137</v>
      </c>
      <c r="BA9" s="160">
        <v>115</v>
      </c>
      <c r="BB9" s="160">
        <v>87</v>
      </c>
      <c r="BC9" s="160">
        <v>62</v>
      </c>
      <c r="BD9" s="163">
        <v>485</v>
      </c>
      <c r="BE9" s="164">
        <v>532</v>
      </c>
      <c r="BF9" s="159">
        <v>0</v>
      </c>
      <c r="BG9" s="160">
        <v>0</v>
      </c>
      <c r="BH9" s="165">
        <v>0</v>
      </c>
      <c r="BI9" s="162">
        <v>0</v>
      </c>
      <c r="BJ9" s="160">
        <v>95</v>
      </c>
      <c r="BK9" s="160">
        <v>131</v>
      </c>
      <c r="BL9" s="160">
        <v>87</v>
      </c>
      <c r="BM9" s="160">
        <v>35</v>
      </c>
      <c r="BN9" s="160">
        <v>14</v>
      </c>
      <c r="BO9" s="165">
        <v>362</v>
      </c>
      <c r="BP9" s="164">
        <v>362</v>
      </c>
      <c r="BQ9" s="159">
        <v>6</v>
      </c>
      <c r="BR9" s="160">
        <v>14</v>
      </c>
      <c r="BS9" s="165">
        <v>20</v>
      </c>
      <c r="BT9" s="162">
        <v>0</v>
      </c>
      <c r="BU9" s="160">
        <v>10</v>
      </c>
      <c r="BV9" s="160">
        <v>28</v>
      </c>
      <c r="BW9" s="160">
        <v>15</v>
      </c>
      <c r="BX9" s="160">
        <v>10</v>
      </c>
      <c r="BY9" s="160">
        <v>2</v>
      </c>
      <c r="BZ9" s="165">
        <v>65</v>
      </c>
      <c r="CA9" s="164">
        <v>85</v>
      </c>
      <c r="CB9" s="159">
        <v>0</v>
      </c>
      <c r="CC9" s="160">
        <v>1</v>
      </c>
      <c r="CD9" s="165">
        <v>1</v>
      </c>
      <c r="CE9" s="162">
        <v>0</v>
      </c>
      <c r="CF9" s="160">
        <v>6</v>
      </c>
      <c r="CG9" s="160">
        <v>20</v>
      </c>
      <c r="CH9" s="160">
        <v>31</v>
      </c>
      <c r="CI9" s="160">
        <v>17</v>
      </c>
      <c r="CJ9" s="160">
        <v>10</v>
      </c>
      <c r="CK9" s="165">
        <v>84</v>
      </c>
      <c r="CL9" s="164">
        <v>85</v>
      </c>
      <c r="CM9" s="159">
        <v>0</v>
      </c>
      <c r="CN9" s="160">
        <v>0</v>
      </c>
      <c r="CO9" s="165">
        <v>0</v>
      </c>
      <c r="CP9" s="162">
        <v>0</v>
      </c>
      <c r="CQ9" s="160">
        <v>0</v>
      </c>
      <c r="CR9" s="160">
        <v>1</v>
      </c>
      <c r="CS9" s="160">
        <v>1</v>
      </c>
      <c r="CT9" s="160">
        <v>1</v>
      </c>
      <c r="CU9" s="160">
        <v>1</v>
      </c>
      <c r="CV9" s="165">
        <v>4</v>
      </c>
      <c r="CW9" s="164">
        <v>4</v>
      </c>
      <c r="CX9" s="159">
        <v>0</v>
      </c>
      <c r="CY9" s="160">
        <v>0</v>
      </c>
      <c r="CZ9" s="165">
        <v>0</v>
      </c>
      <c r="DA9" s="162">
        <v>0</v>
      </c>
      <c r="DB9" s="160">
        <v>0</v>
      </c>
      <c r="DC9" s="160">
        <v>0</v>
      </c>
      <c r="DD9" s="160">
        <v>0</v>
      </c>
      <c r="DE9" s="160">
        <v>0</v>
      </c>
      <c r="DF9" s="160">
        <v>0</v>
      </c>
      <c r="DG9" s="165">
        <v>0</v>
      </c>
      <c r="DH9" s="164">
        <v>0</v>
      </c>
      <c r="DI9" s="159">
        <v>0</v>
      </c>
      <c r="DJ9" s="160">
        <v>0</v>
      </c>
      <c r="DK9" s="165">
        <v>0</v>
      </c>
      <c r="DL9" s="162">
        <v>0</v>
      </c>
      <c r="DM9" s="160">
        <v>0</v>
      </c>
      <c r="DN9" s="160">
        <v>0</v>
      </c>
      <c r="DO9" s="160">
        <v>0</v>
      </c>
      <c r="DP9" s="160">
        <v>0</v>
      </c>
      <c r="DQ9" s="160">
        <v>0</v>
      </c>
      <c r="DR9" s="165">
        <v>0</v>
      </c>
      <c r="DS9" s="164">
        <v>0</v>
      </c>
      <c r="DT9" s="159">
        <v>36</v>
      </c>
      <c r="DU9" s="160">
        <v>125</v>
      </c>
      <c r="DV9" s="165">
        <v>161</v>
      </c>
      <c r="DW9" s="162">
        <v>0</v>
      </c>
      <c r="DX9" s="160">
        <v>113</v>
      </c>
      <c r="DY9" s="160">
        <v>262</v>
      </c>
      <c r="DZ9" s="160">
        <v>155</v>
      </c>
      <c r="EA9" s="160">
        <v>101</v>
      </c>
      <c r="EB9" s="160">
        <v>61</v>
      </c>
      <c r="EC9" s="165">
        <v>692</v>
      </c>
      <c r="ED9" s="164">
        <v>853</v>
      </c>
      <c r="EE9" s="159">
        <v>14</v>
      </c>
      <c r="EF9" s="160">
        <v>5</v>
      </c>
      <c r="EG9" s="165">
        <v>19</v>
      </c>
      <c r="EH9" s="162">
        <v>0</v>
      </c>
      <c r="EI9" s="160">
        <v>28</v>
      </c>
      <c r="EJ9" s="160">
        <v>35</v>
      </c>
      <c r="EK9" s="160">
        <v>28</v>
      </c>
      <c r="EL9" s="160">
        <v>21</v>
      </c>
      <c r="EM9" s="160">
        <v>11</v>
      </c>
      <c r="EN9" s="165">
        <v>123</v>
      </c>
      <c r="EO9" s="164">
        <v>142</v>
      </c>
      <c r="EP9" s="159">
        <v>53</v>
      </c>
      <c r="EQ9" s="160">
        <v>148</v>
      </c>
      <c r="ER9" s="165">
        <v>201</v>
      </c>
      <c r="ES9" s="162">
        <v>0</v>
      </c>
      <c r="ET9" s="160">
        <v>270</v>
      </c>
      <c r="EU9" s="160">
        <v>357</v>
      </c>
      <c r="EV9" s="160">
        <v>196</v>
      </c>
      <c r="EW9" s="160">
        <v>103</v>
      </c>
      <c r="EX9" s="160">
        <v>57</v>
      </c>
      <c r="EY9" s="165">
        <v>983</v>
      </c>
      <c r="EZ9" s="164">
        <v>1184</v>
      </c>
    </row>
    <row r="10" spans="2:156" ht="21" customHeight="1" x14ac:dyDescent="0.2">
      <c r="B10" s="166" t="s">
        <v>7</v>
      </c>
      <c r="C10" s="159">
        <v>0</v>
      </c>
      <c r="D10" s="160">
        <v>0</v>
      </c>
      <c r="E10" s="161">
        <v>0</v>
      </c>
      <c r="F10" s="162">
        <v>0</v>
      </c>
      <c r="G10" s="160">
        <v>108</v>
      </c>
      <c r="H10" s="160">
        <v>81</v>
      </c>
      <c r="I10" s="160">
        <v>46</v>
      </c>
      <c r="J10" s="160">
        <v>39</v>
      </c>
      <c r="K10" s="160">
        <v>25</v>
      </c>
      <c r="L10" s="163">
        <v>299</v>
      </c>
      <c r="M10" s="164">
        <v>299</v>
      </c>
      <c r="N10" s="159">
        <v>0</v>
      </c>
      <c r="O10" s="160">
        <v>0</v>
      </c>
      <c r="P10" s="165">
        <v>0</v>
      </c>
      <c r="Q10" s="162">
        <v>0</v>
      </c>
      <c r="R10" s="160">
        <v>1</v>
      </c>
      <c r="S10" s="160">
        <v>3</v>
      </c>
      <c r="T10" s="160">
        <v>5</v>
      </c>
      <c r="U10" s="160">
        <v>11</v>
      </c>
      <c r="V10" s="160">
        <v>11</v>
      </c>
      <c r="W10" s="165">
        <v>31</v>
      </c>
      <c r="X10" s="164">
        <v>31</v>
      </c>
      <c r="Y10" s="159">
        <v>2</v>
      </c>
      <c r="Z10" s="160">
        <v>2</v>
      </c>
      <c r="AA10" s="165">
        <v>4</v>
      </c>
      <c r="AB10" s="162">
        <v>0</v>
      </c>
      <c r="AC10" s="160">
        <v>49</v>
      </c>
      <c r="AD10" s="160">
        <v>50</v>
      </c>
      <c r="AE10" s="160">
        <v>26</v>
      </c>
      <c r="AF10" s="160">
        <v>26</v>
      </c>
      <c r="AG10" s="160">
        <v>23</v>
      </c>
      <c r="AH10" s="165">
        <v>174</v>
      </c>
      <c r="AI10" s="164">
        <v>178</v>
      </c>
      <c r="AJ10" s="159">
        <v>0</v>
      </c>
      <c r="AK10" s="160">
        <v>1</v>
      </c>
      <c r="AL10" s="165">
        <v>1</v>
      </c>
      <c r="AM10" s="162">
        <v>0</v>
      </c>
      <c r="AN10" s="160">
        <v>12</v>
      </c>
      <c r="AO10" s="160">
        <v>6</v>
      </c>
      <c r="AP10" s="160">
        <v>4</v>
      </c>
      <c r="AQ10" s="160">
        <v>5</v>
      </c>
      <c r="AR10" s="160">
        <v>1</v>
      </c>
      <c r="AS10" s="165">
        <v>28</v>
      </c>
      <c r="AT10" s="164">
        <v>29</v>
      </c>
      <c r="AU10" s="159">
        <v>23</v>
      </c>
      <c r="AV10" s="160">
        <v>15</v>
      </c>
      <c r="AW10" s="165">
        <v>38</v>
      </c>
      <c r="AX10" s="162">
        <v>0</v>
      </c>
      <c r="AY10" s="160">
        <v>124</v>
      </c>
      <c r="AZ10" s="160">
        <v>128</v>
      </c>
      <c r="BA10" s="160">
        <v>96</v>
      </c>
      <c r="BB10" s="160">
        <v>90</v>
      </c>
      <c r="BC10" s="160">
        <v>54</v>
      </c>
      <c r="BD10" s="163">
        <v>492</v>
      </c>
      <c r="BE10" s="164">
        <v>530</v>
      </c>
      <c r="BF10" s="159">
        <v>0</v>
      </c>
      <c r="BG10" s="160">
        <v>0</v>
      </c>
      <c r="BH10" s="165">
        <v>0</v>
      </c>
      <c r="BI10" s="162">
        <v>0</v>
      </c>
      <c r="BJ10" s="160">
        <v>159</v>
      </c>
      <c r="BK10" s="160">
        <v>87</v>
      </c>
      <c r="BL10" s="160">
        <v>44</v>
      </c>
      <c r="BM10" s="160">
        <v>19</v>
      </c>
      <c r="BN10" s="160">
        <v>11</v>
      </c>
      <c r="BO10" s="165">
        <v>320</v>
      </c>
      <c r="BP10" s="164">
        <v>320</v>
      </c>
      <c r="BQ10" s="159">
        <v>2</v>
      </c>
      <c r="BR10" s="160">
        <v>6</v>
      </c>
      <c r="BS10" s="165">
        <v>8</v>
      </c>
      <c r="BT10" s="162">
        <v>0</v>
      </c>
      <c r="BU10" s="160">
        <v>27</v>
      </c>
      <c r="BV10" s="160">
        <v>26</v>
      </c>
      <c r="BW10" s="160">
        <v>10</v>
      </c>
      <c r="BX10" s="160">
        <v>4</v>
      </c>
      <c r="BY10" s="160">
        <v>4</v>
      </c>
      <c r="BZ10" s="165">
        <v>71</v>
      </c>
      <c r="CA10" s="164">
        <v>79</v>
      </c>
      <c r="CB10" s="159">
        <v>1</v>
      </c>
      <c r="CC10" s="160">
        <v>1</v>
      </c>
      <c r="CD10" s="165">
        <v>2</v>
      </c>
      <c r="CE10" s="162">
        <v>0</v>
      </c>
      <c r="CF10" s="160">
        <v>21</v>
      </c>
      <c r="CG10" s="160">
        <v>30</v>
      </c>
      <c r="CH10" s="160">
        <v>30</v>
      </c>
      <c r="CI10" s="160">
        <v>15</v>
      </c>
      <c r="CJ10" s="160">
        <v>9</v>
      </c>
      <c r="CK10" s="165">
        <v>105</v>
      </c>
      <c r="CL10" s="164">
        <v>107</v>
      </c>
      <c r="CM10" s="159">
        <v>0</v>
      </c>
      <c r="CN10" s="160">
        <v>0</v>
      </c>
      <c r="CO10" s="165">
        <v>0</v>
      </c>
      <c r="CP10" s="162">
        <v>0</v>
      </c>
      <c r="CQ10" s="160">
        <v>0</v>
      </c>
      <c r="CR10" s="160">
        <v>3</v>
      </c>
      <c r="CS10" s="160">
        <v>0</v>
      </c>
      <c r="CT10" s="160">
        <v>1</v>
      </c>
      <c r="CU10" s="160">
        <v>1</v>
      </c>
      <c r="CV10" s="165">
        <v>5</v>
      </c>
      <c r="CW10" s="164">
        <v>5</v>
      </c>
      <c r="CX10" s="159">
        <v>0</v>
      </c>
      <c r="CY10" s="160">
        <v>0</v>
      </c>
      <c r="CZ10" s="165">
        <v>0</v>
      </c>
      <c r="DA10" s="162">
        <v>0</v>
      </c>
      <c r="DB10" s="160">
        <v>0</v>
      </c>
      <c r="DC10" s="160">
        <v>0</v>
      </c>
      <c r="DD10" s="160">
        <v>0</v>
      </c>
      <c r="DE10" s="160">
        <v>0</v>
      </c>
      <c r="DF10" s="160">
        <v>0</v>
      </c>
      <c r="DG10" s="165">
        <v>0</v>
      </c>
      <c r="DH10" s="164">
        <v>0</v>
      </c>
      <c r="DI10" s="159">
        <v>0</v>
      </c>
      <c r="DJ10" s="160">
        <v>0</v>
      </c>
      <c r="DK10" s="165">
        <v>0</v>
      </c>
      <c r="DL10" s="162">
        <v>0</v>
      </c>
      <c r="DM10" s="160">
        <v>0</v>
      </c>
      <c r="DN10" s="160">
        <v>0</v>
      </c>
      <c r="DO10" s="160">
        <v>0</v>
      </c>
      <c r="DP10" s="160">
        <v>0</v>
      </c>
      <c r="DQ10" s="160">
        <v>0</v>
      </c>
      <c r="DR10" s="165">
        <v>0</v>
      </c>
      <c r="DS10" s="164">
        <v>0</v>
      </c>
      <c r="DT10" s="159">
        <v>37</v>
      </c>
      <c r="DU10" s="160">
        <v>43</v>
      </c>
      <c r="DV10" s="165">
        <v>80</v>
      </c>
      <c r="DW10" s="162">
        <v>0</v>
      </c>
      <c r="DX10" s="160">
        <v>169</v>
      </c>
      <c r="DY10" s="160">
        <v>178</v>
      </c>
      <c r="DZ10" s="160">
        <v>93</v>
      </c>
      <c r="EA10" s="160">
        <v>70</v>
      </c>
      <c r="EB10" s="160">
        <v>46</v>
      </c>
      <c r="EC10" s="165">
        <v>556</v>
      </c>
      <c r="ED10" s="164">
        <v>636</v>
      </c>
      <c r="EE10" s="159">
        <v>17</v>
      </c>
      <c r="EF10" s="160">
        <v>13</v>
      </c>
      <c r="EG10" s="165">
        <v>30</v>
      </c>
      <c r="EH10" s="162">
        <v>0</v>
      </c>
      <c r="EI10" s="160">
        <v>56</v>
      </c>
      <c r="EJ10" s="160">
        <v>44</v>
      </c>
      <c r="EK10" s="160">
        <v>27</v>
      </c>
      <c r="EL10" s="160">
        <v>29</v>
      </c>
      <c r="EM10" s="160">
        <v>23</v>
      </c>
      <c r="EN10" s="165">
        <v>179</v>
      </c>
      <c r="EO10" s="164">
        <v>209</v>
      </c>
      <c r="EP10" s="159">
        <v>42</v>
      </c>
      <c r="EQ10" s="160">
        <v>51</v>
      </c>
      <c r="ER10" s="165">
        <v>93</v>
      </c>
      <c r="ES10" s="162">
        <v>0</v>
      </c>
      <c r="ET10" s="160">
        <v>383</v>
      </c>
      <c r="EU10" s="160">
        <v>251</v>
      </c>
      <c r="EV10" s="160">
        <v>119</v>
      </c>
      <c r="EW10" s="160">
        <v>82</v>
      </c>
      <c r="EX10" s="160">
        <v>44</v>
      </c>
      <c r="EY10" s="165">
        <v>879</v>
      </c>
      <c r="EZ10" s="164">
        <v>972</v>
      </c>
    </row>
    <row r="11" spans="2:156" ht="21" customHeight="1" x14ac:dyDescent="0.2">
      <c r="B11" s="166" t="s">
        <v>8</v>
      </c>
      <c r="C11" s="159">
        <v>0</v>
      </c>
      <c r="D11" s="160">
        <v>0</v>
      </c>
      <c r="E11" s="161">
        <v>0</v>
      </c>
      <c r="F11" s="162">
        <v>0</v>
      </c>
      <c r="G11" s="160">
        <v>27</v>
      </c>
      <c r="H11" s="160">
        <v>24</v>
      </c>
      <c r="I11" s="160">
        <v>20</v>
      </c>
      <c r="J11" s="160">
        <v>14</v>
      </c>
      <c r="K11" s="160">
        <v>11</v>
      </c>
      <c r="L11" s="163">
        <v>96</v>
      </c>
      <c r="M11" s="164">
        <v>96</v>
      </c>
      <c r="N11" s="159">
        <v>0</v>
      </c>
      <c r="O11" s="160">
        <v>0</v>
      </c>
      <c r="P11" s="165">
        <v>0</v>
      </c>
      <c r="Q11" s="162">
        <v>0</v>
      </c>
      <c r="R11" s="160">
        <v>1</v>
      </c>
      <c r="S11" s="160">
        <v>1</v>
      </c>
      <c r="T11" s="160">
        <v>4</v>
      </c>
      <c r="U11" s="160">
        <v>1</v>
      </c>
      <c r="V11" s="160">
        <v>6</v>
      </c>
      <c r="W11" s="165">
        <v>13</v>
      </c>
      <c r="X11" s="164">
        <v>13</v>
      </c>
      <c r="Y11" s="159">
        <v>3</v>
      </c>
      <c r="Z11" s="160">
        <v>5</v>
      </c>
      <c r="AA11" s="165">
        <v>8</v>
      </c>
      <c r="AB11" s="162">
        <v>0</v>
      </c>
      <c r="AC11" s="160">
        <v>23</v>
      </c>
      <c r="AD11" s="160">
        <v>34</v>
      </c>
      <c r="AE11" s="160">
        <v>23</v>
      </c>
      <c r="AF11" s="160">
        <v>16</v>
      </c>
      <c r="AG11" s="160">
        <v>10</v>
      </c>
      <c r="AH11" s="165">
        <v>106</v>
      </c>
      <c r="AI11" s="164">
        <v>114</v>
      </c>
      <c r="AJ11" s="159">
        <v>1</v>
      </c>
      <c r="AK11" s="160">
        <v>1</v>
      </c>
      <c r="AL11" s="165">
        <v>2</v>
      </c>
      <c r="AM11" s="162">
        <v>0</v>
      </c>
      <c r="AN11" s="160">
        <v>5</v>
      </c>
      <c r="AO11" s="160">
        <v>2</v>
      </c>
      <c r="AP11" s="160">
        <v>5</v>
      </c>
      <c r="AQ11" s="160">
        <v>3</v>
      </c>
      <c r="AR11" s="160">
        <v>1</v>
      </c>
      <c r="AS11" s="165">
        <v>16</v>
      </c>
      <c r="AT11" s="164">
        <v>18</v>
      </c>
      <c r="AU11" s="159">
        <v>6</v>
      </c>
      <c r="AV11" s="160">
        <v>6</v>
      </c>
      <c r="AW11" s="165">
        <v>12</v>
      </c>
      <c r="AX11" s="162">
        <v>0</v>
      </c>
      <c r="AY11" s="160">
        <v>35</v>
      </c>
      <c r="AZ11" s="160">
        <v>36</v>
      </c>
      <c r="BA11" s="160">
        <v>35</v>
      </c>
      <c r="BB11" s="160">
        <v>33</v>
      </c>
      <c r="BC11" s="160">
        <v>25</v>
      </c>
      <c r="BD11" s="163">
        <v>164</v>
      </c>
      <c r="BE11" s="164">
        <v>176</v>
      </c>
      <c r="BF11" s="159">
        <v>0</v>
      </c>
      <c r="BG11" s="160">
        <v>0</v>
      </c>
      <c r="BH11" s="165">
        <v>0</v>
      </c>
      <c r="BI11" s="162">
        <v>0</v>
      </c>
      <c r="BJ11" s="160">
        <v>40</v>
      </c>
      <c r="BK11" s="160">
        <v>35</v>
      </c>
      <c r="BL11" s="160">
        <v>17</v>
      </c>
      <c r="BM11" s="160">
        <v>17</v>
      </c>
      <c r="BN11" s="160">
        <v>7</v>
      </c>
      <c r="BO11" s="165">
        <v>116</v>
      </c>
      <c r="BP11" s="164">
        <v>116</v>
      </c>
      <c r="BQ11" s="159">
        <v>6</v>
      </c>
      <c r="BR11" s="160">
        <v>3</v>
      </c>
      <c r="BS11" s="165">
        <v>9</v>
      </c>
      <c r="BT11" s="162">
        <v>0</v>
      </c>
      <c r="BU11" s="160">
        <v>12</v>
      </c>
      <c r="BV11" s="160">
        <v>15</v>
      </c>
      <c r="BW11" s="160">
        <v>5</v>
      </c>
      <c r="BX11" s="160">
        <v>1</v>
      </c>
      <c r="BY11" s="160">
        <v>2</v>
      </c>
      <c r="BZ11" s="165">
        <v>35</v>
      </c>
      <c r="CA11" s="164">
        <v>44</v>
      </c>
      <c r="CB11" s="159">
        <v>0</v>
      </c>
      <c r="CC11" s="160">
        <v>1</v>
      </c>
      <c r="CD11" s="165">
        <v>1</v>
      </c>
      <c r="CE11" s="162">
        <v>0</v>
      </c>
      <c r="CF11" s="160">
        <v>3</v>
      </c>
      <c r="CG11" s="160">
        <v>5</v>
      </c>
      <c r="CH11" s="160">
        <v>14</v>
      </c>
      <c r="CI11" s="160">
        <v>9</v>
      </c>
      <c r="CJ11" s="160">
        <v>2</v>
      </c>
      <c r="CK11" s="165">
        <v>33</v>
      </c>
      <c r="CL11" s="164">
        <v>34</v>
      </c>
      <c r="CM11" s="159">
        <v>0</v>
      </c>
      <c r="CN11" s="160">
        <v>0</v>
      </c>
      <c r="CO11" s="165">
        <v>0</v>
      </c>
      <c r="CP11" s="162">
        <v>0</v>
      </c>
      <c r="CQ11" s="160">
        <v>0</v>
      </c>
      <c r="CR11" s="160">
        <v>0</v>
      </c>
      <c r="CS11" s="160">
        <v>1</v>
      </c>
      <c r="CT11" s="160">
        <v>0</v>
      </c>
      <c r="CU11" s="160">
        <v>0</v>
      </c>
      <c r="CV11" s="165">
        <v>1</v>
      </c>
      <c r="CW11" s="164">
        <v>1</v>
      </c>
      <c r="CX11" s="159">
        <v>0</v>
      </c>
      <c r="CY11" s="160">
        <v>0</v>
      </c>
      <c r="CZ11" s="165">
        <v>0</v>
      </c>
      <c r="DA11" s="162">
        <v>0</v>
      </c>
      <c r="DB11" s="160">
        <v>0</v>
      </c>
      <c r="DC11" s="160">
        <v>0</v>
      </c>
      <c r="DD11" s="160">
        <v>0</v>
      </c>
      <c r="DE11" s="160">
        <v>0</v>
      </c>
      <c r="DF11" s="160">
        <v>0</v>
      </c>
      <c r="DG11" s="165">
        <v>0</v>
      </c>
      <c r="DH11" s="164">
        <v>0</v>
      </c>
      <c r="DI11" s="159">
        <v>0</v>
      </c>
      <c r="DJ11" s="160">
        <v>0</v>
      </c>
      <c r="DK11" s="165">
        <v>0</v>
      </c>
      <c r="DL11" s="162">
        <v>0</v>
      </c>
      <c r="DM11" s="160">
        <v>0</v>
      </c>
      <c r="DN11" s="160">
        <v>0</v>
      </c>
      <c r="DO11" s="160">
        <v>0</v>
      </c>
      <c r="DP11" s="160">
        <v>0</v>
      </c>
      <c r="DQ11" s="160">
        <v>0</v>
      </c>
      <c r="DR11" s="165">
        <v>0</v>
      </c>
      <c r="DS11" s="164">
        <v>0</v>
      </c>
      <c r="DT11" s="159">
        <v>19</v>
      </c>
      <c r="DU11" s="160">
        <v>28</v>
      </c>
      <c r="DV11" s="165">
        <v>47</v>
      </c>
      <c r="DW11" s="162">
        <v>0</v>
      </c>
      <c r="DX11" s="160">
        <v>61</v>
      </c>
      <c r="DY11" s="160">
        <v>94</v>
      </c>
      <c r="DZ11" s="160">
        <v>48</v>
      </c>
      <c r="EA11" s="160">
        <v>36</v>
      </c>
      <c r="EB11" s="160">
        <v>22</v>
      </c>
      <c r="EC11" s="165">
        <v>261</v>
      </c>
      <c r="ED11" s="164">
        <v>308</v>
      </c>
      <c r="EE11" s="159">
        <v>5</v>
      </c>
      <c r="EF11" s="160">
        <v>2</v>
      </c>
      <c r="EG11" s="165">
        <v>7</v>
      </c>
      <c r="EH11" s="162">
        <v>0</v>
      </c>
      <c r="EI11" s="160">
        <v>15</v>
      </c>
      <c r="EJ11" s="160">
        <v>11</v>
      </c>
      <c r="EK11" s="160">
        <v>8</v>
      </c>
      <c r="EL11" s="160">
        <v>8</v>
      </c>
      <c r="EM11" s="160">
        <v>5</v>
      </c>
      <c r="EN11" s="165">
        <v>47</v>
      </c>
      <c r="EO11" s="164">
        <v>54</v>
      </c>
      <c r="EP11" s="159">
        <v>29</v>
      </c>
      <c r="EQ11" s="160">
        <v>33</v>
      </c>
      <c r="ER11" s="165">
        <v>62</v>
      </c>
      <c r="ES11" s="162">
        <v>0</v>
      </c>
      <c r="ET11" s="160">
        <v>118</v>
      </c>
      <c r="EU11" s="160">
        <v>120</v>
      </c>
      <c r="EV11" s="160">
        <v>55</v>
      </c>
      <c r="EW11" s="160">
        <v>37</v>
      </c>
      <c r="EX11" s="160">
        <v>21</v>
      </c>
      <c r="EY11" s="165">
        <v>351</v>
      </c>
      <c r="EZ11" s="164">
        <v>413</v>
      </c>
    </row>
    <row r="12" spans="2:156" ht="21" customHeight="1" x14ac:dyDescent="0.2">
      <c r="B12" s="166" t="s">
        <v>9</v>
      </c>
      <c r="C12" s="159">
        <v>0</v>
      </c>
      <c r="D12" s="160">
        <v>0</v>
      </c>
      <c r="E12" s="161">
        <v>0</v>
      </c>
      <c r="F12" s="162">
        <v>0</v>
      </c>
      <c r="G12" s="160">
        <v>64</v>
      </c>
      <c r="H12" s="160">
        <v>29</v>
      </c>
      <c r="I12" s="160">
        <v>30</v>
      </c>
      <c r="J12" s="160">
        <v>28</v>
      </c>
      <c r="K12" s="160">
        <v>15</v>
      </c>
      <c r="L12" s="163">
        <v>166</v>
      </c>
      <c r="M12" s="164">
        <v>166</v>
      </c>
      <c r="N12" s="159">
        <v>0</v>
      </c>
      <c r="O12" s="160">
        <v>0</v>
      </c>
      <c r="P12" s="165">
        <v>0</v>
      </c>
      <c r="Q12" s="162">
        <v>0</v>
      </c>
      <c r="R12" s="160">
        <v>0</v>
      </c>
      <c r="S12" s="160">
        <v>2</v>
      </c>
      <c r="T12" s="160">
        <v>0</v>
      </c>
      <c r="U12" s="160">
        <v>1</v>
      </c>
      <c r="V12" s="160">
        <v>7</v>
      </c>
      <c r="W12" s="165">
        <v>10</v>
      </c>
      <c r="X12" s="164">
        <v>10</v>
      </c>
      <c r="Y12" s="159">
        <v>8</v>
      </c>
      <c r="Z12" s="160">
        <v>9</v>
      </c>
      <c r="AA12" s="165">
        <v>17</v>
      </c>
      <c r="AB12" s="162">
        <v>0</v>
      </c>
      <c r="AC12" s="160">
        <v>47</v>
      </c>
      <c r="AD12" s="160">
        <v>22</v>
      </c>
      <c r="AE12" s="160">
        <v>28</v>
      </c>
      <c r="AF12" s="160">
        <v>27</v>
      </c>
      <c r="AG12" s="160">
        <v>17</v>
      </c>
      <c r="AH12" s="165">
        <v>141</v>
      </c>
      <c r="AI12" s="164">
        <v>158</v>
      </c>
      <c r="AJ12" s="159">
        <v>0</v>
      </c>
      <c r="AK12" s="160">
        <v>1</v>
      </c>
      <c r="AL12" s="165">
        <v>1</v>
      </c>
      <c r="AM12" s="162">
        <v>0</v>
      </c>
      <c r="AN12" s="160">
        <v>3</v>
      </c>
      <c r="AO12" s="160">
        <v>2</v>
      </c>
      <c r="AP12" s="160">
        <v>0</v>
      </c>
      <c r="AQ12" s="160">
        <v>3</v>
      </c>
      <c r="AR12" s="160">
        <v>4</v>
      </c>
      <c r="AS12" s="165">
        <v>12</v>
      </c>
      <c r="AT12" s="164">
        <v>13</v>
      </c>
      <c r="AU12" s="159">
        <v>8</v>
      </c>
      <c r="AV12" s="160">
        <v>8</v>
      </c>
      <c r="AW12" s="165">
        <v>16</v>
      </c>
      <c r="AX12" s="162">
        <v>0</v>
      </c>
      <c r="AY12" s="160">
        <v>60</v>
      </c>
      <c r="AZ12" s="160">
        <v>50</v>
      </c>
      <c r="BA12" s="160">
        <v>60</v>
      </c>
      <c r="BB12" s="160">
        <v>51</v>
      </c>
      <c r="BC12" s="160">
        <v>22</v>
      </c>
      <c r="BD12" s="163">
        <v>243</v>
      </c>
      <c r="BE12" s="164">
        <v>259</v>
      </c>
      <c r="BF12" s="159">
        <v>0</v>
      </c>
      <c r="BG12" s="160">
        <v>0</v>
      </c>
      <c r="BH12" s="165">
        <v>0</v>
      </c>
      <c r="BI12" s="162">
        <v>0</v>
      </c>
      <c r="BJ12" s="160">
        <v>54</v>
      </c>
      <c r="BK12" s="160">
        <v>29</v>
      </c>
      <c r="BL12" s="160">
        <v>17</v>
      </c>
      <c r="BM12" s="160">
        <v>11</v>
      </c>
      <c r="BN12" s="160">
        <v>4</v>
      </c>
      <c r="BO12" s="165">
        <v>115</v>
      </c>
      <c r="BP12" s="164">
        <v>115</v>
      </c>
      <c r="BQ12" s="159">
        <v>5</v>
      </c>
      <c r="BR12" s="160">
        <v>3</v>
      </c>
      <c r="BS12" s="165">
        <v>8</v>
      </c>
      <c r="BT12" s="162">
        <v>0</v>
      </c>
      <c r="BU12" s="160">
        <v>18</v>
      </c>
      <c r="BV12" s="160">
        <v>15</v>
      </c>
      <c r="BW12" s="160">
        <v>14</v>
      </c>
      <c r="BX12" s="160">
        <v>15</v>
      </c>
      <c r="BY12" s="160">
        <v>1</v>
      </c>
      <c r="BZ12" s="165">
        <v>63</v>
      </c>
      <c r="CA12" s="164">
        <v>71</v>
      </c>
      <c r="CB12" s="159">
        <v>0</v>
      </c>
      <c r="CC12" s="160">
        <v>0</v>
      </c>
      <c r="CD12" s="165">
        <v>0</v>
      </c>
      <c r="CE12" s="162">
        <v>0</v>
      </c>
      <c r="CF12" s="160">
        <v>6</v>
      </c>
      <c r="CG12" s="160">
        <v>6</v>
      </c>
      <c r="CH12" s="160">
        <v>12</v>
      </c>
      <c r="CI12" s="160">
        <v>4</v>
      </c>
      <c r="CJ12" s="160">
        <v>2</v>
      </c>
      <c r="CK12" s="165">
        <v>30</v>
      </c>
      <c r="CL12" s="164">
        <v>30</v>
      </c>
      <c r="CM12" s="159">
        <v>0</v>
      </c>
      <c r="CN12" s="160">
        <v>0</v>
      </c>
      <c r="CO12" s="165">
        <v>0</v>
      </c>
      <c r="CP12" s="162">
        <v>0</v>
      </c>
      <c r="CQ12" s="160">
        <v>0</v>
      </c>
      <c r="CR12" s="160">
        <v>0</v>
      </c>
      <c r="CS12" s="160">
        <v>2</v>
      </c>
      <c r="CT12" s="160">
        <v>1</v>
      </c>
      <c r="CU12" s="160">
        <v>1</v>
      </c>
      <c r="CV12" s="165">
        <v>4</v>
      </c>
      <c r="CW12" s="164">
        <v>4</v>
      </c>
      <c r="CX12" s="159">
        <v>0</v>
      </c>
      <c r="CY12" s="160">
        <v>0</v>
      </c>
      <c r="CZ12" s="165">
        <v>0</v>
      </c>
      <c r="DA12" s="162">
        <v>0</v>
      </c>
      <c r="DB12" s="160">
        <v>0</v>
      </c>
      <c r="DC12" s="160">
        <v>0</v>
      </c>
      <c r="DD12" s="160">
        <v>0</v>
      </c>
      <c r="DE12" s="160">
        <v>0</v>
      </c>
      <c r="DF12" s="160">
        <v>0</v>
      </c>
      <c r="DG12" s="165">
        <v>0</v>
      </c>
      <c r="DH12" s="164">
        <v>0</v>
      </c>
      <c r="DI12" s="159">
        <v>0</v>
      </c>
      <c r="DJ12" s="160">
        <v>0</v>
      </c>
      <c r="DK12" s="165">
        <v>0</v>
      </c>
      <c r="DL12" s="162">
        <v>0</v>
      </c>
      <c r="DM12" s="160">
        <v>0</v>
      </c>
      <c r="DN12" s="160">
        <v>0</v>
      </c>
      <c r="DO12" s="160">
        <v>0</v>
      </c>
      <c r="DP12" s="160">
        <v>0</v>
      </c>
      <c r="DQ12" s="160">
        <v>0</v>
      </c>
      <c r="DR12" s="165">
        <v>0</v>
      </c>
      <c r="DS12" s="164">
        <v>0</v>
      </c>
      <c r="DT12" s="159">
        <v>32</v>
      </c>
      <c r="DU12" s="160">
        <v>26</v>
      </c>
      <c r="DV12" s="165">
        <v>58</v>
      </c>
      <c r="DW12" s="162">
        <v>0</v>
      </c>
      <c r="DX12" s="160">
        <v>84</v>
      </c>
      <c r="DY12" s="160">
        <v>72</v>
      </c>
      <c r="DZ12" s="160">
        <v>61</v>
      </c>
      <c r="EA12" s="160">
        <v>55</v>
      </c>
      <c r="EB12" s="160">
        <v>24</v>
      </c>
      <c r="EC12" s="165">
        <v>296</v>
      </c>
      <c r="ED12" s="164">
        <v>354</v>
      </c>
      <c r="EE12" s="159">
        <v>6</v>
      </c>
      <c r="EF12" s="160">
        <v>3</v>
      </c>
      <c r="EG12" s="165">
        <v>9</v>
      </c>
      <c r="EH12" s="162">
        <v>0</v>
      </c>
      <c r="EI12" s="160">
        <v>21</v>
      </c>
      <c r="EJ12" s="160">
        <v>15</v>
      </c>
      <c r="EK12" s="160">
        <v>15</v>
      </c>
      <c r="EL12" s="160">
        <v>21</v>
      </c>
      <c r="EM12" s="160">
        <v>4</v>
      </c>
      <c r="EN12" s="165">
        <v>76</v>
      </c>
      <c r="EO12" s="164">
        <v>85</v>
      </c>
      <c r="EP12" s="159">
        <v>39</v>
      </c>
      <c r="EQ12" s="160">
        <v>35</v>
      </c>
      <c r="ER12" s="165">
        <v>74</v>
      </c>
      <c r="ES12" s="162">
        <v>0</v>
      </c>
      <c r="ET12" s="160">
        <v>181</v>
      </c>
      <c r="EU12" s="160">
        <v>97</v>
      </c>
      <c r="EV12" s="160">
        <v>76</v>
      </c>
      <c r="EW12" s="160">
        <v>56</v>
      </c>
      <c r="EX12" s="160">
        <v>27</v>
      </c>
      <c r="EY12" s="165">
        <v>437</v>
      </c>
      <c r="EZ12" s="164">
        <v>511</v>
      </c>
    </row>
    <row r="13" spans="2:156" ht="21" customHeight="1" x14ac:dyDescent="0.2">
      <c r="B13" s="166" t="s">
        <v>10</v>
      </c>
      <c r="C13" s="159">
        <v>0</v>
      </c>
      <c r="D13" s="160">
        <v>0</v>
      </c>
      <c r="E13" s="161">
        <v>0</v>
      </c>
      <c r="F13" s="162">
        <v>0</v>
      </c>
      <c r="G13" s="160">
        <v>84</v>
      </c>
      <c r="H13" s="160">
        <v>46</v>
      </c>
      <c r="I13" s="160">
        <v>28</v>
      </c>
      <c r="J13" s="160">
        <v>33</v>
      </c>
      <c r="K13" s="160">
        <v>20</v>
      </c>
      <c r="L13" s="163">
        <v>211</v>
      </c>
      <c r="M13" s="164">
        <v>211</v>
      </c>
      <c r="N13" s="159">
        <v>0</v>
      </c>
      <c r="O13" s="160">
        <v>0</v>
      </c>
      <c r="P13" s="165">
        <v>0</v>
      </c>
      <c r="Q13" s="162">
        <v>0</v>
      </c>
      <c r="R13" s="160">
        <v>0</v>
      </c>
      <c r="S13" s="160">
        <v>1</v>
      </c>
      <c r="T13" s="160">
        <v>2</v>
      </c>
      <c r="U13" s="160">
        <v>4</v>
      </c>
      <c r="V13" s="160">
        <v>12</v>
      </c>
      <c r="W13" s="165">
        <v>19</v>
      </c>
      <c r="X13" s="164">
        <v>19</v>
      </c>
      <c r="Y13" s="159">
        <v>19</v>
      </c>
      <c r="Z13" s="160">
        <v>21</v>
      </c>
      <c r="AA13" s="165">
        <v>40</v>
      </c>
      <c r="AB13" s="162">
        <v>0</v>
      </c>
      <c r="AC13" s="160">
        <v>60</v>
      </c>
      <c r="AD13" s="160">
        <v>32</v>
      </c>
      <c r="AE13" s="160">
        <v>27</v>
      </c>
      <c r="AF13" s="160">
        <v>24</v>
      </c>
      <c r="AG13" s="160">
        <v>15</v>
      </c>
      <c r="AH13" s="165">
        <v>158</v>
      </c>
      <c r="AI13" s="164">
        <v>198</v>
      </c>
      <c r="AJ13" s="159">
        <v>2</v>
      </c>
      <c r="AK13" s="160">
        <v>2</v>
      </c>
      <c r="AL13" s="165">
        <v>4</v>
      </c>
      <c r="AM13" s="162">
        <v>0</v>
      </c>
      <c r="AN13" s="160">
        <v>6</v>
      </c>
      <c r="AO13" s="160">
        <v>6</v>
      </c>
      <c r="AP13" s="160">
        <v>4</v>
      </c>
      <c r="AQ13" s="160">
        <v>5</v>
      </c>
      <c r="AR13" s="160">
        <v>4</v>
      </c>
      <c r="AS13" s="165">
        <v>25</v>
      </c>
      <c r="AT13" s="164">
        <v>29</v>
      </c>
      <c r="AU13" s="159">
        <v>20</v>
      </c>
      <c r="AV13" s="160">
        <v>22</v>
      </c>
      <c r="AW13" s="165">
        <v>42</v>
      </c>
      <c r="AX13" s="162">
        <v>0</v>
      </c>
      <c r="AY13" s="160">
        <v>100</v>
      </c>
      <c r="AZ13" s="160">
        <v>66</v>
      </c>
      <c r="BA13" s="160">
        <v>68</v>
      </c>
      <c r="BB13" s="160">
        <v>85</v>
      </c>
      <c r="BC13" s="160">
        <v>49</v>
      </c>
      <c r="BD13" s="163">
        <v>368</v>
      </c>
      <c r="BE13" s="164">
        <v>410</v>
      </c>
      <c r="BF13" s="159">
        <v>0</v>
      </c>
      <c r="BG13" s="160">
        <v>0</v>
      </c>
      <c r="BH13" s="165">
        <v>0</v>
      </c>
      <c r="BI13" s="162">
        <v>0</v>
      </c>
      <c r="BJ13" s="160">
        <v>132</v>
      </c>
      <c r="BK13" s="160">
        <v>63</v>
      </c>
      <c r="BL13" s="160">
        <v>25</v>
      </c>
      <c r="BM13" s="160">
        <v>21</v>
      </c>
      <c r="BN13" s="160">
        <v>7</v>
      </c>
      <c r="BO13" s="165">
        <v>248</v>
      </c>
      <c r="BP13" s="164">
        <v>248</v>
      </c>
      <c r="BQ13" s="159">
        <v>4</v>
      </c>
      <c r="BR13" s="160">
        <v>3</v>
      </c>
      <c r="BS13" s="165">
        <v>7</v>
      </c>
      <c r="BT13" s="162">
        <v>0</v>
      </c>
      <c r="BU13" s="160">
        <v>25</v>
      </c>
      <c r="BV13" s="160">
        <v>15</v>
      </c>
      <c r="BW13" s="160">
        <v>12</v>
      </c>
      <c r="BX13" s="160">
        <v>2</v>
      </c>
      <c r="BY13" s="160">
        <v>2</v>
      </c>
      <c r="BZ13" s="165">
        <v>56</v>
      </c>
      <c r="CA13" s="164">
        <v>63</v>
      </c>
      <c r="CB13" s="159">
        <v>0</v>
      </c>
      <c r="CC13" s="160">
        <v>4</v>
      </c>
      <c r="CD13" s="165">
        <v>4</v>
      </c>
      <c r="CE13" s="162">
        <v>0</v>
      </c>
      <c r="CF13" s="160">
        <v>17</v>
      </c>
      <c r="CG13" s="160">
        <v>7</v>
      </c>
      <c r="CH13" s="160">
        <v>8</v>
      </c>
      <c r="CI13" s="160">
        <v>11</v>
      </c>
      <c r="CJ13" s="160">
        <v>5</v>
      </c>
      <c r="CK13" s="165">
        <v>48</v>
      </c>
      <c r="CL13" s="164">
        <v>52</v>
      </c>
      <c r="CM13" s="159">
        <v>0</v>
      </c>
      <c r="CN13" s="160">
        <v>0</v>
      </c>
      <c r="CO13" s="165">
        <v>0</v>
      </c>
      <c r="CP13" s="162">
        <v>0</v>
      </c>
      <c r="CQ13" s="160">
        <v>1</v>
      </c>
      <c r="CR13" s="160">
        <v>1</v>
      </c>
      <c r="CS13" s="160">
        <v>4</v>
      </c>
      <c r="CT13" s="160">
        <v>1</v>
      </c>
      <c r="CU13" s="160">
        <v>0</v>
      </c>
      <c r="CV13" s="165">
        <v>7</v>
      </c>
      <c r="CW13" s="164">
        <v>7</v>
      </c>
      <c r="CX13" s="159">
        <v>0</v>
      </c>
      <c r="CY13" s="160">
        <v>0</v>
      </c>
      <c r="CZ13" s="165">
        <v>0</v>
      </c>
      <c r="DA13" s="162">
        <v>0</v>
      </c>
      <c r="DB13" s="160">
        <v>0</v>
      </c>
      <c r="DC13" s="160">
        <v>0</v>
      </c>
      <c r="DD13" s="160">
        <v>0</v>
      </c>
      <c r="DE13" s="160">
        <v>0</v>
      </c>
      <c r="DF13" s="160">
        <v>0</v>
      </c>
      <c r="DG13" s="165">
        <v>0</v>
      </c>
      <c r="DH13" s="164">
        <v>0</v>
      </c>
      <c r="DI13" s="159">
        <v>0</v>
      </c>
      <c r="DJ13" s="160">
        <v>0</v>
      </c>
      <c r="DK13" s="165">
        <v>0</v>
      </c>
      <c r="DL13" s="162">
        <v>0</v>
      </c>
      <c r="DM13" s="160">
        <v>0</v>
      </c>
      <c r="DN13" s="160">
        <v>0</v>
      </c>
      <c r="DO13" s="160">
        <v>0</v>
      </c>
      <c r="DP13" s="160">
        <v>0</v>
      </c>
      <c r="DQ13" s="160">
        <v>0</v>
      </c>
      <c r="DR13" s="165">
        <v>0</v>
      </c>
      <c r="DS13" s="164">
        <v>0</v>
      </c>
      <c r="DT13" s="159">
        <v>70</v>
      </c>
      <c r="DU13" s="160">
        <v>91</v>
      </c>
      <c r="DV13" s="165">
        <v>161</v>
      </c>
      <c r="DW13" s="162">
        <v>0</v>
      </c>
      <c r="DX13" s="160">
        <v>137</v>
      </c>
      <c r="DY13" s="160">
        <v>114</v>
      </c>
      <c r="DZ13" s="160">
        <v>57</v>
      </c>
      <c r="EA13" s="160">
        <v>61</v>
      </c>
      <c r="EB13" s="160">
        <v>32</v>
      </c>
      <c r="EC13" s="165">
        <v>401</v>
      </c>
      <c r="ED13" s="164">
        <v>562</v>
      </c>
      <c r="EE13" s="159">
        <v>10</v>
      </c>
      <c r="EF13" s="160">
        <v>3</v>
      </c>
      <c r="EG13" s="165">
        <v>13</v>
      </c>
      <c r="EH13" s="162">
        <v>0</v>
      </c>
      <c r="EI13" s="160">
        <v>28</v>
      </c>
      <c r="EJ13" s="160">
        <v>22</v>
      </c>
      <c r="EK13" s="160">
        <v>14</v>
      </c>
      <c r="EL13" s="160">
        <v>27</v>
      </c>
      <c r="EM13" s="160">
        <v>10</v>
      </c>
      <c r="EN13" s="165">
        <v>101</v>
      </c>
      <c r="EO13" s="164">
        <v>114</v>
      </c>
      <c r="EP13" s="159">
        <v>90</v>
      </c>
      <c r="EQ13" s="160">
        <v>104</v>
      </c>
      <c r="ER13" s="165">
        <v>194</v>
      </c>
      <c r="ES13" s="162">
        <v>0</v>
      </c>
      <c r="ET13" s="160">
        <v>278</v>
      </c>
      <c r="EU13" s="160">
        <v>136</v>
      </c>
      <c r="EV13" s="160">
        <v>73</v>
      </c>
      <c r="EW13" s="160">
        <v>60</v>
      </c>
      <c r="EX13" s="160">
        <v>34</v>
      </c>
      <c r="EY13" s="165">
        <v>581</v>
      </c>
      <c r="EZ13" s="164">
        <v>775</v>
      </c>
    </row>
    <row r="14" spans="2:156" ht="21" customHeight="1" x14ac:dyDescent="0.2">
      <c r="B14" s="166" t="s">
        <v>11</v>
      </c>
      <c r="C14" s="159">
        <v>0</v>
      </c>
      <c r="D14" s="160">
        <v>0</v>
      </c>
      <c r="E14" s="161">
        <v>0</v>
      </c>
      <c r="F14" s="162">
        <v>0</v>
      </c>
      <c r="G14" s="160">
        <v>26</v>
      </c>
      <c r="H14" s="160">
        <v>17</v>
      </c>
      <c r="I14" s="160">
        <v>10</v>
      </c>
      <c r="J14" s="160">
        <v>12</v>
      </c>
      <c r="K14" s="160">
        <v>6</v>
      </c>
      <c r="L14" s="163">
        <v>71</v>
      </c>
      <c r="M14" s="164">
        <v>71</v>
      </c>
      <c r="N14" s="159">
        <v>0</v>
      </c>
      <c r="O14" s="160">
        <v>0</v>
      </c>
      <c r="P14" s="165">
        <v>0</v>
      </c>
      <c r="Q14" s="162">
        <v>0</v>
      </c>
      <c r="R14" s="160">
        <v>0</v>
      </c>
      <c r="S14" s="160">
        <v>1</v>
      </c>
      <c r="T14" s="160">
        <v>0</v>
      </c>
      <c r="U14" s="160">
        <v>3</v>
      </c>
      <c r="V14" s="160">
        <v>4</v>
      </c>
      <c r="W14" s="165">
        <v>8</v>
      </c>
      <c r="X14" s="164">
        <v>8</v>
      </c>
      <c r="Y14" s="159">
        <v>4</v>
      </c>
      <c r="Z14" s="160">
        <v>3</v>
      </c>
      <c r="AA14" s="165">
        <v>7</v>
      </c>
      <c r="AB14" s="162">
        <v>0</v>
      </c>
      <c r="AC14" s="160">
        <v>16</v>
      </c>
      <c r="AD14" s="160">
        <v>21</v>
      </c>
      <c r="AE14" s="160">
        <v>13</v>
      </c>
      <c r="AF14" s="160">
        <v>14</v>
      </c>
      <c r="AG14" s="160">
        <v>7</v>
      </c>
      <c r="AH14" s="165">
        <v>71</v>
      </c>
      <c r="AI14" s="164">
        <v>78</v>
      </c>
      <c r="AJ14" s="159">
        <v>0</v>
      </c>
      <c r="AK14" s="160">
        <v>1</v>
      </c>
      <c r="AL14" s="165">
        <v>1</v>
      </c>
      <c r="AM14" s="162">
        <v>0</v>
      </c>
      <c r="AN14" s="160">
        <v>2</v>
      </c>
      <c r="AO14" s="160">
        <v>1</v>
      </c>
      <c r="AP14" s="160">
        <v>2</v>
      </c>
      <c r="AQ14" s="160">
        <v>1</v>
      </c>
      <c r="AR14" s="160">
        <v>1</v>
      </c>
      <c r="AS14" s="165">
        <v>7</v>
      </c>
      <c r="AT14" s="164">
        <v>8</v>
      </c>
      <c r="AU14" s="159">
        <v>3</v>
      </c>
      <c r="AV14" s="160">
        <v>4</v>
      </c>
      <c r="AW14" s="165">
        <v>7</v>
      </c>
      <c r="AX14" s="162">
        <v>0</v>
      </c>
      <c r="AY14" s="160">
        <v>25</v>
      </c>
      <c r="AZ14" s="160">
        <v>26</v>
      </c>
      <c r="BA14" s="160">
        <v>25</v>
      </c>
      <c r="BB14" s="160">
        <v>35</v>
      </c>
      <c r="BC14" s="160">
        <v>14</v>
      </c>
      <c r="BD14" s="163">
        <v>125</v>
      </c>
      <c r="BE14" s="164">
        <v>132</v>
      </c>
      <c r="BF14" s="159">
        <v>0</v>
      </c>
      <c r="BG14" s="160">
        <v>0</v>
      </c>
      <c r="BH14" s="165">
        <v>0</v>
      </c>
      <c r="BI14" s="162">
        <v>0</v>
      </c>
      <c r="BJ14" s="160">
        <v>47</v>
      </c>
      <c r="BK14" s="160">
        <v>24</v>
      </c>
      <c r="BL14" s="160">
        <v>16</v>
      </c>
      <c r="BM14" s="160">
        <v>6</v>
      </c>
      <c r="BN14" s="160">
        <v>1</v>
      </c>
      <c r="BO14" s="165">
        <v>94</v>
      </c>
      <c r="BP14" s="164">
        <v>94</v>
      </c>
      <c r="BQ14" s="159">
        <v>9</v>
      </c>
      <c r="BR14" s="160">
        <v>5</v>
      </c>
      <c r="BS14" s="165">
        <v>14</v>
      </c>
      <c r="BT14" s="162">
        <v>0</v>
      </c>
      <c r="BU14" s="160">
        <v>29</v>
      </c>
      <c r="BV14" s="160">
        <v>14</v>
      </c>
      <c r="BW14" s="160">
        <v>3</v>
      </c>
      <c r="BX14" s="160">
        <v>7</v>
      </c>
      <c r="BY14" s="160">
        <v>0</v>
      </c>
      <c r="BZ14" s="165">
        <v>53</v>
      </c>
      <c r="CA14" s="164">
        <v>67</v>
      </c>
      <c r="CB14" s="159">
        <v>1</v>
      </c>
      <c r="CC14" s="160">
        <v>0</v>
      </c>
      <c r="CD14" s="165">
        <v>1</v>
      </c>
      <c r="CE14" s="162">
        <v>0</v>
      </c>
      <c r="CF14" s="160">
        <v>8</v>
      </c>
      <c r="CG14" s="160">
        <v>6</v>
      </c>
      <c r="CH14" s="160">
        <v>4</v>
      </c>
      <c r="CI14" s="160">
        <v>3</v>
      </c>
      <c r="CJ14" s="160">
        <v>0</v>
      </c>
      <c r="CK14" s="165">
        <v>21</v>
      </c>
      <c r="CL14" s="164">
        <v>22</v>
      </c>
      <c r="CM14" s="159">
        <v>0</v>
      </c>
      <c r="CN14" s="160">
        <v>1</v>
      </c>
      <c r="CO14" s="165">
        <v>1</v>
      </c>
      <c r="CP14" s="162">
        <v>0</v>
      </c>
      <c r="CQ14" s="160">
        <v>1</v>
      </c>
      <c r="CR14" s="160">
        <v>1</v>
      </c>
      <c r="CS14" s="160">
        <v>1</v>
      </c>
      <c r="CT14" s="160">
        <v>1</v>
      </c>
      <c r="CU14" s="160">
        <v>0</v>
      </c>
      <c r="CV14" s="165">
        <v>4</v>
      </c>
      <c r="CW14" s="164">
        <v>5</v>
      </c>
      <c r="CX14" s="159">
        <v>0</v>
      </c>
      <c r="CY14" s="160">
        <v>0</v>
      </c>
      <c r="CZ14" s="165">
        <v>0</v>
      </c>
      <c r="DA14" s="162">
        <v>0</v>
      </c>
      <c r="DB14" s="160">
        <v>0</v>
      </c>
      <c r="DC14" s="160">
        <v>0</v>
      </c>
      <c r="DD14" s="160">
        <v>0</v>
      </c>
      <c r="DE14" s="160">
        <v>0</v>
      </c>
      <c r="DF14" s="160">
        <v>0</v>
      </c>
      <c r="DG14" s="165">
        <v>0</v>
      </c>
      <c r="DH14" s="164">
        <v>0</v>
      </c>
      <c r="DI14" s="159">
        <v>0</v>
      </c>
      <c r="DJ14" s="160">
        <v>0</v>
      </c>
      <c r="DK14" s="165">
        <v>0</v>
      </c>
      <c r="DL14" s="162">
        <v>0</v>
      </c>
      <c r="DM14" s="160">
        <v>0</v>
      </c>
      <c r="DN14" s="160">
        <v>0</v>
      </c>
      <c r="DO14" s="160">
        <v>0</v>
      </c>
      <c r="DP14" s="160">
        <v>0</v>
      </c>
      <c r="DQ14" s="160">
        <v>0</v>
      </c>
      <c r="DR14" s="165">
        <v>0</v>
      </c>
      <c r="DS14" s="164">
        <v>0</v>
      </c>
      <c r="DT14" s="159">
        <v>18</v>
      </c>
      <c r="DU14" s="160">
        <v>25</v>
      </c>
      <c r="DV14" s="165">
        <v>43</v>
      </c>
      <c r="DW14" s="162">
        <v>0</v>
      </c>
      <c r="DX14" s="160">
        <v>63</v>
      </c>
      <c r="DY14" s="160">
        <v>58</v>
      </c>
      <c r="DZ14" s="160">
        <v>32</v>
      </c>
      <c r="EA14" s="160">
        <v>27</v>
      </c>
      <c r="EB14" s="160">
        <v>11</v>
      </c>
      <c r="EC14" s="165">
        <v>191</v>
      </c>
      <c r="ED14" s="164">
        <v>234</v>
      </c>
      <c r="EE14" s="159">
        <v>2</v>
      </c>
      <c r="EF14" s="160">
        <v>1</v>
      </c>
      <c r="EG14" s="165">
        <v>3</v>
      </c>
      <c r="EH14" s="162">
        <v>0</v>
      </c>
      <c r="EI14" s="160">
        <v>19</v>
      </c>
      <c r="EJ14" s="160">
        <v>13</v>
      </c>
      <c r="EK14" s="160">
        <v>11</v>
      </c>
      <c r="EL14" s="160">
        <v>21</v>
      </c>
      <c r="EM14" s="160">
        <v>5</v>
      </c>
      <c r="EN14" s="165">
        <v>69</v>
      </c>
      <c r="EO14" s="164">
        <v>72</v>
      </c>
      <c r="EP14" s="159">
        <v>26</v>
      </c>
      <c r="EQ14" s="160">
        <v>29</v>
      </c>
      <c r="ER14" s="165">
        <v>55</v>
      </c>
      <c r="ES14" s="162">
        <v>0</v>
      </c>
      <c r="ET14" s="160">
        <v>122</v>
      </c>
      <c r="EU14" s="160">
        <v>67</v>
      </c>
      <c r="EV14" s="160">
        <v>40</v>
      </c>
      <c r="EW14" s="160">
        <v>29</v>
      </c>
      <c r="EX14" s="160">
        <v>10</v>
      </c>
      <c r="EY14" s="165">
        <v>268</v>
      </c>
      <c r="EZ14" s="164">
        <v>323</v>
      </c>
    </row>
    <row r="15" spans="2:156" ht="21" customHeight="1" x14ac:dyDescent="0.2">
      <c r="B15" s="166" t="s">
        <v>12</v>
      </c>
      <c r="C15" s="159">
        <v>0</v>
      </c>
      <c r="D15" s="160">
        <v>0</v>
      </c>
      <c r="E15" s="161">
        <v>0</v>
      </c>
      <c r="F15" s="162">
        <v>0</v>
      </c>
      <c r="G15" s="160">
        <v>29</v>
      </c>
      <c r="H15" s="160">
        <v>39</v>
      </c>
      <c r="I15" s="160">
        <v>17</v>
      </c>
      <c r="J15" s="160">
        <v>20</v>
      </c>
      <c r="K15" s="160">
        <v>10</v>
      </c>
      <c r="L15" s="163">
        <v>115</v>
      </c>
      <c r="M15" s="164">
        <v>115</v>
      </c>
      <c r="N15" s="159">
        <v>0</v>
      </c>
      <c r="O15" s="160">
        <v>0</v>
      </c>
      <c r="P15" s="165">
        <v>0</v>
      </c>
      <c r="Q15" s="162">
        <v>0</v>
      </c>
      <c r="R15" s="160">
        <v>0</v>
      </c>
      <c r="S15" s="160">
        <v>0</v>
      </c>
      <c r="T15" s="160">
        <v>5</v>
      </c>
      <c r="U15" s="160">
        <v>4</v>
      </c>
      <c r="V15" s="160">
        <v>3</v>
      </c>
      <c r="W15" s="165">
        <v>12</v>
      </c>
      <c r="X15" s="164">
        <v>12</v>
      </c>
      <c r="Y15" s="159">
        <v>9</v>
      </c>
      <c r="Z15" s="160">
        <v>26</v>
      </c>
      <c r="AA15" s="165">
        <v>35</v>
      </c>
      <c r="AB15" s="162">
        <v>0</v>
      </c>
      <c r="AC15" s="160">
        <v>20</v>
      </c>
      <c r="AD15" s="160">
        <v>49</v>
      </c>
      <c r="AE15" s="160">
        <v>21</v>
      </c>
      <c r="AF15" s="160">
        <v>13</v>
      </c>
      <c r="AG15" s="160">
        <v>10</v>
      </c>
      <c r="AH15" s="165">
        <v>113</v>
      </c>
      <c r="AI15" s="164">
        <v>148</v>
      </c>
      <c r="AJ15" s="159">
        <v>0</v>
      </c>
      <c r="AK15" s="160">
        <v>2</v>
      </c>
      <c r="AL15" s="165">
        <v>2</v>
      </c>
      <c r="AM15" s="162">
        <v>0</v>
      </c>
      <c r="AN15" s="160">
        <v>0</v>
      </c>
      <c r="AO15" s="160">
        <v>5</v>
      </c>
      <c r="AP15" s="160">
        <v>1</v>
      </c>
      <c r="AQ15" s="160">
        <v>2</v>
      </c>
      <c r="AR15" s="160">
        <v>0</v>
      </c>
      <c r="AS15" s="165">
        <v>8</v>
      </c>
      <c r="AT15" s="164">
        <v>10</v>
      </c>
      <c r="AU15" s="159">
        <v>9</v>
      </c>
      <c r="AV15" s="160">
        <v>13</v>
      </c>
      <c r="AW15" s="165">
        <v>22</v>
      </c>
      <c r="AX15" s="162">
        <v>0</v>
      </c>
      <c r="AY15" s="160">
        <v>26</v>
      </c>
      <c r="AZ15" s="160">
        <v>39</v>
      </c>
      <c r="BA15" s="160">
        <v>29</v>
      </c>
      <c r="BB15" s="160">
        <v>39</v>
      </c>
      <c r="BC15" s="160">
        <v>18</v>
      </c>
      <c r="BD15" s="163">
        <v>151</v>
      </c>
      <c r="BE15" s="164">
        <v>173</v>
      </c>
      <c r="BF15" s="159">
        <v>0</v>
      </c>
      <c r="BG15" s="160">
        <v>0</v>
      </c>
      <c r="BH15" s="165">
        <v>0</v>
      </c>
      <c r="BI15" s="162">
        <v>0</v>
      </c>
      <c r="BJ15" s="160">
        <v>63</v>
      </c>
      <c r="BK15" s="160">
        <v>47</v>
      </c>
      <c r="BL15" s="160">
        <v>20</v>
      </c>
      <c r="BM15" s="160">
        <v>12</v>
      </c>
      <c r="BN15" s="160">
        <v>1</v>
      </c>
      <c r="BO15" s="165">
        <v>143</v>
      </c>
      <c r="BP15" s="164">
        <v>143</v>
      </c>
      <c r="BQ15" s="159">
        <v>12</v>
      </c>
      <c r="BR15" s="160">
        <v>15</v>
      </c>
      <c r="BS15" s="165">
        <v>27</v>
      </c>
      <c r="BT15" s="162">
        <v>0</v>
      </c>
      <c r="BU15" s="160">
        <v>7</v>
      </c>
      <c r="BV15" s="160">
        <v>20</v>
      </c>
      <c r="BW15" s="160">
        <v>12</v>
      </c>
      <c r="BX15" s="160">
        <v>4</v>
      </c>
      <c r="BY15" s="160">
        <v>2</v>
      </c>
      <c r="BZ15" s="165">
        <v>45</v>
      </c>
      <c r="CA15" s="164">
        <v>72</v>
      </c>
      <c r="CB15" s="159">
        <v>0</v>
      </c>
      <c r="CC15" s="160">
        <v>1</v>
      </c>
      <c r="CD15" s="165">
        <v>1</v>
      </c>
      <c r="CE15" s="162">
        <v>0</v>
      </c>
      <c r="CF15" s="160">
        <v>3</v>
      </c>
      <c r="CG15" s="160">
        <v>7</v>
      </c>
      <c r="CH15" s="160">
        <v>4</v>
      </c>
      <c r="CI15" s="160">
        <v>6</v>
      </c>
      <c r="CJ15" s="160">
        <v>5</v>
      </c>
      <c r="CK15" s="165">
        <v>25</v>
      </c>
      <c r="CL15" s="164">
        <v>26</v>
      </c>
      <c r="CM15" s="159">
        <v>0</v>
      </c>
      <c r="CN15" s="160">
        <v>0</v>
      </c>
      <c r="CO15" s="165">
        <v>0</v>
      </c>
      <c r="CP15" s="162">
        <v>0</v>
      </c>
      <c r="CQ15" s="160">
        <v>0</v>
      </c>
      <c r="CR15" s="160">
        <v>1</v>
      </c>
      <c r="CS15" s="160">
        <v>0</v>
      </c>
      <c r="CT15" s="160">
        <v>1</v>
      </c>
      <c r="CU15" s="160">
        <v>0</v>
      </c>
      <c r="CV15" s="165">
        <v>2</v>
      </c>
      <c r="CW15" s="164">
        <v>2</v>
      </c>
      <c r="CX15" s="159">
        <v>0</v>
      </c>
      <c r="CY15" s="160">
        <v>0</v>
      </c>
      <c r="CZ15" s="165">
        <v>0</v>
      </c>
      <c r="DA15" s="162">
        <v>0</v>
      </c>
      <c r="DB15" s="160">
        <v>0</v>
      </c>
      <c r="DC15" s="160">
        <v>0</v>
      </c>
      <c r="DD15" s="160">
        <v>0</v>
      </c>
      <c r="DE15" s="160">
        <v>0</v>
      </c>
      <c r="DF15" s="160">
        <v>0</v>
      </c>
      <c r="DG15" s="165">
        <v>0</v>
      </c>
      <c r="DH15" s="164">
        <v>0</v>
      </c>
      <c r="DI15" s="159">
        <v>0</v>
      </c>
      <c r="DJ15" s="160">
        <v>0</v>
      </c>
      <c r="DK15" s="165">
        <v>0</v>
      </c>
      <c r="DL15" s="162">
        <v>0</v>
      </c>
      <c r="DM15" s="160">
        <v>0</v>
      </c>
      <c r="DN15" s="160">
        <v>0</v>
      </c>
      <c r="DO15" s="160">
        <v>0</v>
      </c>
      <c r="DP15" s="160">
        <v>0</v>
      </c>
      <c r="DQ15" s="160">
        <v>0</v>
      </c>
      <c r="DR15" s="165">
        <v>0</v>
      </c>
      <c r="DS15" s="164">
        <v>0</v>
      </c>
      <c r="DT15" s="159">
        <v>35</v>
      </c>
      <c r="DU15" s="160">
        <v>56</v>
      </c>
      <c r="DV15" s="165">
        <v>91</v>
      </c>
      <c r="DW15" s="162">
        <v>0</v>
      </c>
      <c r="DX15" s="160">
        <v>34</v>
      </c>
      <c r="DY15" s="160">
        <v>94</v>
      </c>
      <c r="DZ15" s="160">
        <v>56</v>
      </c>
      <c r="EA15" s="160">
        <v>41</v>
      </c>
      <c r="EB15" s="160">
        <v>20</v>
      </c>
      <c r="EC15" s="165">
        <v>245</v>
      </c>
      <c r="ED15" s="164">
        <v>336</v>
      </c>
      <c r="EE15" s="159">
        <v>5</v>
      </c>
      <c r="EF15" s="160">
        <v>6</v>
      </c>
      <c r="EG15" s="165">
        <v>11</v>
      </c>
      <c r="EH15" s="162">
        <v>0</v>
      </c>
      <c r="EI15" s="160">
        <v>13</v>
      </c>
      <c r="EJ15" s="160">
        <v>17</v>
      </c>
      <c r="EK15" s="160">
        <v>12</v>
      </c>
      <c r="EL15" s="160">
        <v>13</v>
      </c>
      <c r="EM15" s="160">
        <v>5</v>
      </c>
      <c r="EN15" s="165">
        <v>60</v>
      </c>
      <c r="EO15" s="164">
        <v>71</v>
      </c>
      <c r="EP15" s="159">
        <v>51</v>
      </c>
      <c r="EQ15" s="160">
        <v>84</v>
      </c>
      <c r="ER15" s="165">
        <v>135</v>
      </c>
      <c r="ES15" s="162">
        <v>0</v>
      </c>
      <c r="ET15" s="160">
        <v>106</v>
      </c>
      <c r="EU15" s="160">
        <v>130</v>
      </c>
      <c r="EV15" s="160">
        <v>58</v>
      </c>
      <c r="EW15" s="160">
        <v>41</v>
      </c>
      <c r="EX15" s="160">
        <v>16</v>
      </c>
      <c r="EY15" s="165">
        <v>351</v>
      </c>
      <c r="EZ15" s="164">
        <v>486</v>
      </c>
    </row>
    <row r="16" spans="2:156" ht="21" customHeight="1" x14ac:dyDescent="0.2">
      <c r="B16" s="166" t="s">
        <v>13</v>
      </c>
      <c r="C16" s="159">
        <v>0</v>
      </c>
      <c r="D16" s="160">
        <v>0</v>
      </c>
      <c r="E16" s="161">
        <v>0</v>
      </c>
      <c r="F16" s="162">
        <v>0</v>
      </c>
      <c r="G16" s="160">
        <v>21</v>
      </c>
      <c r="H16" s="160">
        <v>19</v>
      </c>
      <c r="I16" s="160">
        <v>13</v>
      </c>
      <c r="J16" s="160">
        <v>9</v>
      </c>
      <c r="K16" s="160">
        <v>13</v>
      </c>
      <c r="L16" s="163">
        <v>75</v>
      </c>
      <c r="M16" s="164">
        <v>75</v>
      </c>
      <c r="N16" s="159">
        <v>0</v>
      </c>
      <c r="O16" s="160">
        <v>0</v>
      </c>
      <c r="P16" s="165">
        <v>0</v>
      </c>
      <c r="Q16" s="162">
        <v>0</v>
      </c>
      <c r="R16" s="160">
        <v>0</v>
      </c>
      <c r="S16" s="160">
        <v>0</v>
      </c>
      <c r="T16" s="160">
        <v>1</v>
      </c>
      <c r="U16" s="160">
        <v>1</v>
      </c>
      <c r="V16" s="160">
        <v>5</v>
      </c>
      <c r="W16" s="165">
        <v>7</v>
      </c>
      <c r="X16" s="164">
        <v>7</v>
      </c>
      <c r="Y16" s="159">
        <v>0</v>
      </c>
      <c r="Z16" s="160">
        <v>2</v>
      </c>
      <c r="AA16" s="165">
        <v>2</v>
      </c>
      <c r="AB16" s="162">
        <v>0</v>
      </c>
      <c r="AC16" s="160">
        <v>15</v>
      </c>
      <c r="AD16" s="160">
        <v>21</v>
      </c>
      <c r="AE16" s="160">
        <v>8</v>
      </c>
      <c r="AF16" s="160">
        <v>8</v>
      </c>
      <c r="AG16" s="160">
        <v>10</v>
      </c>
      <c r="AH16" s="165">
        <v>62</v>
      </c>
      <c r="AI16" s="164">
        <v>64</v>
      </c>
      <c r="AJ16" s="159">
        <v>1</v>
      </c>
      <c r="AK16" s="160">
        <v>0</v>
      </c>
      <c r="AL16" s="165">
        <v>1</v>
      </c>
      <c r="AM16" s="162">
        <v>0</v>
      </c>
      <c r="AN16" s="160">
        <v>3</v>
      </c>
      <c r="AO16" s="160">
        <v>2</v>
      </c>
      <c r="AP16" s="160">
        <v>3</v>
      </c>
      <c r="AQ16" s="160">
        <v>0</v>
      </c>
      <c r="AR16" s="160">
        <v>0</v>
      </c>
      <c r="AS16" s="165">
        <v>8</v>
      </c>
      <c r="AT16" s="164">
        <v>9</v>
      </c>
      <c r="AU16" s="159">
        <v>1</v>
      </c>
      <c r="AV16" s="160">
        <v>5</v>
      </c>
      <c r="AW16" s="165">
        <v>6</v>
      </c>
      <c r="AX16" s="162">
        <v>0</v>
      </c>
      <c r="AY16" s="160">
        <v>18</v>
      </c>
      <c r="AZ16" s="160">
        <v>27</v>
      </c>
      <c r="BA16" s="160">
        <v>20</v>
      </c>
      <c r="BB16" s="160">
        <v>14</v>
      </c>
      <c r="BC16" s="160">
        <v>17</v>
      </c>
      <c r="BD16" s="163">
        <v>96</v>
      </c>
      <c r="BE16" s="164">
        <v>102</v>
      </c>
      <c r="BF16" s="159">
        <v>0</v>
      </c>
      <c r="BG16" s="160">
        <v>0</v>
      </c>
      <c r="BH16" s="165">
        <v>0</v>
      </c>
      <c r="BI16" s="162">
        <v>0</v>
      </c>
      <c r="BJ16" s="160">
        <v>24</v>
      </c>
      <c r="BK16" s="160">
        <v>15</v>
      </c>
      <c r="BL16" s="160">
        <v>6</v>
      </c>
      <c r="BM16" s="160">
        <v>8</v>
      </c>
      <c r="BN16" s="160">
        <v>3</v>
      </c>
      <c r="BO16" s="165">
        <v>56</v>
      </c>
      <c r="BP16" s="164">
        <v>56</v>
      </c>
      <c r="BQ16" s="159">
        <v>0</v>
      </c>
      <c r="BR16" s="160">
        <v>1</v>
      </c>
      <c r="BS16" s="165">
        <v>1</v>
      </c>
      <c r="BT16" s="162">
        <v>0</v>
      </c>
      <c r="BU16" s="160">
        <v>5</v>
      </c>
      <c r="BV16" s="160">
        <v>2</v>
      </c>
      <c r="BW16" s="160">
        <v>1</v>
      </c>
      <c r="BX16" s="160">
        <v>2</v>
      </c>
      <c r="BY16" s="160">
        <v>1</v>
      </c>
      <c r="BZ16" s="165">
        <v>11</v>
      </c>
      <c r="CA16" s="164">
        <v>12</v>
      </c>
      <c r="CB16" s="159">
        <v>0</v>
      </c>
      <c r="CC16" s="160">
        <v>0</v>
      </c>
      <c r="CD16" s="165">
        <v>0</v>
      </c>
      <c r="CE16" s="162">
        <v>0</v>
      </c>
      <c r="CF16" s="160">
        <v>3</v>
      </c>
      <c r="CG16" s="160">
        <v>4</v>
      </c>
      <c r="CH16" s="160">
        <v>4</v>
      </c>
      <c r="CI16" s="160">
        <v>1</v>
      </c>
      <c r="CJ16" s="160">
        <v>1</v>
      </c>
      <c r="CK16" s="165">
        <v>13</v>
      </c>
      <c r="CL16" s="164">
        <v>13</v>
      </c>
      <c r="CM16" s="159">
        <v>0</v>
      </c>
      <c r="CN16" s="160">
        <v>0</v>
      </c>
      <c r="CO16" s="165">
        <v>0</v>
      </c>
      <c r="CP16" s="162">
        <v>0</v>
      </c>
      <c r="CQ16" s="160">
        <v>0</v>
      </c>
      <c r="CR16" s="160">
        <v>0</v>
      </c>
      <c r="CS16" s="160">
        <v>0</v>
      </c>
      <c r="CT16" s="160">
        <v>1</v>
      </c>
      <c r="CU16" s="160">
        <v>0</v>
      </c>
      <c r="CV16" s="165">
        <v>1</v>
      </c>
      <c r="CW16" s="164">
        <v>1</v>
      </c>
      <c r="CX16" s="159">
        <v>0</v>
      </c>
      <c r="CY16" s="160">
        <v>0</v>
      </c>
      <c r="CZ16" s="165">
        <v>0</v>
      </c>
      <c r="DA16" s="162">
        <v>0</v>
      </c>
      <c r="DB16" s="160">
        <v>0</v>
      </c>
      <c r="DC16" s="160">
        <v>0</v>
      </c>
      <c r="DD16" s="160">
        <v>0</v>
      </c>
      <c r="DE16" s="160">
        <v>0</v>
      </c>
      <c r="DF16" s="160">
        <v>0</v>
      </c>
      <c r="DG16" s="165">
        <v>0</v>
      </c>
      <c r="DH16" s="164">
        <v>0</v>
      </c>
      <c r="DI16" s="159">
        <v>0</v>
      </c>
      <c r="DJ16" s="160">
        <v>0</v>
      </c>
      <c r="DK16" s="165">
        <v>0</v>
      </c>
      <c r="DL16" s="162">
        <v>0</v>
      </c>
      <c r="DM16" s="160">
        <v>0</v>
      </c>
      <c r="DN16" s="160">
        <v>0</v>
      </c>
      <c r="DO16" s="160">
        <v>0</v>
      </c>
      <c r="DP16" s="160">
        <v>0</v>
      </c>
      <c r="DQ16" s="160">
        <v>0</v>
      </c>
      <c r="DR16" s="165">
        <v>0</v>
      </c>
      <c r="DS16" s="164">
        <v>0</v>
      </c>
      <c r="DT16" s="159">
        <v>7</v>
      </c>
      <c r="DU16" s="160">
        <v>7</v>
      </c>
      <c r="DV16" s="165">
        <v>14</v>
      </c>
      <c r="DW16" s="162">
        <v>0</v>
      </c>
      <c r="DX16" s="160">
        <v>24</v>
      </c>
      <c r="DY16" s="160">
        <v>45</v>
      </c>
      <c r="DZ16" s="160">
        <v>14</v>
      </c>
      <c r="EA16" s="160">
        <v>14</v>
      </c>
      <c r="EB16" s="160">
        <v>13</v>
      </c>
      <c r="EC16" s="165">
        <v>110</v>
      </c>
      <c r="ED16" s="164">
        <v>124</v>
      </c>
      <c r="EE16" s="159">
        <v>0</v>
      </c>
      <c r="EF16" s="160">
        <v>2</v>
      </c>
      <c r="EG16" s="165">
        <v>2</v>
      </c>
      <c r="EH16" s="162">
        <v>0</v>
      </c>
      <c r="EI16" s="160">
        <v>7</v>
      </c>
      <c r="EJ16" s="160">
        <v>10</v>
      </c>
      <c r="EK16" s="160">
        <v>10</v>
      </c>
      <c r="EL16" s="160">
        <v>8</v>
      </c>
      <c r="EM16" s="160">
        <v>6</v>
      </c>
      <c r="EN16" s="165">
        <v>41</v>
      </c>
      <c r="EO16" s="164">
        <v>43</v>
      </c>
      <c r="EP16" s="159">
        <v>7</v>
      </c>
      <c r="EQ16" s="160">
        <v>8</v>
      </c>
      <c r="ER16" s="165">
        <v>15</v>
      </c>
      <c r="ES16" s="162">
        <v>0</v>
      </c>
      <c r="ET16" s="160">
        <v>65</v>
      </c>
      <c r="EU16" s="160">
        <v>64</v>
      </c>
      <c r="EV16" s="160">
        <v>24</v>
      </c>
      <c r="EW16" s="160">
        <v>15</v>
      </c>
      <c r="EX16" s="160">
        <v>13</v>
      </c>
      <c r="EY16" s="165">
        <v>181</v>
      </c>
      <c r="EZ16" s="164">
        <v>196</v>
      </c>
    </row>
    <row r="17" spans="2:156" ht="21" customHeight="1" x14ac:dyDescent="0.2">
      <c r="B17" s="166" t="s">
        <v>15</v>
      </c>
      <c r="C17" s="159">
        <v>0</v>
      </c>
      <c r="D17" s="160">
        <v>0</v>
      </c>
      <c r="E17" s="161">
        <v>0</v>
      </c>
      <c r="F17" s="162">
        <v>0</v>
      </c>
      <c r="G17" s="160">
        <v>6</v>
      </c>
      <c r="H17" s="160">
        <v>8</v>
      </c>
      <c r="I17" s="160">
        <v>2</v>
      </c>
      <c r="J17" s="160">
        <v>4</v>
      </c>
      <c r="K17" s="160">
        <v>2</v>
      </c>
      <c r="L17" s="163">
        <v>22</v>
      </c>
      <c r="M17" s="164">
        <v>22</v>
      </c>
      <c r="N17" s="159">
        <v>0</v>
      </c>
      <c r="O17" s="160">
        <v>0</v>
      </c>
      <c r="P17" s="165">
        <v>0</v>
      </c>
      <c r="Q17" s="162">
        <v>0</v>
      </c>
      <c r="R17" s="160">
        <v>0</v>
      </c>
      <c r="S17" s="160">
        <v>0</v>
      </c>
      <c r="T17" s="160">
        <v>1</v>
      </c>
      <c r="U17" s="160">
        <v>3</v>
      </c>
      <c r="V17" s="160">
        <v>0</v>
      </c>
      <c r="W17" s="165">
        <v>4</v>
      </c>
      <c r="X17" s="164">
        <v>4</v>
      </c>
      <c r="Y17" s="159">
        <v>0</v>
      </c>
      <c r="Z17" s="160">
        <v>1</v>
      </c>
      <c r="AA17" s="165">
        <v>1</v>
      </c>
      <c r="AB17" s="162">
        <v>0</v>
      </c>
      <c r="AC17" s="160">
        <v>5</v>
      </c>
      <c r="AD17" s="160">
        <v>5</v>
      </c>
      <c r="AE17" s="160">
        <v>4</v>
      </c>
      <c r="AF17" s="160">
        <v>5</v>
      </c>
      <c r="AG17" s="160">
        <v>0</v>
      </c>
      <c r="AH17" s="165">
        <v>19</v>
      </c>
      <c r="AI17" s="164">
        <v>20</v>
      </c>
      <c r="AJ17" s="159">
        <v>0</v>
      </c>
      <c r="AK17" s="160">
        <v>0</v>
      </c>
      <c r="AL17" s="165">
        <v>0</v>
      </c>
      <c r="AM17" s="162">
        <v>0</v>
      </c>
      <c r="AN17" s="160">
        <v>4</v>
      </c>
      <c r="AO17" s="160">
        <v>1</v>
      </c>
      <c r="AP17" s="160">
        <v>0</v>
      </c>
      <c r="AQ17" s="160">
        <v>0</v>
      </c>
      <c r="AR17" s="160">
        <v>0</v>
      </c>
      <c r="AS17" s="165">
        <v>5</v>
      </c>
      <c r="AT17" s="164">
        <v>5</v>
      </c>
      <c r="AU17" s="159">
        <v>0</v>
      </c>
      <c r="AV17" s="160">
        <v>1</v>
      </c>
      <c r="AW17" s="165">
        <v>1</v>
      </c>
      <c r="AX17" s="162">
        <v>0</v>
      </c>
      <c r="AY17" s="160">
        <v>12</v>
      </c>
      <c r="AZ17" s="160">
        <v>7</v>
      </c>
      <c r="BA17" s="160">
        <v>7</v>
      </c>
      <c r="BB17" s="160">
        <v>5</v>
      </c>
      <c r="BC17" s="160">
        <v>3</v>
      </c>
      <c r="BD17" s="163">
        <v>34</v>
      </c>
      <c r="BE17" s="164">
        <v>35</v>
      </c>
      <c r="BF17" s="159">
        <v>0</v>
      </c>
      <c r="BG17" s="160">
        <v>0</v>
      </c>
      <c r="BH17" s="165">
        <v>0</v>
      </c>
      <c r="BI17" s="162">
        <v>0</v>
      </c>
      <c r="BJ17" s="160">
        <v>5</v>
      </c>
      <c r="BK17" s="160">
        <v>6</v>
      </c>
      <c r="BL17" s="160">
        <v>1</v>
      </c>
      <c r="BM17" s="160">
        <v>1</v>
      </c>
      <c r="BN17" s="160">
        <v>0</v>
      </c>
      <c r="BO17" s="165">
        <v>13</v>
      </c>
      <c r="BP17" s="164">
        <v>13</v>
      </c>
      <c r="BQ17" s="159">
        <v>0</v>
      </c>
      <c r="BR17" s="160">
        <v>0</v>
      </c>
      <c r="BS17" s="165">
        <v>0</v>
      </c>
      <c r="BT17" s="162">
        <v>0</v>
      </c>
      <c r="BU17" s="160">
        <v>1</v>
      </c>
      <c r="BV17" s="160">
        <v>1</v>
      </c>
      <c r="BW17" s="160">
        <v>5</v>
      </c>
      <c r="BX17" s="160">
        <v>1</v>
      </c>
      <c r="BY17" s="160">
        <v>0</v>
      </c>
      <c r="BZ17" s="165">
        <v>8</v>
      </c>
      <c r="CA17" s="164">
        <v>8</v>
      </c>
      <c r="CB17" s="159">
        <v>0</v>
      </c>
      <c r="CC17" s="160">
        <v>0</v>
      </c>
      <c r="CD17" s="165">
        <v>0</v>
      </c>
      <c r="CE17" s="162">
        <v>0</v>
      </c>
      <c r="CF17" s="160">
        <v>2</v>
      </c>
      <c r="CG17" s="160">
        <v>3</v>
      </c>
      <c r="CH17" s="160">
        <v>1</v>
      </c>
      <c r="CI17" s="160">
        <v>0</v>
      </c>
      <c r="CJ17" s="160">
        <v>2</v>
      </c>
      <c r="CK17" s="165">
        <v>8</v>
      </c>
      <c r="CL17" s="164">
        <v>8</v>
      </c>
      <c r="CM17" s="159">
        <v>0</v>
      </c>
      <c r="CN17" s="160">
        <v>0</v>
      </c>
      <c r="CO17" s="165">
        <v>0</v>
      </c>
      <c r="CP17" s="162">
        <v>0</v>
      </c>
      <c r="CQ17" s="160">
        <v>0</v>
      </c>
      <c r="CR17" s="160">
        <v>0</v>
      </c>
      <c r="CS17" s="160">
        <v>0</v>
      </c>
      <c r="CT17" s="160">
        <v>0</v>
      </c>
      <c r="CU17" s="160">
        <v>0</v>
      </c>
      <c r="CV17" s="165">
        <v>0</v>
      </c>
      <c r="CW17" s="164">
        <v>0</v>
      </c>
      <c r="CX17" s="159">
        <v>0</v>
      </c>
      <c r="CY17" s="160">
        <v>0</v>
      </c>
      <c r="CZ17" s="165">
        <v>0</v>
      </c>
      <c r="DA17" s="162">
        <v>0</v>
      </c>
      <c r="DB17" s="160">
        <v>0</v>
      </c>
      <c r="DC17" s="160">
        <v>0</v>
      </c>
      <c r="DD17" s="160">
        <v>0</v>
      </c>
      <c r="DE17" s="160">
        <v>0</v>
      </c>
      <c r="DF17" s="160">
        <v>0</v>
      </c>
      <c r="DG17" s="165">
        <v>0</v>
      </c>
      <c r="DH17" s="164">
        <v>0</v>
      </c>
      <c r="DI17" s="159">
        <v>0</v>
      </c>
      <c r="DJ17" s="160">
        <v>0</v>
      </c>
      <c r="DK17" s="165">
        <v>0</v>
      </c>
      <c r="DL17" s="162">
        <v>0</v>
      </c>
      <c r="DM17" s="160">
        <v>0</v>
      </c>
      <c r="DN17" s="160">
        <v>0</v>
      </c>
      <c r="DO17" s="160">
        <v>0</v>
      </c>
      <c r="DP17" s="160">
        <v>0</v>
      </c>
      <c r="DQ17" s="160">
        <v>0</v>
      </c>
      <c r="DR17" s="165">
        <v>0</v>
      </c>
      <c r="DS17" s="164">
        <v>0</v>
      </c>
      <c r="DT17" s="159">
        <v>2</v>
      </c>
      <c r="DU17" s="160">
        <v>8</v>
      </c>
      <c r="DV17" s="165">
        <v>10</v>
      </c>
      <c r="DW17" s="162">
        <v>0</v>
      </c>
      <c r="DX17" s="160">
        <v>9</v>
      </c>
      <c r="DY17" s="160">
        <v>17</v>
      </c>
      <c r="DZ17" s="160">
        <v>12</v>
      </c>
      <c r="EA17" s="160">
        <v>7</v>
      </c>
      <c r="EB17" s="160">
        <v>4</v>
      </c>
      <c r="EC17" s="165">
        <v>49</v>
      </c>
      <c r="ED17" s="164">
        <v>59</v>
      </c>
      <c r="EE17" s="159">
        <v>1</v>
      </c>
      <c r="EF17" s="160">
        <v>4</v>
      </c>
      <c r="EG17" s="165">
        <v>5</v>
      </c>
      <c r="EH17" s="162">
        <v>0</v>
      </c>
      <c r="EI17" s="160">
        <v>8</v>
      </c>
      <c r="EJ17" s="160">
        <v>1</v>
      </c>
      <c r="EK17" s="160">
        <v>3</v>
      </c>
      <c r="EL17" s="160">
        <v>1</v>
      </c>
      <c r="EM17" s="160">
        <v>0</v>
      </c>
      <c r="EN17" s="165">
        <v>13</v>
      </c>
      <c r="EO17" s="164">
        <v>18</v>
      </c>
      <c r="EP17" s="159">
        <v>2</v>
      </c>
      <c r="EQ17" s="160">
        <v>9</v>
      </c>
      <c r="ER17" s="165">
        <v>11</v>
      </c>
      <c r="ES17" s="162">
        <v>0</v>
      </c>
      <c r="ET17" s="160">
        <v>29</v>
      </c>
      <c r="EU17" s="160">
        <v>25</v>
      </c>
      <c r="EV17" s="160">
        <v>12</v>
      </c>
      <c r="EW17" s="160">
        <v>9</v>
      </c>
      <c r="EX17" s="160">
        <v>4</v>
      </c>
      <c r="EY17" s="165">
        <v>79</v>
      </c>
      <c r="EZ17" s="164">
        <v>90</v>
      </c>
    </row>
    <row r="18" spans="2:156" ht="21" customHeight="1" x14ac:dyDescent="0.2">
      <c r="B18" s="166" t="s">
        <v>16</v>
      </c>
      <c r="C18" s="159">
        <v>0</v>
      </c>
      <c r="D18" s="160">
        <v>0</v>
      </c>
      <c r="E18" s="161">
        <v>0</v>
      </c>
      <c r="F18" s="162">
        <v>0</v>
      </c>
      <c r="G18" s="160">
        <v>15</v>
      </c>
      <c r="H18" s="160">
        <v>12</v>
      </c>
      <c r="I18" s="160">
        <v>10</v>
      </c>
      <c r="J18" s="160">
        <v>2</v>
      </c>
      <c r="K18" s="160">
        <v>5</v>
      </c>
      <c r="L18" s="163">
        <v>44</v>
      </c>
      <c r="M18" s="164">
        <v>44</v>
      </c>
      <c r="N18" s="159">
        <v>0</v>
      </c>
      <c r="O18" s="160">
        <v>0</v>
      </c>
      <c r="P18" s="165">
        <v>0</v>
      </c>
      <c r="Q18" s="162">
        <v>0</v>
      </c>
      <c r="R18" s="160">
        <v>0</v>
      </c>
      <c r="S18" s="160">
        <v>0</v>
      </c>
      <c r="T18" s="160">
        <v>1</v>
      </c>
      <c r="U18" s="160">
        <v>1</v>
      </c>
      <c r="V18" s="160">
        <v>2</v>
      </c>
      <c r="W18" s="165">
        <v>4</v>
      </c>
      <c r="X18" s="164">
        <v>4</v>
      </c>
      <c r="Y18" s="159">
        <v>6</v>
      </c>
      <c r="Z18" s="160">
        <v>4</v>
      </c>
      <c r="AA18" s="165">
        <v>10</v>
      </c>
      <c r="AB18" s="162">
        <v>0</v>
      </c>
      <c r="AC18" s="160">
        <v>13</v>
      </c>
      <c r="AD18" s="160">
        <v>20</v>
      </c>
      <c r="AE18" s="160">
        <v>7</v>
      </c>
      <c r="AF18" s="160">
        <v>5</v>
      </c>
      <c r="AG18" s="160">
        <v>8</v>
      </c>
      <c r="AH18" s="165">
        <v>53</v>
      </c>
      <c r="AI18" s="164">
        <v>63</v>
      </c>
      <c r="AJ18" s="159">
        <v>1</v>
      </c>
      <c r="AK18" s="160">
        <v>0</v>
      </c>
      <c r="AL18" s="165">
        <v>1</v>
      </c>
      <c r="AM18" s="162">
        <v>0</v>
      </c>
      <c r="AN18" s="160">
        <v>2</v>
      </c>
      <c r="AO18" s="160">
        <v>2</v>
      </c>
      <c r="AP18" s="160">
        <v>0</v>
      </c>
      <c r="AQ18" s="160">
        <v>1</v>
      </c>
      <c r="AR18" s="160">
        <v>0</v>
      </c>
      <c r="AS18" s="165">
        <v>5</v>
      </c>
      <c r="AT18" s="164">
        <v>6</v>
      </c>
      <c r="AU18" s="159">
        <v>2</v>
      </c>
      <c r="AV18" s="160">
        <v>5</v>
      </c>
      <c r="AW18" s="165">
        <v>7</v>
      </c>
      <c r="AX18" s="162">
        <v>0</v>
      </c>
      <c r="AY18" s="160">
        <v>13</v>
      </c>
      <c r="AZ18" s="160">
        <v>24</v>
      </c>
      <c r="BA18" s="160">
        <v>13</v>
      </c>
      <c r="BB18" s="160">
        <v>20</v>
      </c>
      <c r="BC18" s="160">
        <v>12</v>
      </c>
      <c r="BD18" s="163">
        <v>82</v>
      </c>
      <c r="BE18" s="164">
        <v>89</v>
      </c>
      <c r="BF18" s="159">
        <v>0</v>
      </c>
      <c r="BG18" s="160">
        <v>0</v>
      </c>
      <c r="BH18" s="165">
        <v>0</v>
      </c>
      <c r="BI18" s="162">
        <v>0</v>
      </c>
      <c r="BJ18" s="160">
        <v>20</v>
      </c>
      <c r="BK18" s="160">
        <v>23</v>
      </c>
      <c r="BL18" s="160">
        <v>12</v>
      </c>
      <c r="BM18" s="160">
        <v>5</v>
      </c>
      <c r="BN18" s="160">
        <v>1</v>
      </c>
      <c r="BO18" s="165">
        <v>61</v>
      </c>
      <c r="BP18" s="164">
        <v>61</v>
      </c>
      <c r="BQ18" s="159">
        <v>1</v>
      </c>
      <c r="BR18" s="160">
        <v>12</v>
      </c>
      <c r="BS18" s="165">
        <v>13</v>
      </c>
      <c r="BT18" s="162">
        <v>0</v>
      </c>
      <c r="BU18" s="160">
        <v>9</v>
      </c>
      <c r="BV18" s="160">
        <v>22</v>
      </c>
      <c r="BW18" s="160">
        <v>5</v>
      </c>
      <c r="BX18" s="160">
        <v>1</v>
      </c>
      <c r="BY18" s="160">
        <v>4</v>
      </c>
      <c r="BZ18" s="165">
        <v>41</v>
      </c>
      <c r="CA18" s="164">
        <v>54</v>
      </c>
      <c r="CB18" s="159">
        <v>0</v>
      </c>
      <c r="CC18" s="160">
        <v>0</v>
      </c>
      <c r="CD18" s="165">
        <v>0</v>
      </c>
      <c r="CE18" s="162">
        <v>0</v>
      </c>
      <c r="CF18" s="160">
        <v>0</v>
      </c>
      <c r="CG18" s="160">
        <v>3</v>
      </c>
      <c r="CH18" s="160">
        <v>1</v>
      </c>
      <c r="CI18" s="160">
        <v>2</v>
      </c>
      <c r="CJ18" s="160">
        <v>0</v>
      </c>
      <c r="CK18" s="165">
        <v>6</v>
      </c>
      <c r="CL18" s="164">
        <v>6</v>
      </c>
      <c r="CM18" s="159">
        <v>0</v>
      </c>
      <c r="CN18" s="160">
        <v>0</v>
      </c>
      <c r="CO18" s="165">
        <v>0</v>
      </c>
      <c r="CP18" s="162">
        <v>0</v>
      </c>
      <c r="CQ18" s="160">
        <v>0</v>
      </c>
      <c r="CR18" s="160">
        <v>2</v>
      </c>
      <c r="CS18" s="160">
        <v>0</v>
      </c>
      <c r="CT18" s="160">
        <v>1</v>
      </c>
      <c r="CU18" s="160">
        <v>0</v>
      </c>
      <c r="CV18" s="165">
        <v>3</v>
      </c>
      <c r="CW18" s="164">
        <v>3</v>
      </c>
      <c r="CX18" s="159">
        <v>0</v>
      </c>
      <c r="CY18" s="160">
        <v>0</v>
      </c>
      <c r="CZ18" s="165">
        <v>0</v>
      </c>
      <c r="DA18" s="162">
        <v>0</v>
      </c>
      <c r="DB18" s="160">
        <v>0</v>
      </c>
      <c r="DC18" s="160">
        <v>0</v>
      </c>
      <c r="DD18" s="160">
        <v>0</v>
      </c>
      <c r="DE18" s="160">
        <v>0</v>
      </c>
      <c r="DF18" s="160">
        <v>0</v>
      </c>
      <c r="DG18" s="165">
        <v>0</v>
      </c>
      <c r="DH18" s="164">
        <v>0</v>
      </c>
      <c r="DI18" s="159">
        <v>0</v>
      </c>
      <c r="DJ18" s="160">
        <v>0</v>
      </c>
      <c r="DK18" s="165">
        <v>0</v>
      </c>
      <c r="DL18" s="162">
        <v>0</v>
      </c>
      <c r="DM18" s="160">
        <v>0</v>
      </c>
      <c r="DN18" s="160">
        <v>0</v>
      </c>
      <c r="DO18" s="160">
        <v>0</v>
      </c>
      <c r="DP18" s="160">
        <v>0</v>
      </c>
      <c r="DQ18" s="160">
        <v>0</v>
      </c>
      <c r="DR18" s="165">
        <v>0</v>
      </c>
      <c r="DS18" s="164">
        <v>0</v>
      </c>
      <c r="DT18" s="159">
        <v>13</v>
      </c>
      <c r="DU18" s="160">
        <v>21</v>
      </c>
      <c r="DV18" s="165">
        <v>34</v>
      </c>
      <c r="DW18" s="162">
        <v>0</v>
      </c>
      <c r="DX18" s="160">
        <v>22</v>
      </c>
      <c r="DY18" s="160">
        <v>49</v>
      </c>
      <c r="DZ18" s="160">
        <v>29</v>
      </c>
      <c r="EA18" s="160">
        <v>13</v>
      </c>
      <c r="EB18" s="160">
        <v>7</v>
      </c>
      <c r="EC18" s="165">
        <v>120</v>
      </c>
      <c r="ED18" s="164">
        <v>154</v>
      </c>
      <c r="EE18" s="159">
        <v>1</v>
      </c>
      <c r="EF18" s="160">
        <v>1</v>
      </c>
      <c r="EG18" s="165">
        <v>2</v>
      </c>
      <c r="EH18" s="162">
        <v>0</v>
      </c>
      <c r="EI18" s="160">
        <v>7</v>
      </c>
      <c r="EJ18" s="160">
        <v>13</v>
      </c>
      <c r="EK18" s="160">
        <v>5</v>
      </c>
      <c r="EL18" s="160">
        <v>11</v>
      </c>
      <c r="EM18" s="160">
        <v>5</v>
      </c>
      <c r="EN18" s="165">
        <v>41</v>
      </c>
      <c r="EO18" s="164">
        <v>43</v>
      </c>
      <c r="EP18" s="159">
        <v>18</v>
      </c>
      <c r="EQ18" s="160">
        <v>31</v>
      </c>
      <c r="ER18" s="165">
        <v>49</v>
      </c>
      <c r="ES18" s="162">
        <v>0</v>
      </c>
      <c r="ET18" s="160">
        <v>58</v>
      </c>
      <c r="EU18" s="160">
        <v>69</v>
      </c>
      <c r="EV18" s="160">
        <v>30</v>
      </c>
      <c r="EW18" s="160">
        <v>13</v>
      </c>
      <c r="EX18" s="160">
        <v>10</v>
      </c>
      <c r="EY18" s="165">
        <v>180</v>
      </c>
      <c r="EZ18" s="164">
        <v>229</v>
      </c>
    </row>
    <row r="19" spans="2:156" ht="21" customHeight="1" x14ac:dyDescent="0.2">
      <c r="B19" s="166" t="s">
        <v>17</v>
      </c>
      <c r="C19" s="159">
        <v>0</v>
      </c>
      <c r="D19" s="160">
        <v>0</v>
      </c>
      <c r="E19" s="161">
        <v>0</v>
      </c>
      <c r="F19" s="162">
        <v>0</v>
      </c>
      <c r="G19" s="160">
        <v>17</v>
      </c>
      <c r="H19" s="160">
        <v>25</v>
      </c>
      <c r="I19" s="160">
        <v>16</v>
      </c>
      <c r="J19" s="160">
        <v>5</v>
      </c>
      <c r="K19" s="160">
        <v>7</v>
      </c>
      <c r="L19" s="163">
        <v>70</v>
      </c>
      <c r="M19" s="164">
        <v>70</v>
      </c>
      <c r="N19" s="159">
        <v>0</v>
      </c>
      <c r="O19" s="160">
        <v>0</v>
      </c>
      <c r="P19" s="165">
        <v>0</v>
      </c>
      <c r="Q19" s="162">
        <v>0</v>
      </c>
      <c r="R19" s="160">
        <v>0</v>
      </c>
      <c r="S19" s="160">
        <v>0</v>
      </c>
      <c r="T19" s="160">
        <v>1</v>
      </c>
      <c r="U19" s="160">
        <v>0</v>
      </c>
      <c r="V19" s="160">
        <v>0</v>
      </c>
      <c r="W19" s="165">
        <v>1</v>
      </c>
      <c r="X19" s="164">
        <v>1</v>
      </c>
      <c r="Y19" s="159">
        <v>1</v>
      </c>
      <c r="Z19" s="160">
        <v>3</v>
      </c>
      <c r="AA19" s="165">
        <v>4</v>
      </c>
      <c r="AB19" s="162">
        <v>0</v>
      </c>
      <c r="AC19" s="160">
        <v>15</v>
      </c>
      <c r="AD19" s="160">
        <v>18</v>
      </c>
      <c r="AE19" s="160">
        <v>18</v>
      </c>
      <c r="AF19" s="160">
        <v>8</v>
      </c>
      <c r="AG19" s="160">
        <v>1</v>
      </c>
      <c r="AH19" s="165">
        <v>60</v>
      </c>
      <c r="AI19" s="164">
        <v>64</v>
      </c>
      <c r="AJ19" s="159">
        <v>0</v>
      </c>
      <c r="AK19" s="160">
        <v>2</v>
      </c>
      <c r="AL19" s="165">
        <v>2</v>
      </c>
      <c r="AM19" s="162">
        <v>0</v>
      </c>
      <c r="AN19" s="160">
        <v>1</v>
      </c>
      <c r="AO19" s="160">
        <v>2</v>
      </c>
      <c r="AP19" s="160">
        <v>1</v>
      </c>
      <c r="AQ19" s="160">
        <v>0</v>
      </c>
      <c r="AR19" s="160">
        <v>1</v>
      </c>
      <c r="AS19" s="165">
        <v>5</v>
      </c>
      <c r="AT19" s="164">
        <v>7</v>
      </c>
      <c r="AU19" s="159">
        <v>8</v>
      </c>
      <c r="AV19" s="160">
        <v>3</v>
      </c>
      <c r="AW19" s="165">
        <v>11</v>
      </c>
      <c r="AX19" s="162">
        <v>0</v>
      </c>
      <c r="AY19" s="160">
        <v>11</v>
      </c>
      <c r="AZ19" s="160">
        <v>33</v>
      </c>
      <c r="BA19" s="160">
        <v>29</v>
      </c>
      <c r="BB19" s="160">
        <v>11</v>
      </c>
      <c r="BC19" s="160">
        <v>10</v>
      </c>
      <c r="BD19" s="163">
        <v>94</v>
      </c>
      <c r="BE19" s="164">
        <v>105</v>
      </c>
      <c r="BF19" s="159">
        <v>0</v>
      </c>
      <c r="BG19" s="160">
        <v>0</v>
      </c>
      <c r="BH19" s="165">
        <v>0</v>
      </c>
      <c r="BI19" s="162">
        <v>0</v>
      </c>
      <c r="BJ19" s="160">
        <v>19</v>
      </c>
      <c r="BK19" s="160">
        <v>24</v>
      </c>
      <c r="BL19" s="160">
        <v>19</v>
      </c>
      <c r="BM19" s="160">
        <v>3</v>
      </c>
      <c r="BN19" s="160">
        <v>1</v>
      </c>
      <c r="BO19" s="165">
        <v>66</v>
      </c>
      <c r="BP19" s="164">
        <v>66</v>
      </c>
      <c r="BQ19" s="159">
        <v>4</v>
      </c>
      <c r="BR19" s="160">
        <v>3</v>
      </c>
      <c r="BS19" s="165">
        <v>7</v>
      </c>
      <c r="BT19" s="162">
        <v>0</v>
      </c>
      <c r="BU19" s="160">
        <v>3</v>
      </c>
      <c r="BV19" s="160">
        <v>14</v>
      </c>
      <c r="BW19" s="160">
        <v>6</v>
      </c>
      <c r="BX19" s="160">
        <v>2</v>
      </c>
      <c r="BY19" s="160">
        <v>3</v>
      </c>
      <c r="BZ19" s="165">
        <v>28</v>
      </c>
      <c r="CA19" s="164">
        <v>35</v>
      </c>
      <c r="CB19" s="159">
        <v>0</v>
      </c>
      <c r="CC19" s="160">
        <v>1</v>
      </c>
      <c r="CD19" s="165">
        <v>1</v>
      </c>
      <c r="CE19" s="162">
        <v>0</v>
      </c>
      <c r="CF19" s="160">
        <v>5</v>
      </c>
      <c r="CG19" s="160">
        <v>8</v>
      </c>
      <c r="CH19" s="160">
        <v>7</v>
      </c>
      <c r="CI19" s="160">
        <v>3</v>
      </c>
      <c r="CJ19" s="160">
        <v>3</v>
      </c>
      <c r="CK19" s="165">
        <v>26</v>
      </c>
      <c r="CL19" s="164">
        <v>27</v>
      </c>
      <c r="CM19" s="159">
        <v>0</v>
      </c>
      <c r="CN19" s="160">
        <v>0</v>
      </c>
      <c r="CO19" s="165">
        <v>0</v>
      </c>
      <c r="CP19" s="162">
        <v>0</v>
      </c>
      <c r="CQ19" s="160">
        <v>0</v>
      </c>
      <c r="CR19" s="160">
        <v>2</v>
      </c>
      <c r="CS19" s="160">
        <v>2</v>
      </c>
      <c r="CT19" s="160">
        <v>1</v>
      </c>
      <c r="CU19" s="160">
        <v>0</v>
      </c>
      <c r="CV19" s="165">
        <v>5</v>
      </c>
      <c r="CW19" s="164">
        <v>5</v>
      </c>
      <c r="CX19" s="159">
        <v>0</v>
      </c>
      <c r="CY19" s="160">
        <v>0</v>
      </c>
      <c r="CZ19" s="165">
        <v>0</v>
      </c>
      <c r="DA19" s="162">
        <v>0</v>
      </c>
      <c r="DB19" s="160">
        <v>0</v>
      </c>
      <c r="DC19" s="160">
        <v>0</v>
      </c>
      <c r="DD19" s="160">
        <v>0</v>
      </c>
      <c r="DE19" s="160">
        <v>0</v>
      </c>
      <c r="DF19" s="160">
        <v>0</v>
      </c>
      <c r="DG19" s="165">
        <v>0</v>
      </c>
      <c r="DH19" s="164">
        <v>0</v>
      </c>
      <c r="DI19" s="159">
        <v>0</v>
      </c>
      <c r="DJ19" s="160">
        <v>0</v>
      </c>
      <c r="DK19" s="165">
        <v>0</v>
      </c>
      <c r="DL19" s="162">
        <v>0</v>
      </c>
      <c r="DM19" s="160">
        <v>0</v>
      </c>
      <c r="DN19" s="160">
        <v>0</v>
      </c>
      <c r="DO19" s="160">
        <v>0</v>
      </c>
      <c r="DP19" s="160">
        <v>0</v>
      </c>
      <c r="DQ19" s="160">
        <v>0</v>
      </c>
      <c r="DR19" s="165">
        <v>0</v>
      </c>
      <c r="DS19" s="164">
        <v>0</v>
      </c>
      <c r="DT19" s="159">
        <v>10</v>
      </c>
      <c r="DU19" s="160">
        <v>28</v>
      </c>
      <c r="DV19" s="165">
        <v>38</v>
      </c>
      <c r="DW19" s="162">
        <v>0</v>
      </c>
      <c r="DX19" s="160">
        <v>22</v>
      </c>
      <c r="DY19" s="160">
        <v>68</v>
      </c>
      <c r="DZ19" s="160">
        <v>45</v>
      </c>
      <c r="EA19" s="160">
        <v>14</v>
      </c>
      <c r="EB19" s="160">
        <v>12</v>
      </c>
      <c r="EC19" s="165">
        <v>161</v>
      </c>
      <c r="ED19" s="164">
        <v>199</v>
      </c>
      <c r="EE19" s="159">
        <v>4</v>
      </c>
      <c r="EF19" s="160">
        <v>2</v>
      </c>
      <c r="EG19" s="165">
        <v>6</v>
      </c>
      <c r="EH19" s="162">
        <v>0</v>
      </c>
      <c r="EI19" s="160">
        <v>7</v>
      </c>
      <c r="EJ19" s="160">
        <v>13</v>
      </c>
      <c r="EK19" s="160">
        <v>6</v>
      </c>
      <c r="EL19" s="160">
        <v>1</v>
      </c>
      <c r="EM19" s="160">
        <v>1</v>
      </c>
      <c r="EN19" s="165">
        <v>28</v>
      </c>
      <c r="EO19" s="164">
        <v>34</v>
      </c>
      <c r="EP19" s="159">
        <v>15</v>
      </c>
      <c r="EQ19" s="160">
        <v>32</v>
      </c>
      <c r="ER19" s="165">
        <v>47</v>
      </c>
      <c r="ES19" s="162">
        <v>0</v>
      </c>
      <c r="ET19" s="160">
        <v>73</v>
      </c>
      <c r="EU19" s="160">
        <v>97</v>
      </c>
      <c r="EV19" s="160">
        <v>49</v>
      </c>
      <c r="EW19" s="160">
        <v>15</v>
      </c>
      <c r="EX19" s="160">
        <v>12</v>
      </c>
      <c r="EY19" s="165">
        <v>246</v>
      </c>
      <c r="EZ19" s="164">
        <v>293</v>
      </c>
    </row>
    <row r="20" spans="2:156" ht="21" customHeight="1" x14ac:dyDescent="0.2">
      <c r="B20" s="166" t="s">
        <v>18</v>
      </c>
      <c r="C20" s="159">
        <v>0</v>
      </c>
      <c r="D20" s="160">
        <v>0</v>
      </c>
      <c r="E20" s="161">
        <v>0</v>
      </c>
      <c r="F20" s="162">
        <v>0</v>
      </c>
      <c r="G20" s="160">
        <v>22</v>
      </c>
      <c r="H20" s="160">
        <v>20</v>
      </c>
      <c r="I20" s="160">
        <v>15</v>
      </c>
      <c r="J20" s="160">
        <v>10</v>
      </c>
      <c r="K20" s="160">
        <v>8</v>
      </c>
      <c r="L20" s="163">
        <v>75</v>
      </c>
      <c r="M20" s="164">
        <v>75</v>
      </c>
      <c r="N20" s="159">
        <v>0</v>
      </c>
      <c r="O20" s="160">
        <v>0</v>
      </c>
      <c r="P20" s="165">
        <v>0</v>
      </c>
      <c r="Q20" s="162">
        <v>0</v>
      </c>
      <c r="R20" s="160">
        <v>0</v>
      </c>
      <c r="S20" s="160">
        <v>0</v>
      </c>
      <c r="T20" s="160">
        <v>0</v>
      </c>
      <c r="U20" s="160">
        <v>6</v>
      </c>
      <c r="V20" s="160">
        <v>7</v>
      </c>
      <c r="W20" s="165">
        <v>13</v>
      </c>
      <c r="X20" s="164">
        <v>13</v>
      </c>
      <c r="Y20" s="159">
        <v>6</v>
      </c>
      <c r="Z20" s="160">
        <v>12</v>
      </c>
      <c r="AA20" s="165">
        <v>18</v>
      </c>
      <c r="AB20" s="162">
        <v>0</v>
      </c>
      <c r="AC20" s="160">
        <v>24</v>
      </c>
      <c r="AD20" s="160">
        <v>28</v>
      </c>
      <c r="AE20" s="160">
        <v>10</v>
      </c>
      <c r="AF20" s="160">
        <v>10</v>
      </c>
      <c r="AG20" s="160">
        <v>8</v>
      </c>
      <c r="AH20" s="165">
        <v>80</v>
      </c>
      <c r="AI20" s="164">
        <v>98</v>
      </c>
      <c r="AJ20" s="159">
        <v>1</v>
      </c>
      <c r="AK20" s="160">
        <v>1</v>
      </c>
      <c r="AL20" s="165">
        <v>2</v>
      </c>
      <c r="AM20" s="162">
        <v>0</v>
      </c>
      <c r="AN20" s="160">
        <v>1</v>
      </c>
      <c r="AO20" s="160">
        <v>4</v>
      </c>
      <c r="AP20" s="160">
        <v>4</v>
      </c>
      <c r="AQ20" s="160">
        <v>1</v>
      </c>
      <c r="AR20" s="160">
        <v>0</v>
      </c>
      <c r="AS20" s="165">
        <v>10</v>
      </c>
      <c r="AT20" s="164">
        <v>12</v>
      </c>
      <c r="AU20" s="159">
        <v>5</v>
      </c>
      <c r="AV20" s="160">
        <v>6</v>
      </c>
      <c r="AW20" s="165">
        <v>11</v>
      </c>
      <c r="AX20" s="162">
        <v>0</v>
      </c>
      <c r="AY20" s="160">
        <v>38</v>
      </c>
      <c r="AZ20" s="160">
        <v>37</v>
      </c>
      <c r="BA20" s="160">
        <v>38</v>
      </c>
      <c r="BB20" s="160">
        <v>30</v>
      </c>
      <c r="BC20" s="160">
        <v>23</v>
      </c>
      <c r="BD20" s="163">
        <v>166</v>
      </c>
      <c r="BE20" s="164">
        <v>177</v>
      </c>
      <c r="BF20" s="159">
        <v>0</v>
      </c>
      <c r="BG20" s="160">
        <v>0</v>
      </c>
      <c r="BH20" s="165">
        <v>0</v>
      </c>
      <c r="BI20" s="162">
        <v>0</v>
      </c>
      <c r="BJ20" s="160">
        <v>58</v>
      </c>
      <c r="BK20" s="160">
        <v>35</v>
      </c>
      <c r="BL20" s="160">
        <v>22</v>
      </c>
      <c r="BM20" s="160">
        <v>3</v>
      </c>
      <c r="BN20" s="160">
        <v>3</v>
      </c>
      <c r="BO20" s="165">
        <v>121</v>
      </c>
      <c r="BP20" s="164">
        <v>121</v>
      </c>
      <c r="BQ20" s="159">
        <v>2</v>
      </c>
      <c r="BR20" s="160">
        <v>8</v>
      </c>
      <c r="BS20" s="165">
        <v>10</v>
      </c>
      <c r="BT20" s="162">
        <v>0</v>
      </c>
      <c r="BU20" s="160">
        <v>12</v>
      </c>
      <c r="BV20" s="160">
        <v>9</v>
      </c>
      <c r="BW20" s="160">
        <v>7</v>
      </c>
      <c r="BX20" s="160">
        <v>2</v>
      </c>
      <c r="BY20" s="160">
        <v>2</v>
      </c>
      <c r="BZ20" s="165">
        <v>32</v>
      </c>
      <c r="CA20" s="164">
        <v>42</v>
      </c>
      <c r="CB20" s="159">
        <v>0</v>
      </c>
      <c r="CC20" s="160">
        <v>1</v>
      </c>
      <c r="CD20" s="165">
        <v>1</v>
      </c>
      <c r="CE20" s="162">
        <v>0</v>
      </c>
      <c r="CF20" s="160">
        <v>11</v>
      </c>
      <c r="CG20" s="160">
        <v>8</v>
      </c>
      <c r="CH20" s="160">
        <v>11</v>
      </c>
      <c r="CI20" s="160">
        <v>5</v>
      </c>
      <c r="CJ20" s="160">
        <v>4</v>
      </c>
      <c r="CK20" s="165">
        <v>39</v>
      </c>
      <c r="CL20" s="164">
        <v>40</v>
      </c>
      <c r="CM20" s="159">
        <v>0</v>
      </c>
      <c r="CN20" s="160">
        <v>0</v>
      </c>
      <c r="CO20" s="165">
        <v>0</v>
      </c>
      <c r="CP20" s="162">
        <v>0</v>
      </c>
      <c r="CQ20" s="160">
        <v>1</v>
      </c>
      <c r="CR20" s="160">
        <v>0</v>
      </c>
      <c r="CS20" s="160">
        <v>1</v>
      </c>
      <c r="CT20" s="160">
        <v>0</v>
      </c>
      <c r="CU20" s="160">
        <v>0</v>
      </c>
      <c r="CV20" s="165">
        <v>2</v>
      </c>
      <c r="CW20" s="164">
        <v>2</v>
      </c>
      <c r="CX20" s="159">
        <v>0</v>
      </c>
      <c r="CY20" s="160">
        <v>0</v>
      </c>
      <c r="CZ20" s="165">
        <v>0</v>
      </c>
      <c r="DA20" s="162">
        <v>0</v>
      </c>
      <c r="DB20" s="160">
        <v>0</v>
      </c>
      <c r="DC20" s="160">
        <v>0</v>
      </c>
      <c r="DD20" s="160">
        <v>0</v>
      </c>
      <c r="DE20" s="160">
        <v>0</v>
      </c>
      <c r="DF20" s="160">
        <v>0</v>
      </c>
      <c r="DG20" s="165">
        <v>0</v>
      </c>
      <c r="DH20" s="164">
        <v>0</v>
      </c>
      <c r="DI20" s="159">
        <v>0</v>
      </c>
      <c r="DJ20" s="160">
        <v>0</v>
      </c>
      <c r="DK20" s="165">
        <v>0</v>
      </c>
      <c r="DL20" s="162">
        <v>0</v>
      </c>
      <c r="DM20" s="160">
        <v>0</v>
      </c>
      <c r="DN20" s="160">
        <v>0</v>
      </c>
      <c r="DO20" s="160">
        <v>0</v>
      </c>
      <c r="DP20" s="160">
        <v>0</v>
      </c>
      <c r="DQ20" s="160">
        <v>0</v>
      </c>
      <c r="DR20" s="165">
        <v>0</v>
      </c>
      <c r="DS20" s="164">
        <v>0</v>
      </c>
      <c r="DT20" s="159">
        <v>10</v>
      </c>
      <c r="DU20" s="160">
        <v>33</v>
      </c>
      <c r="DV20" s="165">
        <v>43</v>
      </c>
      <c r="DW20" s="162">
        <v>0</v>
      </c>
      <c r="DX20" s="160">
        <v>58</v>
      </c>
      <c r="DY20" s="160">
        <v>61</v>
      </c>
      <c r="DZ20" s="160">
        <v>40</v>
      </c>
      <c r="EA20" s="160">
        <v>26</v>
      </c>
      <c r="EB20" s="160">
        <v>22</v>
      </c>
      <c r="EC20" s="165">
        <v>207</v>
      </c>
      <c r="ED20" s="164">
        <v>250</v>
      </c>
      <c r="EE20" s="159">
        <v>2</v>
      </c>
      <c r="EF20" s="160">
        <v>1</v>
      </c>
      <c r="EG20" s="165">
        <v>3</v>
      </c>
      <c r="EH20" s="162">
        <v>0</v>
      </c>
      <c r="EI20" s="160">
        <v>17</v>
      </c>
      <c r="EJ20" s="160">
        <v>8</v>
      </c>
      <c r="EK20" s="160">
        <v>14</v>
      </c>
      <c r="EL20" s="160">
        <v>10</v>
      </c>
      <c r="EM20" s="160">
        <v>5</v>
      </c>
      <c r="EN20" s="165">
        <v>54</v>
      </c>
      <c r="EO20" s="164">
        <v>57</v>
      </c>
      <c r="EP20" s="159">
        <v>17</v>
      </c>
      <c r="EQ20" s="160">
        <v>41</v>
      </c>
      <c r="ER20" s="165">
        <v>58</v>
      </c>
      <c r="ES20" s="162">
        <v>0</v>
      </c>
      <c r="ET20" s="160">
        <v>124</v>
      </c>
      <c r="EU20" s="160">
        <v>87</v>
      </c>
      <c r="EV20" s="160">
        <v>52</v>
      </c>
      <c r="EW20" s="160">
        <v>25</v>
      </c>
      <c r="EX20" s="160">
        <v>22</v>
      </c>
      <c r="EY20" s="165">
        <v>310</v>
      </c>
      <c r="EZ20" s="164">
        <v>368</v>
      </c>
    </row>
    <row r="21" spans="2:156" ht="21" customHeight="1" x14ac:dyDescent="0.2">
      <c r="B21" s="166" t="s">
        <v>19</v>
      </c>
      <c r="C21" s="159">
        <v>0</v>
      </c>
      <c r="D21" s="160">
        <v>0</v>
      </c>
      <c r="E21" s="161">
        <v>0</v>
      </c>
      <c r="F21" s="162">
        <v>0</v>
      </c>
      <c r="G21" s="160">
        <v>10</v>
      </c>
      <c r="H21" s="160">
        <v>6</v>
      </c>
      <c r="I21" s="160">
        <v>4</v>
      </c>
      <c r="J21" s="160">
        <v>4</v>
      </c>
      <c r="K21" s="160">
        <v>3</v>
      </c>
      <c r="L21" s="163">
        <v>27</v>
      </c>
      <c r="M21" s="164">
        <v>27</v>
      </c>
      <c r="N21" s="159">
        <v>0</v>
      </c>
      <c r="O21" s="160">
        <v>0</v>
      </c>
      <c r="P21" s="165">
        <v>0</v>
      </c>
      <c r="Q21" s="162">
        <v>0</v>
      </c>
      <c r="R21" s="160">
        <v>0</v>
      </c>
      <c r="S21" s="160">
        <v>0</v>
      </c>
      <c r="T21" s="160">
        <v>2</v>
      </c>
      <c r="U21" s="160">
        <v>0</v>
      </c>
      <c r="V21" s="160">
        <v>2</v>
      </c>
      <c r="W21" s="165">
        <v>4</v>
      </c>
      <c r="X21" s="164">
        <v>4</v>
      </c>
      <c r="Y21" s="159">
        <v>3</v>
      </c>
      <c r="Z21" s="160">
        <v>6</v>
      </c>
      <c r="AA21" s="165">
        <v>9</v>
      </c>
      <c r="AB21" s="162">
        <v>0</v>
      </c>
      <c r="AC21" s="160">
        <v>14</v>
      </c>
      <c r="AD21" s="160">
        <v>10</v>
      </c>
      <c r="AE21" s="160">
        <v>6</v>
      </c>
      <c r="AF21" s="160">
        <v>5</v>
      </c>
      <c r="AG21" s="160">
        <v>4</v>
      </c>
      <c r="AH21" s="165">
        <v>39</v>
      </c>
      <c r="AI21" s="164">
        <v>48</v>
      </c>
      <c r="AJ21" s="159">
        <v>0</v>
      </c>
      <c r="AK21" s="160">
        <v>0</v>
      </c>
      <c r="AL21" s="165">
        <v>0</v>
      </c>
      <c r="AM21" s="162">
        <v>0</v>
      </c>
      <c r="AN21" s="160">
        <v>1</v>
      </c>
      <c r="AO21" s="160">
        <v>1</v>
      </c>
      <c r="AP21" s="160">
        <v>0</v>
      </c>
      <c r="AQ21" s="160">
        <v>2</v>
      </c>
      <c r="AR21" s="160">
        <v>1</v>
      </c>
      <c r="AS21" s="165">
        <v>5</v>
      </c>
      <c r="AT21" s="164">
        <v>5</v>
      </c>
      <c r="AU21" s="159">
        <v>3</v>
      </c>
      <c r="AV21" s="160">
        <v>9</v>
      </c>
      <c r="AW21" s="165">
        <v>12</v>
      </c>
      <c r="AX21" s="162">
        <v>0</v>
      </c>
      <c r="AY21" s="160">
        <v>24</v>
      </c>
      <c r="AZ21" s="160">
        <v>20</v>
      </c>
      <c r="BA21" s="160">
        <v>12</v>
      </c>
      <c r="BB21" s="160">
        <v>9</v>
      </c>
      <c r="BC21" s="160">
        <v>11</v>
      </c>
      <c r="BD21" s="163">
        <v>76</v>
      </c>
      <c r="BE21" s="164">
        <v>88</v>
      </c>
      <c r="BF21" s="159">
        <v>0</v>
      </c>
      <c r="BG21" s="160">
        <v>0</v>
      </c>
      <c r="BH21" s="165">
        <v>0</v>
      </c>
      <c r="BI21" s="162">
        <v>0</v>
      </c>
      <c r="BJ21" s="160">
        <v>21</v>
      </c>
      <c r="BK21" s="160">
        <v>15</v>
      </c>
      <c r="BL21" s="160">
        <v>4</v>
      </c>
      <c r="BM21" s="160">
        <v>0</v>
      </c>
      <c r="BN21" s="160">
        <v>2</v>
      </c>
      <c r="BO21" s="165">
        <v>42</v>
      </c>
      <c r="BP21" s="164">
        <v>42</v>
      </c>
      <c r="BQ21" s="159">
        <v>4</v>
      </c>
      <c r="BR21" s="160">
        <v>2</v>
      </c>
      <c r="BS21" s="165">
        <v>6</v>
      </c>
      <c r="BT21" s="162">
        <v>0</v>
      </c>
      <c r="BU21" s="160">
        <v>6</v>
      </c>
      <c r="BV21" s="160">
        <v>11</v>
      </c>
      <c r="BW21" s="160">
        <v>2</v>
      </c>
      <c r="BX21" s="160">
        <v>2</v>
      </c>
      <c r="BY21" s="160">
        <v>0</v>
      </c>
      <c r="BZ21" s="165">
        <v>21</v>
      </c>
      <c r="CA21" s="164">
        <v>27</v>
      </c>
      <c r="CB21" s="159">
        <v>0</v>
      </c>
      <c r="CC21" s="160">
        <v>0</v>
      </c>
      <c r="CD21" s="165">
        <v>0</v>
      </c>
      <c r="CE21" s="162">
        <v>0</v>
      </c>
      <c r="CF21" s="160">
        <v>2</v>
      </c>
      <c r="CG21" s="160">
        <v>3</v>
      </c>
      <c r="CH21" s="160">
        <v>0</v>
      </c>
      <c r="CI21" s="160">
        <v>0</v>
      </c>
      <c r="CJ21" s="160">
        <v>0</v>
      </c>
      <c r="CK21" s="165">
        <v>5</v>
      </c>
      <c r="CL21" s="164">
        <v>5</v>
      </c>
      <c r="CM21" s="159">
        <v>0</v>
      </c>
      <c r="CN21" s="160">
        <v>0</v>
      </c>
      <c r="CO21" s="165">
        <v>0</v>
      </c>
      <c r="CP21" s="162">
        <v>0</v>
      </c>
      <c r="CQ21" s="160">
        <v>0</v>
      </c>
      <c r="CR21" s="160">
        <v>2</v>
      </c>
      <c r="CS21" s="160">
        <v>1</v>
      </c>
      <c r="CT21" s="160">
        <v>0</v>
      </c>
      <c r="CU21" s="160">
        <v>0</v>
      </c>
      <c r="CV21" s="165">
        <v>3</v>
      </c>
      <c r="CW21" s="164">
        <v>3</v>
      </c>
      <c r="CX21" s="159">
        <v>0</v>
      </c>
      <c r="CY21" s="160">
        <v>0</v>
      </c>
      <c r="CZ21" s="165">
        <v>0</v>
      </c>
      <c r="DA21" s="162">
        <v>0</v>
      </c>
      <c r="DB21" s="160">
        <v>0</v>
      </c>
      <c r="DC21" s="160">
        <v>0</v>
      </c>
      <c r="DD21" s="160">
        <v>0</v>
      </c>
      <c r="DE21" s="160">
        <v>0</v>
      </c>
      <c r="DF21" s="160">
        <v>0</v>
      </c>
      <c r="DG21" s="165">
        <v>0</v>
      </c>
      <c r="DH21" s="164">
        <v>0</v>
      </c>
      <c r="DI21" s="159">
        <v>0</v>
      </c>
      <c r="DJ21" s="160">
        <v>0</v>
      </c>
      <c r="DK21" s="165">
        <v>0</v>
      </c>
      <c r="DL21" s="162">
        <v>0</v>
      </c>
      <c r="DM21" s="160">
        <v>0</v>
      </c>
      <c r="DN21" s="160">
        <v>0</v>
      </c>
      <c r="DO21" s="160">
        <v>0</v>
      </c>
      <c r="DP21" s="160">
        <v>0</v>
      </c>
      <c r="DQ21" s="160">
        <v>0</v>
      </c>
      <c r="DR21" s="165">
        <v>0</v>
      </c>
      <c r="DS21" s="164">
        <v>0</v>
      </c>
      <c r="DT21" s="159">
        <v>8</v>
      </c>
      <c r="DU21" s="160">
        <v>15</v>
      </c>
      <c r="DV21" s="165">
        <v>23</v>
      </c>
      <c r="DW21" s="162">
        <v>0</v>
      </c>
      <c r="DX21" s="160">
        <v>33</v>
      </c>
      <c r="DY21" s="160">
        <v>28</v>
      </c>
      <c r="DZ21" s="160">
        <v>11</v>
      </c>
      <c r="EA21" s="160">
        <v>9</v>
      </c>
      <c r="EB21" s="160">
        <v>9</v>
      </c>
      <c r="EC21" s="165">
        <v>90</v>
      </c>
      <c r="ED21" s="164">
        <v>113</v>
      </c>
      <c r="EE21" s="159">
        <v>2</v>
      </c>
      <c r="EF21" s="160">
        <v>3</v>
      </c>
      <c r="EG21" s="165">
        <v>5</v>
      </c>
      <c r="EH21" s="162">
        <v>0</v>
      </c>
      <c r="EI21" s="160">
        <v>9</v>
      </c>
      <c r="EJ21" s="160">
        <v>7</v>
      </c>
      <c r="EK21" s="160">
        <v>3</v>
      </c>
      <c r="EL21" s="160">
        <v>3</v>
      </c>
      <c r="EM21" s="160">
        <v>3</v>
      </c>
      <c r="EN21" s="165">
        <v>25</v>
      </c>
      <c r="EO21" s="164">
        <v>30</v>
      </c>
      <c r="EP21" s="159">
        <v>15</v>
      </c>
      <c r="EQ21" s="160">
        <v>20</v>
      </c>
      <c r="ER21" s="165">
        <v>35</v>
      </c>
      <c r="ES21" s="162">
        <v>0</v>
      </c>
      <c r="ET21" s="160">
        <v>50</v>
      </c>
      <c r="EU21" s="160">
        <v>39</v>
      </c>
      <c r="EV21" s="160">
        <v>11</v>
      </c>
      <c r="EW21" s="160">
        <v>9</v>
      </c>
      <c r="EX21" s="160">
        <v>7</v>
      </c>
      <c r="EY21" s="165">
        <v>116</v>
      </c>
      <c r="EZ21" s="164">
        <v>151</v>
      </c>
    </row>
    <row r="22" spans="2:156" ht="21" customHeight="1" x14ac:dyDescent="0.2">
      <c r="B22" s="166" t="s">
        <v>20</v>
      </c>
      <c r="C22" s="159">
        <v>0</v>
      </c>
      <c r="D22" s="160">
        <v>0</v>
      </c>
      <c r="E22" s="161">
        <v>0</v>
      </c>
      <c r="F22" s="162">
        <v>0</v>
      </c>
      <c r="G22" s="160">
        <v>22</v>
      </c>
      <c r="H22" s="160">
        <v>18</v>
      </c>
      <c r="I22" s="160">
        <v>4</v>
      </c>
      <c r="J22" s="160">
        <v>6</v>
      </c>
      <c r="K22" s="160">
        <v>4</v>
      </c>
      <c r="L22" s="163">
        <v>54</v>
      </c>
      <c r="M22" s="164">
        <v>54</v>
      </c>
      <c r="N22" s="159">
        <v>0</v>
      </c>
      <c r="O22" s="160">
        <v>0</v>
      </c>
      <c r="P22" s="165">
        <v>0</v>
      </c>
      <c r="Q22" s="162">
        <v>0</v>
      </c>
      <c r="R22" s="160">
        <v>0</v>
      </c>
      <c r="S22" s="160">
        <v>0</v>
      </c>
      <c r="T22" s="160">
        <v>0</v>
      </c>
      <c r="U22" s="160">
        <v>2</v>
      </c>
      <c r="V22" s="160">
        <v>3</v>
      </c>
      <c r="W22" s="165">
        <v>5</v>
      </c>
      <c r="X22" s="164">
        <v>5</v>
      </c>
      <c r="Y22" s="159">
        <v>4</v>
      </c>
      <c r="Z22" s="160">
        <v>5</v>
      </c>
      <c r="AA22" s="165">
        <v>9</v>
      </c>
      <c r="AB22" s="162">
        <v>0</v>
      </c>
      <c r="AC22" s="160">
        <v>18</v>
      </c>
      <c r="AD22" s="160">
        <v>21</v>
      </c>
      <c r="AE22" s="160">
        <v>12</v>
      </c>
      <c r="AF22" s="160">
        <v>4</v>
      </c>
      <c r="AG22" s="160">
        <v>4</v>
      </c>
      <c r="AH22" s="165">
        <v>59</v>
      </c>
      <c r="AI22" s="164">
        <v>68</v>
      </c>
      <c r="AJ22" s="159">
        <v>2</v>
      </c>
      <c r="AK22" s="160">
        <v>3</v>
      </c>
      <c r="AL22" s="165">
        <v>5</v>
      </c>
      <c r="AM22" s="162">
        <v>0</v>
      </c>
      <c r="AN22" s="160">
        <v>4</v>
      </c>
      <c r="AO22" s="160">
        <v>8</v>
      </c>
      <c r="AP22" s="160">
        <v>7</v>
      </c>
      <c r="AQ22" s="160">
        <v>2</v>
      </c>
      <c r="AR22" s="160">
        <v>0</v>
      </c>
      <c r="AS22" s="165">
        <v>21</v>
      </c>
      <c r="AT22" s="164">
        <v>26</v>
      </c>
      <c r="AU22" s="159">
        <v>2</v>
      </c>
      <c r="AV22" s="160">
        <v>3</v>
      </c>
      <c r="AW22" s="165">
        <v>5</v>
      </c>
      <c r="AX22" s="162">
        <v>0</v>
      </c>
      <c r="AY22" s="160">
        <v>21</v>
      </c>
      <c r="AZ22" s="160">
        <v>22</v>
      </c>
      <c r="BA22" s="160">
        <v>23</v>
      </c>
      <c r="BB22" s="160">
        <v>18</v>
      </c>
      <c r="BC22" s="160">
        <v>7</v>
      </c>
      <c r="BD22" s="163">
        <v>91</v>
      </c>
      <c r="BE22" s="164">
        <v>96</v>
      </c>
      <c r="BF22" s="159">
        <v>0</v>
      </c>
      <c r="BG22" s="160">
        <v>0</v>
      </c>
      <c r="BH22" s="165">
        <v>0</v>
      </c>
      <c r="BI22" s="162">
        <v>0</v>
      </c>
      <c r="BJ22" s="160">
        <v>39</v>
      </c>
      <c r="BK22" s="160">
        <v>22</v>
      </c>
      <c r="BL22" s="160">
        <v>12</v>
      </c>
      <c r="BM22" s="160">
        <v>6</v>
      </c>
      <c r="BN22" s="160">
        <v>2</v>
      </c>
      <c r="BO22" s="165">
        <v>81</v>
      </c>
      <c r="BP22" s="164">
        <v>81</v>
      </c>
      <c r="BQ22" s="159">
        <v>2</v>
      </c>
      <c r="BR22" s="160">
        <v>0</v>
      </c>
      <c r="BS22" s="165">
        <v>2</v>
      </c>
      <c r="BT22" s="162">
        <v>0</v>
      </c>
      <c r="BU22" s="160">
        <v>18</v>
      </c>
      <c r="BV22" s="160">
        <v>7</v>
      </c>
      <c r="BW22" s="160">
        <v>3</v>
      </c>
      <c r="BX22" s="160">
        <v>2</v>
      </c>
      <c r="BY22" s="160">
        <v>1</v>
      </c>
      <c r="BZ22" s="165">
        <v>31</v>
      </c>
      <c r="CA22" s="164">
        <v>33</v>
      </c>
      <c r="CB22" s="159">
        <v>0</v>
      </c>
      <c r="CC22" s="160">
        <v>0</v>
      </c>
      <c r="CD22" s="165">
        <v>0</v>
      </c>
      <c r="CE22" s="162">
        <v>0</v>
      </c>
      <c r="CF22" s="160">
        <v>10</v>
      </c>
      <c r="CG22" s="160">
        <v>6</v>
      </c>
      <c r="CH22" s="160">
        <v>5</v>
      </c>
      <c r="CI22" s="160">
        <v>1</v>
      </c>
      <c r="CJ22" s="160">
        <v>1</v>
      </c>
      <c r="CK22" s="165">
        <v>23</v>
      </c>
      <c r="CL22" s="164">
        <v>23</v>
      </c>
      <c r="CM22" s="159">
        <v>0</v>
      </c>
      <c r="CN22" s="160">
        <v>0</v>
      </c>
      <c r="CO22" s="165">
        <v>0</v>
      </c>
      <c r="CP22" s="162">
        <v>0</v>
      </c>
      <c r="CQ22" s="160">
        <v>1</v>
      </c>
      <c r="CR22" s="160">
        <v>1</v>
      </c>
      <c r="CS22" s="160">
        <v>1</v>
      </c>
      <c r="CT22" s="160">
        <v>1</v>
      </c>
      <c r="CU22" s="160">
        <v>0</v>
      </c>
      <c r="CV22" s="165">
        <v>4</v>
      </c>
      <c r="CW22" s="164">
        <v>4</v>
      </c>
      <c r="CX22" s="159">
        <v>0</v>
      </c>
      <c r="CY22" s="160">
        <v>0</v>
      </c>
      <c r="CZ22" s="165">
        <v>0</v>
      </c>
      <c r="DA22" s="162">
        <v>0</v>
      </c>
      <c r="DB22" s="160">
        <v>0</v>
      </c>
      <c r="DC22" s="160">
        <v>0</v>
      </c>
      <c r="DD22" s="160">
        <v>0</v>
      </c>
      <c r="DE22" s="160">
        <v>0</v>
      </c>
      <c r="DF22" s="160">
        <v>0</v>
      </c>
      <c r="DG22" s="165">
        <v>0</v>
      </c>
      <c r="DH22" s="164">
        <v>0</v>
      </c>
      <c r="DI22" s="159">
        <v>0</v>
      </c>
      <c r="DJ22" s="160">
        <v>0</v>
      </c>
      <c r="DK22" s="165">
        <v>0</v>
      </c>
      <c r="DL22" s="162">
        <v>0</v>
      </c>
      <c r="DM22" s="160">
        <v>0</v>
      </c>
      <c r="DN22" s="160">
        <v>0</v>
      </c>
      <c r="DO22" s="160">
        <v>0</v>
      </c>
      <c r="DP22" s="160">
        <v>0</v>
      </c>
      <c r="DQ22" s="160">
        <v>0</v>
      </c>
      <c r="DR22" s="165">
        <v>0</v>
      </c>
      <c r="DS22" s="164">
        <v>0</v>
      </c>
      <c r="DT22" s="159">
        <v>15</v>
      </c>
      <c r="DU22" s="160">
        <v>16</v>
      </c>
      <c r="DV22" s="165">
        <v>31</v>
      </c>
      <c r="DW22" s="162">
        <v>0</v>
      </c>
      <c r="DX22" s="160">
        <v>54</v>
      </c>
      <c r="DY22" s="160">
        <v>49</v>
      </c>
      <c r="DZ22" s="160">
        <v>20</v>
      </c>
      <c r="EA22" s="160">
        <v>12</v>
      </c>
      <c r="EB22" s="160">
        <v>8</v>
      </c>
      <c r="EC22" s="165">
        <v>143</v>
      </c>
      <c r="ED22" s="164">
        <v>174</v>
      </c>
      <c r="EE22" s="159">
        <v>2</v>
      </c>
      <c r="EF22" s="160">
        <v>3</v>
      </c>
      <c r="EG22" s="165">
        <v>5</v>
      </c>
      <c r="EH22" s="162">
        <v>0</v>
      </c>
      <c r="EI22" s="160">
        <v>6</v>
      </c>
      <c r="EJ22" s="160">
        <v>2</v>
      </c>
      <c r="EK22" s="160">
        <v>7</v>
      </c>
      <c r="EL22" s="160">
        <v>8</v>
      </c>
      <c r="EM22" s="160">
        <v>2</v>
      </c>
      <c r="EN22" s="165">
        <v>25</v>
      </c>
      <c r="EO22" s="164">
        <v>30</v>
      </c>
      <c r="EP22" s="159">
        <v>21</v>
      </c>
      <c r="EQ22" s="160">
        <v>23</v>
      </c>
      <c r="ER22" s="165">
        <v>44</v>
      </c>
      <c r="ES22" s="162">
        <v>0</v>
      </c>
      <c r="ET22" s="160">
        <v>110</v>
      </c>
      <c r="EU22" s="160">
        <v>69</v>
      </c>
      <c r="EV22" s="160">
        <v>29</v>
      </c>
      <c r="EW22" s="160">
        <v>15</v>
      </c>
      <c r="EX22" s="160">
        <v>8</v>
      </c>
      <c r="EY22" s="165">
        <v>231</v>
      </c>
      <c r="EZ22" s="164">
        <v>275</v>
      </c>
    </row>
    <row r="23" spans="2:156" ht="21" customHeight="1" x14ac:dyDescent="0.2">
      <c r="B23" s="166" t="s">
        <v>21</v>
      </c>
      <c r="C23" s="159">
        <v>0</v>
      </c>
      <c r="D23" s="160">
        <v>0</v>
      </c>
      <c r="E23" s="161">
        <v>0</v>
      </c>
      <c r="F23" s="162">
        <v>0</v>
      </c>
      <c r="G23" s="160">
        <v>12</v>
      </c>
      <c r="H23" s="160">
        <v>19</v>
      </c>
      <c r="I23" s="160">
        <v>7</v>
      </c>
      <c r="J23" s="160">
        <v>5</v>
      </c>
      <c r="K23" s="160">
        <v>3</v>
      </c>
      <c r="L23" s="163">
        <v>46</v>
      </c>
      <c r="M23" s="164">
        <v>46</v>
      </c>
      <c r="N23" s="159">
        <v>0</v>
      </c>
      <c r="O23" s="160">
        <v>0</v>
      </c>
      <c r="P23" s="165">
        <v>0</v>
      </c>
      <c r="Q23" s="162">
        <v>0</v>
      </c>
      <c r="R23" s="160">
        <v>0</v>
      </c>
      <c r="S23" s="160">
        <v>0</v>
      </c>
      <c r="T23" s="160">
        <v>1</v>
      </c>
      <c r="U23" s="160">
        <v>0</v>
      </c>
      <c r="V23" s="160">
        <v>1</v>
      </c>
      <c r="W23" s="165">
        <v>2</v>
      </c>
      <c r="X23" s="164">
        <v>2</v>
      </c>
      <c r="Y23" s="159">
        <v>3</v>
      </c>
      <c r="Z23" s="160">
        <v>4</v>
      </c>
      <c r="AA23" s="165">
        <v>7</v>
      </c>
      <c r="AB23" s="162">
        <v>0</v>
      </c>
      <c r="AC23" s="160">
        <v>18</v>
      </c>
      <c r="AD23" s="160">
        <v>11</v>
      </c>
      <c r="AE23" s="160">
        <v>9</v>
      </c>
      <c r="AF23" s="160">
        <v>5</v>
      </c>
      <c r="AG23" s="160">
        <v>2</v>
      </c>
      <c r="AH23" s="165">
        <v>45</v>
      </c>
      <c r="AI23" s="164">
        <v>52</v>
      </c>
      <c r="AJ23" s="159">
        <v>1</v>
      </c>
      <c r="AK23" s="160">
        <v>1</v>
      </c>
      <c r="AL23" s="165">
        <v>2</v>
      </c>
      <c r="AM23" s="162">
        <v>0</v>
      </c>
      <c r="AN23" s="160">
        <v>2</v>
      </c>
      <c r="AO23" s="160">
        <v>4</v>
      </c>
      <c r="AP23" s="160">
        <v>1</v>
      </c>
      <c r="AQ23" s="160">
        <v>1</v>
      </c>
      <c r="AR23" s="160">
        <v>0</v>
      </c>
      <c r="AS23" s="165">
        <v>8</v>
      </c>
      <c r="AT23" s="164">
        <v>10</v>
      </c>
      <c r="AU23" s="159">
        <v>3</v>
      </c>
      <c r="AV23" s="160">
        <v>1</v>
      </c>
      <c r="AW23" s="165">
        <v>4</v>
      </c>
      <c r="AX23" s="162">
        <v>0</v>
      </c>
      <c r="AY23" s="160">
        <v>19</v>
      </c>
      <c r="AZ23" s="160">
        <v>25</v>
      </c>
      <c r="BA23" s="160">
        <v>9</v>
      </c>
      <c r="BB23" s="160">
        <v>15</v>
      </c>
      <c r="BC23" s="160">
        <v>7</v>
      </c>
      <c r="BD23" s="163">
        <v>75</v>
      </c>
      <c r="BE23" s="164">
        <v>79</v>
      </c>
      <c r="BF23" s="159">
        <v>0</v>
      </c>
      <c r="BG23" s="160">
        <v>0</v>
      </c>
      <c r="BH23" s="165">
        <v>0</v>
      </c>
      <c r="BI23" s="162">
        <v>0</v>
      </c>
      <c r="BJ23" s="160">
        <v>25</v>
      </c>
      <c r="BK23" s="160">
        <v>23</v>
      </c>
      <c r="BL23" s="160">
        <v>8</v>
      </c>
      <c r="BM23" s="160">
        <v>2</v>
      </c>
      <c r="BN23" s="160">
        <v>0</v>
      </c>
      <c r="BO23" s="165">
        <v>58</v>
      </c>
      <c r="BP23" s="164">
        <v>58</v>
      </c>
      <c r="BQ23" s="159">
        <v>1</v>
      </c>
      <c r="BR23" s="160">
        <v>3</v>
      </c>
      <c r="BS23" s="165">
        <v>4</v>
      </c>
      <c r="BT23" s="162">
        <v>0</v>
      </c>
      <c r="BU23" s="160">
        <v>6</v>
      </c>
      <c r="BV23" s="160">
        <v>5</v>
      </c>
      <c r="BW23" s="160">
        <v>2</v>
      </c>
      <c r="BX23" s="160">
        <v>0</v>
      </c>
      <c r="BY23" s="160">
        <v>1</v>
      </c>
      <c r="BZ23" s="165">
        <v>14</v>
      </c>
      <c r="CA23" s="164">
        <v>18</v>
      </c>
      <c r="CB23" s="159">
        <v>0</v>
      </c>
      <c r="CC23" s="160">
        <v>0</v>
      </c>
      <c r="CD23" s="165">
        <v>0</v>
      </c>
      <c r="CE23" s="162">
        <v>0</v>
      </c>
      <c r="CF23" s="160">
        <v>3</v>
      </c>
      <c r="CG23" s="160">
        <v>5</v>
      </c>
      <c r="CH23" s="160">
        <v>1</v>
      </c>
      <c r="CI23" s="160">
        <v>3</v>
      </c>
      <c r="CJ23" s="160">
        <v>1</v>
      </c>
      <c r="CK23" s="165">
        <v>13</v>
      </c>
      <c r="CL23" s="164">
        <v>13</v>
      </c>
      <c r="CM23" s="159">
        <v>0</v>
      </c>
      <c r="CN23" s="160">
        <v>0</v>
      </c>
      <c r="CO23" s="165">
        <v>0</v>
      </c>
      <c r="CP23" s="162">
        <v>0</v>
      </c>
      <c r="CQ23" s="160">
        <v>0</v>
      </c>
      <c r="CR23" s="160">
        <v>0</v>
      </c>
      <c r="CS23" s="160">
        <v>0</v>
      </c>
      <c r="CT23" s="160">
        <v>0</v>
      </c>
      <c r="CU23" s="160">
        <v>0</v>
      </c>
      <c r="CV23" s="165">
        <v>0</v>
      </c>
      <c r="CW23" s="164">
        <v>0</v>
      </c>
      <c r="CX23" s="159">
        <v>0</v>
      </c>
      <c r="CY23" s="160">
        <v>0</v>
      </c>
      <c r="CZ23" s="165">
        <v>0</v>
      </c>
      <c r="DA23" s="162">
        <v>0</v>
      </c>
      <c r="DB23" s="160">
        <v>0</v>
      </c>
      <c r="DC23" s="160">
        <v>0</v>
      </c>
      <c r="DD23" s="160">
        <v>0</v>
      </c>
      <c r="DE23" s="160">
        <v>0</v>
      </c>
      <c r="DF23" s="160">
        <v>0</v>
      </c>
      <c r="DG23" s="165">
        <v>0</v>
      </c>
      <c r="DH23" s="164">
        <v>0</v>
      </c>
      <c r="DI23" s="159">
        <v>0</v>
      </c>
      <c r="DJ23" s="160">
        <v>0</v>
      </c>
      <c r="DK23" s="165">
        <v>0</v>
      </c>
      <c r="DL23" s="162">
        <v>0</v>
      </c>
      <c r="DM23" s="160">
        <v>0</v>
      </c>
      <c r="DN23" s="160">
        <v>0</v>
      </c>
      <c r="DO23" s="160">
        <v>0</v>
      </c>
      <c r="DP23" s="160">
        <v>0</v>
      </c>
      <c r="DQ23" s="160">
        <v>0</v>
      </c>
      <c r="DR23" s="165">
        <v>0</v>
      </c>
      <c r="DS23" s="164">
        <v>0</v>
      </c>
      <c r="DT23" s="159">
        <v>8</v>
      </c>
      <c r="DU23" s="160">
        <v>28</v>
      </c>
      <c r="DV23" s="165">
        <v>36</v>
      </c>
      <c r="DW23" s="162">
        <v>0</v>
      </c>
      <c r="DX23" s="160">
        <v>29</v>
      </c>
      <c r="DY23" s="160">
        <v>38</v>
      </c>
      <c r="DZ23" s="160">
        <v>17</v>
      </c>
      <c r="EA23" s="160">
        <v>10</v>
      </c>
      <c r="EB23" s="160">
        <v>4</v>
      </c>
      <c r="EC23" s="165">
        <v>98</v>
      </c>
      <c r="ED23" s="164">
        <v>134</v>
      </c>
      <c r="EE23" s="159">
        <v>0</v>
      </c>
      <c r="EF23" s="160">
        <v>0</v>
      </c>
      <c r="EG23" s="165">
        <v>0</v>
      </c>
      <c r="EH23" s="162">
        <v>0</v>
      </c>
      <c r="EI23" s="160">
        <v>7</v>
      </c>
      <c r="EJ23" s="160">
        <v>8</v>
      </c>
      <c r="EK23" s="160">
        <v>5</v>
      </c>
      <c r="EL23" s="160">
        <v>8</v>
      </c>
      <c r="EM23" s="160">
        <v>4</v>
      </c>
      <c r="EN23" s="165">
        <v>32</v>
      </c>
      <c r="EO23" s="164">
        <v>32</v>
      </c>
      <c r="EP23" s="159">
        <v>12</v>
      </c>
      <c r="EQ23" s="160">
        <v>30</v>
      </c>
      <c r="ER23" s="165">
        <v>42</v>
      </c>
      <c r="ES23" s="162">
        <v>0</v>
      </c>
      <c r="ET23" s="160">
        <v>62</v>
      </c>
      <c r="EU23" s="160">
        <v>55</v>
      </c>
      <c r="EV23" s="160">
        <v>19</v>
      </c>
      <c r="EW23" s="160">
        <v>10</v>
      </c>
      <c r="EX23" s="160">
        <v>4</v>
      </c>
      <c r="EY23" s="165">
        <v>150</v>
      </c>
      <c r="EZ23" s="164">
        <v>192</v>
      </c>
    </row>
    <row r="24" spans="2:156" ht="21" customHeight="1" x14ac:dyDescent="0.2">
      <c r="B24" s="166" t="s">
        <v>22</v>
      </c>
      <c r="C24" s="159">
        <v>0</v>
      </c>
      <c r="D24" s="160">
        <v>0</v>
      </c>
      <c r="E24" s="161">
        <v>0</v>
      </c>
      <c r="F24" s="162">
        <v>0</v>
      </c>
      <c r="G24" s="160">
        <v>9</v>
      </c>
      <c r="H24" s="160">
        <v>5</v>
      </c>
      <c r="I24" s="160">
        <v>4</v>
      </c>
      <c r="J24" s="160">
        <v>1</v>
      </c>
      <c r="K24" s="160">
        <v>3</v>
      </c>
      <c r="L24" s="163">
        <v>22</v>
      </c>
      <c r="M24" s="164">
        <v>22</v>
      </c>
      <c r="N24" s="159">
        <v>0</v>
      </c>
      <c r="O24" s="160">
        <v>0</v>
      </c>
      <c r="P24" s="165">
        <v>0</v>
      </c>
      <c r="Q24" s="162">
        <v>0</v>
      </c>
      <c r="R24" s="160">
        <v>0</v>
      </c>
      <c r="S24" s="160">
        <v>0</v>
      </c>
      <c r="T24" s="160">
        <v>0</v>
      </c>
      <c r="U24" s="160">
        <v>0</v>
      </c>
      <c r="V24" s="160">
        <v>1</v>
      </c>
      <c r="W24" s="165">
        <v>1</v>
      </c>
      <c r="X24" s="164">
        <v>1</v>
      </c>
      <c r="Y24" s="159">
        <v>0</v>
      </c>
      <c r="Z24" s="160">
        <v>0</v>
      </c>
      <c r="AA24" s="165">
        <v>0</v>
      </c>
      <c r="AB24" s="162">
        <v>0</v>
      </c>
      <c r="AC24" s="160">
        <v>5</v>
      </c>
      <c r="AD24" s="160">
        <v>9</v>
      </c>
      <c r="AE24" s="160">
        <v>5</v>
      </c>
      <c r="AF24" s="160">
        <v>1</v>
      </c>
      <c r="AG24" s="160">
        <v>2</v>
      </c>
      <c r="AH24" s="165">
        <v>22</v>
      </c>
      <c r="AI24" s="164">
        <v>22</v>
      </c>
      <c r="AJ24" s="159">
        <v>1</v>
      </c>
      <c r="AK24" s="160">
        <v>0</v>
      </c>
      <c r="AL24" s="165">
        <v>1</v>
      </c>
      <c r="AM24" s="162">
        <v>0</v>
      </c>
      <c r="AN24" s="160">
        <v>1</v>
      </c>
      <c r="AO24" s="160">
        <v>1</v>
      </c>
      <c r="AP24" s="160">
        <v>0</v>
      </c>
      <c r="AQ24" s="160">
        <v>0</v>
      </c>
      <c r="AR24" s="160">
        <v>0</v>
      </c>
      <c r="AS24" s="165">
        <v>2</v>
      </c>
      <c r="AT24" s="164">
        <v>3</v>
      </c>
      <c r="AU24" s="159">
        <v>3</v>
      </c>
      <c r="AV24" s="160">
        <v>0</v>
      </c>
      <c r="AW24" s="165">
        <v>3</v>
      </c>
      <c r="AX24" s="162">
        <v>0</v>
      </c>
      <c r="AY24" s="160">
        <v>6</v>
      </c>
      <c r="AZ24" s="160">
        <v>6</v>
      </c>
      <c r="BA24" s="160">
        <v>8</v>
      </c>
      <c r="BB24" s="160">
        <v>6</v>
      </c>
      <c r="BC24" s="160">
        <v>2</v>
      </c>
      <c r="BD24" s="163">
        <v>28</v>
      </c>
      <c r="BE24" s="164">
        <v>31</v>
      </c>
      <c r="BF24" s="159">
        <v>0</v>
      </c>
      <c r="BG24" s="160">
        <v>0</v>
      </c>
      <c r="BH24" s="165">
        <v>0</v>
      </c>
      <c r="BI24" s="162">
        <v>0</v>
      </c>
      <c r="BJ24" s="160">
        <v>12</v>
      </c>
      <c r="BK24" s="160">
        <v>12</v>
      </c>
      <c r="BL24" s="160">
        <v>10</v>
      </c>
      <c r="BM24" s="160">
        <v>0</v>
      </c>
      <c r="BN24" s="160">
        <v>2</v>
      </c>
      <c r="BO24" s="165">
        <v>36</v>
      </c>
      <c r="BP24" s="164">
        <v>36</v>
      </c>
      <c r="BQ24" s="159">
        <v>0</v>
      </c>
      <c r="BR24" s="160">
        <v>1</v>
      </c>
      <c r="BS24" s="165">
        <v>1</v>
      </c>
      <c r="BT24" s="162">
        <v>0</v>
      </c>
      <c r="BU24" s="160">
        <v>3</v>
      </c>
      <c r="BV24" s="160">
        <v>1</v>
      </c>
      <c r="BW24" s="160">
        <v>0</v>
      </c>
      <c r="BX24" s="160">
        <v>1</v>
      </c>
      <c r="BY24" s="160">
        <v>1</v>
      </c>
      <c r="BZ24" s="165">
        <v>6</v>
      </c>
      <c r="CA24" s="164">
        <v>7</v>
      </c>
      <c r="CB24" s="159">
        <v>0</v>
      </c>
      <c r="CC24" s="160">
        <v>0</v>
      </c>
      <c r="CD24" s="165">
        <v>0</v>
      </c>
      <c r="CE24" s="162">
        <v>0</v>
      </c>
      <c r="CF24" s="160">
        <v>0</v>
      </c>
      <c r="CG24" s="160">
        <v>0</v>
      </c>
      <c r="CH24" s="160">
        <v>2</v>
      </c>
      <c r="CI24" s="160">
        <v>2</v>
      </c>
      <c r="CJ24" s="160">
        <v>1</v>
      </c>
      <c r="CK24" s="165">
        <v>5</v>
      </c>
      <c r="CL24" s="164">
        <v>5</v>
      </c>
      <c r="CM24" s="159">
        <v>0</v>
      </c>
      <c r="CN24" s="160">
        <v>0</v>
      </c>
      <c r="CO24" s="165">
        <v>0</v>
      </c>
      <c r="CP24" s="162">
        <v>0</v>
      </c>
      <c r="CQ24" s="160">
        <v>1</v>
      </c>
      <c r="CR24" s="160">
        <v>0</v>
      </c>
      <c r="CS24" s="160">
        <v>1</v>
      </c>
      <c r="CT24" s="160">
        <v>0</v>
      </c>
      <c r="CU24" s="160">
        <v>0</v>
      </c>
      <c r="CV24" s="165">
        <v>2</v>
      </c>
      <c r="CW24" s="164">
        <v>2</v>
      </c>
      <c r="CX24" s="159">
        <v>0</v>
      </c>
      <c r="CY24" s="160">
        <v>0</v>
      </c>
      <c r="CZ24" s="165">
        <v>0</v>
      </c>
      <c r="DA24" s="162">
        <v>0</v>
      </c>
      <c r="DB24" s="160">
        <v>0</v>
      </c>
      <c r="DC24" s="160">
        <v>0</v>
      </c>
      <c r="DD24" s="160">
        <v>0</v>
      </c>
      <c r="DE24" s="160">
        <v>0</v>
      </c>
      <c r="DF24" s="160">
        <v>0</v>
      </c>
      <c r="DG24" s="165">
        <v>0</v>
      </c>
      <c r="DH24" s="164">
        <v>0</v>
      </c>
      <c r="DI24" s="159">
        <v>0</v>
      </c>
      <c r="DJ24" s="160">
        <v>0</v>
      </c>
      <c r="DK24" s="165">
        <v>0</v>
      </c>
      <c r="DL24" s="162">
        <v>0</v>
      </c>
      <c r="DM24" s="160">
        <v>0</v>
      </c>
      <c r="DN24" s="160">
        <v>0</v>
      </c>
      <c r="DO24" s="160">
        <v>0</v>
      </c>
      <c r="DP24" s="160">
        <v>0</v>
      </c>
      <c r="DQ24" s="160">
        <v>0</v>
      </c>
      <c r="DR24" s="165">
        <v>0</v>
      </c>
      <c r="DS24" s="164">
        <v>0</v>
      </c>
      <c r="DT24" s="159">
        <v>0</v>
      </c>
      <c r="DU24" s="160">
        <v>6</v>
      </c>
      <c r="DV24" s="165">
        <v>6</v>
      </c>
      <c r="DW24" s="162">
        <v>0</v>
      </c>
      <c r="DX24" s="160">
        <v>20</v>
      </c>
      <c r="DY24" s="160">
        <v>17</v>
      </c>
      <c r="DZ24" s="160">
        <v>16</v>
      </c>
      <c r="EA24" s="160">
        <v>5</v>
      </c>
      <c r="EB24" s="160">
        <v>8</v>
      </c>
      <c r="EC24" s="165">
        <v>66</v>
      </c>
      <c r="ED24" s="164">
        <v>72</v>
      </c>
      <c r="EE24" s="159">
        <v>1</v>
      </c>
      <c r="EF24" s="160">
        <v>1</v>
      </c>
      <c r="EG24" s="165">
        <v>2</v>
      </c>
      <c r="EH24" s="162">
        <v>0</v>
      </c>
      <c r="EI24" s="160">
        <v>5</v>
      </c>
      <c r="EJ24" s="160">
        <v>1</v>
      </c>
      <c r="EK24" s="160">
        <v>3</v>
      </c>
      <c r="EL24" s="160">
        <v>4</v>
      </c>
      <c r="EM24" s="160">
        <v>0</v>
      </c>
      <c r="EN24" s="165">
        <v>13</v>
      </c>
      <c r="EO24" s="164">
        <v>15</v>
      </c>
      <c r="EP24" s="159">
        <v>1</v>
      </c>
      <c r="EQ24" s="160">
        <v>5</v>
      </c>
      <c r="ER24" s="165">
        <v>6</v>
      </c>
      <c r="ES24" s="162">
        <v>0</v>
      </c>
      <c r="ET24" s="160">
        <v>34</v>
      </c>
      <c r="EU24" s="160">
        <v>26</v>
      </c>
      <c r="EV24" s="160">
        <v>19</v>
      </c>
      <c r="EW24" s="160">
        <v>6</v>
      </c>
      <c r="EX24" s="160">
        <v>8</v>
      </c>
      <c r="EY24" s="165">
        <v>93</v>
      </c>
      <c r="EZ24" s="164">
        <v>99</v>
      </c>
    </row>
    <row r="25" spans="2:156" ht="21" customHeight="1" x14ac:dyDescent="0.2">
      <c r="B25" s="166" t="s">
        <v>23</v>
      </c>
      <c r="C25" s="159">
        <v>0</v>
      </c>
      <c r="D25" s="160">
        <v>0</v>
      </c>
      <c r="E25" s="161">
        <v>0</v>
      </c>
      <c r="F25" s="162">
        <v>0</v>
      </c>
      <c r="G25" s="160">
        <v>9</v>
      </c>
      <c r="H25" s="160">
        <v>8</v>
      </c>
      <c r="I25" s="160">
        <v>0</v>
      </c>
      <c r="J25" s="160">
        <v>1</v>
      </c>
      <c r="K25" s="160">
        <v>2</v>
      </c>
      <c r="L25" s="163">
        <v>20</v>
      </c>
      <c r="M25" s="164">
        <v>20</v>
      </c>
      <c r="N25" s="159">
        <v>0</v>
      </c>
      <c r="O25" s="160">
        <v>0</v>
      </c>
      <c r="P25" s="165">
        <v>0</v>
      </c>
      <c r="Q25" s="162">
        <v>0</v>
      </c>
      <c r="R25" s="160">
        <v>0</v>
      </c>
      <c r="S25" s="160">
        <v>0</v>
      </c>
      <c r="T25" s="160">
        <v>0</v>
      </c>
      <c r="U25" s="160">
        <v>0</v>
      </c>
      <c r="V25" s="160">
        <v>0</v>
      </c>
      <c r="W25" s="165">
        <v>0</v>
      </c>
      <c r="X25" s="164">
        <v>0</v>
      </c>
      <c r="Y25" s="159">
        <v>5</v>
      </c>
      <c r="Z25" s="160">
        <v>2</v>
      </c>
      <c r="AA25" s="165">
        <v>7</v>
      </c>
      <c r="AB25" s="162">
        <v>0</v>
      </c>
      <c r="AC25" s="160">
        <v>7</v>
      </c>
      <c r="AD25" s="160">
        <v>18</v>
      </c>
      <c r="AE25" s="160">
        <v>1</v>
      </c>
      <c r="AF25" s="160">
        <v>1</v>
      </c>
      <c r="AG25" s="160">
        <v>4</v>
      </c>
      <c r="AH25" s="165">
        <v>31</v>
      </c>
      <c r="AI25" s="164">
        <v>38</v>
      </c>
      <c r="AJ25" s="159">
        <v>0</v>
      </c>
      <c r="AK25" s="160">
        <v>1</v>
      </c>
      <c r="AL25" s="165">
        <v>1</v>
      </c>
      <c r="AM25" s="162">
        <v>0</v>
      </c>
      <c r="AN25" s="160">
        <v>2</v>
      </c>
      <c r="AO25" s="160">
        <v>2</v>
      </c>
      <c r="AP25" s="160">
        <v>1</v>
      </c>
      <c r="AQ25" s="160">
        <v>0</v>
      </c>
      <c r="AR25" s="160">
        <v>0</v>
      </c>
      <c r="AS25" s="165">
        <v>5</v>
      </c>
      <c r="AT25" s="164">
        <v>6</v>
      </c>
      <c r="AU25" s="159">
        <v>3</v>
      </c>
      <c r="AV25" s="160">
        <v>0</v>
      </c>
      <c r="AW25" s="165">
        <v>3</v>
      </c>
      <c r="AX25" s="162">
        <v>0</v>
      </c>
      <c r="AY25" s="160">
        <v>14</v>
      </c>
      <c r="AZ25" s="160">
        <v>13</v>
      </c>
      <c r="BA25" s="160">
        <v>9</v>
      </c>
      <c r="BB25" s="160">
        <v>6</v>
      </c>
      <c r="BC25" s="160">
        <v>5</v>
      </c>
      <c r="BD25" s="163">
        <v>47</v>
      </c>
      <c r="BE25" s="164">
        <v>50</v>
      </c>
      <c r="BF25" s="159">
        <v>0</v>
      </c>
      <c r="BG25" s="160">
        <v>0</v>
      </c>
      <c r="BH25" s="165">
        <v>0</v>
      </c>
      <c r="BI25" s="162">
        <v>0</v>
      </c>
      <c r="BJ25" s="160">
        <v>11</v>
      </c>
      <c r="BK25" s="160">
        <v>23</v>
      </c>
      <c r="BL25" s="160">
        <v>3</v>
      </c>
      <c r="BM25" s="160">
        <v>2</v>
      </c>
      <c r="BN25" s="160">
        <v>3</v>
      </c>
      <c r="BO25" s="165">
        <v>42</v>
      </c>
      <c r="BP25" s="164">
        <v>42</v>
      </c>
      <c r="BQ25" s="159">
        <v>0</v>
      </c>
      <c r="BR25" s="160">
        <v>0</v>
      </c>
      <c r="BS25" s="165">
        <v>0</v>
      </c>
      <c r="BT25" s="162">
        <v>0</v>
      </c>
      <c r="BU25" s="160">
        <v>3</v>
      </c>
      <c r="BV25" s="160">
        <v>5</v>
      </c>
      <c r="BW25" s="160">
        <v>0</v>
      </c>
      <c r="BX25" s="160">
        <v>0</v>
      </c>
      <c r="BY25" s="160">
        <v>1</v>
      </c>
      <c r="BZ25" s="165">
        <v>9</v>
      </c>
      <c r="CA25" s="164">
        <v>9</v>
      </c>
      <c r="CB25" s="159">
        <v>0</v>
      </c>
      <c r="CC25" s="160">
        <v>0</v>
      </c>
      <c r="CD25" s="165">
        <v>0</v>
      </c>
      <c r="CE25" s="162">
        <v>0</v>
      </c>
      <c r="CF25" s="160">
        <v>0</v>
      </c>
      <c r="CG25" s="160">
        <v>2</v>
      </c>
      <c r="CH25" s="160">
        <v>1</v>
      </c>
      <c r="CI25" s="160">
        <v>2</v>
      </c>
      <c r="CJ25" s="160">
        <v>1</v>
      </c>
      <c r="CK25" s="165">
        <v>6</v>
      </c>
      <c r="CL25" s="164">
        <v>6</v>
      </c>
      <c r="CM25" s="159">
        <v>0</v>
      </c>
      <c r="CN25" s="160">
        <v>0</v>
      </c>
      <c r="CO25" s="165">
        <v>0</v>
      </c>
      <c r="CP25" s="162">
        <v>0</v>
      </c>
      <c r="CQ25" s="160">
        <v>1</v>
      </c>
      <c r="CR25" s="160">
        <v>1</v>
      </c>
      <c r="CS25" s="160">
        <v>0</v>
      </c>
      <c r="CT25" s="160">
        <v>0</v>
      </c>
      <c r="CU25" s="160">
        <v>0</v>
      </c>
      <c r="CV25" s="165">
        <v>2</v>
      </c>
      <c r="CW25" s="164">
        <v>2</v>
      </c>
      <c r="CX25" s="159">
        <v>0</v>
      </c>
      <c r="CY25" s="160">
        <v>0</v>
      </c>
      <c r="CZ25" s="165">
        <v>0</v>
      </c>
      <c r="DA25" s="162">
        <v>0</v>
      </c>
      <c r="DB25" s="160">
        <v>0</v>
      </c>
      <c r="DC25" s="160">
        <v>0</v>
      </c>
      <c r="DD25" s="160">
        <v>0</v>
      </c>
      <c r="DE25" s="160">
        <v>0</v>
      </c>
      <c r="DF25" s="160">
        <v>0</v>
      </c>
      <c r="DG25" s="165">
        <v>0</v>
      </c>
      <c r="DH25" s="164">
        <v>0</v>
      </c>
      <c r="DI25" s="159">
        <v>0</v>
      </c>
      <c r="DJ25" s="160">
        <v>0</v>
      </c>
      <c r="DK25" s="165">
        <v>0</v>
      </c>
      <c r="DL25" s="162">
        <v>0</v>
      </c>
      <c r="DM25" s="160">
        <v>0</v>
      </c>
      <c r="DN25" s="160">
        <v>0</v>
      </c>
      <c r="DO25" s="160">
        <v>0</v>
      </c>
      <c r="DP25" s="160">
        <v>0</v>
      </c>
      <c r="DQ25" s="160">
        <v>0</v>
      </c>
      <c r="DR25" s="165">
        <v>0</v>
      </c>
      <c r="DS25" s="164">
        <v>0</v>
      </c>
      <c r="DT25" s="159">
        <v>4</v>
      </c>
      <c r="DU25" s="160">
        <v>10</v>
      </c>
      <c r="DV25" s="165">
        <v>14</v>
      </c>
      <c r="DW25" s="162">
        <v>0</v>
      </c>
      <c r="DX25" s="160">
        <v>14</v>
      </c>
      <c r="DY25" s="160">
        <v>32</v>
      </c>
      <c r="DZ25" s="160">
        <v>3</v>
      </c>
      <c r="EA25" s="160">
        <v>4</v>
      </c>
      <c r="EB25" s="160">
        <v>5</v>
      </c>
      <c r="EC25" s="165">
        <v>58</v>
      </c>
      <c r="ED25" s="164">
        <v>72</v>
      </c>
      <c r="EE25" s="159">
        <v>3</v>
      </c>
      <c r="EF25" s="160">
        <v>0</v>
      </c>
      <c r="EG25" s="165">
        <v>3</v>
      </c>
      <c r="EH25" s="162">
        <v>0</v>
      </c>
      <c r="EI25" s="160">
        <v>4</v>
      </c>
      <c r="EJ25" s="160">
        <v>0</v>
      </c>
      <c r="EK25" s="160">
        <v>4</v>
      </c>
      <c r="EL25" s="160">
        <v>4</v>
      </c>
      <c r="EM25" s="160">
        <v>2</v>
      </c>
      <c r="EN25" s="165">
        <v>14</v>
      </c>
      <c r="EO25" s="164">
        <v>17</v>
      </c>
      <c r="EP25" s="159">
        <v>7</v>
      </c>
      <c r="EQ25" s="160">
        <v>13</v>
      </c>
      <c r="ER25" s="165">
        <v>20</v>
      </c>
      <c r="ES25" s="162">
        <v>0</v>
      </c>
      <c r="ET25" s="160">
        <v>34</v>
      </c>
      <c r="EU25" s="160">
        <v>43</v>
      </c>
      <c r="EV25" s="160">
        <v>5</v>
      </c>
      <c r="EW25" s="160">
        <v>3</v>
      </c>
      <c r="EX25" s="160">
        <v>7</v>
      </c>
      <c r="EY25" s="165">
        <v>92</v>
      </c>
      <c r="EZ25" s="164">
        <v>112</v>
      </c>
    </row>
    <row r="26" spans="2:156" ht="21" customHeight="1" x14ac:dyDescent="0.2">
      <c r="B26" s="166" t="s">
        <v>24</v>
      </c>
      <c r="C26" s="159">
        <v>0</v>
      </c>
      <c r="D26" s="160">
        <v>0</v>
      </c>
      <c r="E26" s="161">
        <v>0</v>
      </c>
      <c r="F26" s="162">
        <v>0</v>
      </c>
      <c r="G26" s="160">
        <v>6</v>
      </c>
      <c r="H26" s="160">
        <v>4</v>
      </c>
      <c r="I26" s="160">
        <v>4</v>
      </c>
      <c r="J26" s="160">
        <v>3</v>
      </c>
      <c r="K26" s="160">
        <v>3</v>
      </c>
      <c r="L26" s="163">
        <v>20</v>
      </c>
      <c r="M26" s="164">
        <v>20</v>
      </c>
      <c r="N26" s="159">
        <v>0</v>
      </c>
      <c r="O26" s="160">
        <v>0</v>
      </c>
      <c r="P26" s="165">
        <v>0</v>
      </c>
      <c r="Q26" s="162">
        <v>0</v>
      </c>
      <c r="R26" s="160">
        <v>0</v>
      </c>
      <c r="S26" s="160">
        <v>0</v>
      </c>
      <c r="T26" s="160">
        <v>0</v>
      </c>
      <c r="U26" s="160">
        <v>2</v>
      </c>
      <c r="V26" s="160">
        <v>0</v>
      </c>
      <c r="W26" s="165">
        <v>2</v>
      </c>
      <c r="X26" s="164">
        <v>2</v>
      </c>
      <c r="Y26" s="159">
        <v>1</v>
      </c>
      <c r="Z26" s="160">
        <v>1</v>
      </c>
      <c r="AA26" s="165">
        <v>2</v>
      </c>
      <c r="AB26" s="162">
        <v>0</v>
      </c>
      <c r="AC26" s="160">
        <v>9</v>
      </c>
      <c r="AD26" s="160">
        <v>8</v>
      </c>
      <c r="AE26" s="160">
        <v>10</v>
      </c>
      <c r="AF26" s="160">
        <v>5</v>
      </c>
      <c r="AG26" s="160">
        <v>1</v>
      </c>
      <c r="AH26" s="165">
        <v>33</v>
      </c>
      <c r="AI26" s="164">
        <v>35</v>
      </c>
      <c r="AJ26" s="159">
        <v>0</v>
      </c>
      <c r="AK26" s="160">
        <v>0</v>
      </c>
      <c r="AL26" s="165">
        <v>0</v>
      </c>
      <c r="AM26" s="162">
        <v>0</v>
      </c>
      <c r="AN26" s="160">
        <v>1</v>
      </c>
      <c r="AO26" s="160">
        <v>1</v>
      </c>
      <c r="AP26" s="160">
        <v>0</v>
      </c>
      <c r="AQ26" s="160">
        <v>0</v>
      </c>
      <c r="AR26" s="160">
        <v>0</v>
      </c>
      <c r="AS26" s="165">
        <v>2</v>
      </c>
      <c r="AT26" s="164">
        <v>2</v>
      </c>
      <c r="AU26" s="159">
        <v>3</v>
      </c>
      <c r="AV26" s="160">
        <v>0</v>
      </c>
      <c r="AW26" s="165">
        <v>3</v>
      </c>
      <c r="AX26" s="162">
        <v>0</v>
      </c>
      <c r="AY26" s="160">
        <v>10</v>
      </c>
      <c r="AZ26" s="160">
        <v>7</v>
      </c>
      <c r="BA26" s="160">
        <v>11</v>
      </c>
      <c r="BB26" s="160">
        <v>10</v>
      </c>
      <c r="BC26" s="160">
        <v>4</v>
      </c>
      <c r="BD26" s="163">
        <v>42</v>
      </c>
      <c r="BE26" s="164">
        <v>45</v>
      </c>
      <c r="BF26" s="159">
        <v>0</v>
      </c>
      <c r="BG26" s="160">
        <v>0</v>
      </c>
      <c r="BH26" s="165">
        <v>0</v>
      </c>
      <c r="BI26" s="162">
        <v>0</v>
      </c>
      <c r="BJ26" s="160">
        <v>9</v>
      </c>
      <c r="BK26" s="160">
        <v>8</v>
      </c>
      <c r="BL26" s="160">
        <v>4</v>
      </c>
      <c r="BM26" s="160">
        <v>3</v>
      </c>
      <c r="BN26" s="160">
        <v>1</v>
      </c>
      <c r="BO26" s="165">
        <v>25</v>
      </c>
      <c r="BP26" s="164">
        <v>25</v>
      </c>
      <c r="BQ26" s="159">
        <v>1</v>
      </c>
      <c r="BR26" s="160">
        <v>0</v>
      </c>
      <c r="BS26" s="165">
        <v>1</v>
      </c>
      <c r="BT26" s="162">
        <v>0</v>
      </c>
      <c r="BU26" s="160">
        <v>0</v>
      </c>
      <c r="BV26" s="160">
        <v>7</v>
      </c>
      <c r="BW26" s="160">
        <v>7</v>
      </c>
      <c r="BX26" s="160">
        <v>3</v>
      </c>
      <c r="BY26" s="160">
        <v>1</v>
      </c>
      <c r="BZ26" s="165">
        <v>18</v>
      </c>
      <c r="CA26" s="164">
        <v>19</v>
      </c>
      <c r="CB26" s="159">
        <v>0</v>
      </c>
      <c r="CC26" s="160">
        <v>0</v>
      </c>
      <c r="CD26" s="165">
        <v>0</v>
      </c>
      <c r="CE26" s="162">
        <v>0</v>
      </c>
      <c r="CF26" s="160">
        <v>1</v>
      </c>
      <c r="CG26" s="160">
        <v>4</v>
      </c>
      <c r="CH26" s="160">
        <v>1</v>
      </c>
      <c r="CI26" s="160">
        <v>5</v>
      </c>
      <c r="CJ26" s="160">
        <v>0</v>
      </c>
      <c r="CK26" s="165">
        <v>11</v>
      </c>
      <c r="CL26" s="164">
        <v>11</v>
      </c>
      <c r="CM26" s="159">
        <v>0</v>
      </c>
      <c r="CN26" s="160">
        <v>0</v>
      </c>
      <c r="CO26" s="165">
        <v>0</v>
      </c>
      <c r="CP26" s="162">
        <v>0</v>
      </c>
      <c r="CQ26" s="160">
        <v>0</v>
      </c>
      <c r="CR26" s="160">
        <v>0</v>
      </c>
      <c r="CS26" s="160">
        <v>1</v>
      </c>
      <c r="CT26" s="160">
        <v>0</v>
      </c>
      <c r="CU26" s="160">
        <v>0</v>
      </c>
      <c r="CV26" s="165">
        <v>1</v>
      </c>
      <c r="CW26" s="164">
        <v>1</v>
      </c>
      <c r="CX26" s="159">
        <v>0</v>
      </c>
      <c r="CY26" s="160">
        <v>0</v>
      </c>
      <c r="CZ26" s="165">
        <v>0</v>
      </c>
      <c r="DA26" s="162">
        <v>0</v>
      </c>
      <c r="DB26" s="160">
        <v>0</v>
      </c>
      <c r="DC26" s="160">
        <v>0</v>
      </c>
      <c r="DD26" s="160">
        <v>0</v>
      </c>
      <c r="DE26" s="160">
        <v>0</v>
      </c>
      <c r="DF26" s="160">
        <v>0</v>
      </c>
      <c r="DG26" s="165">
        <v>0</v>
      </c>
      <c r="DH26" s="164">
        <v>0</v>
      </c>
      <c r="DI26" s="159">
        <v>0</v>
      </c>
      <c r="DJ26" s="160">
        <v>0</v>
      </c>
      <c r="DK26" s="165">
        <v>0</v>
      </c>
      <c r="DL26" s="162">
        <v>0</v>
      </c>
      <c r="DM26" s="160">
        <v>0</v>
      </c>
      <c r="DN26" s="160">
        <v>0</v>
      </c>
      <c r="DO26" s="160">
        <v>0</v>
      </c>
      <c r="DP26" s="160">
        <v>0</v>
      </c>
      <c r="DQ26" s="160">
        <v>0</v>
      </c>
      <c r="DR26" s="165">
        <v>0</v>
      </c>
      <c r="DS26" s="164">
        <v>0</v>
      </c>
      <c r="DT26" s="159">
        <v>9</v>
      </c>
      <c r="DU26" s="160">
        <v>5</v>
      </c>
      <c r="DV26" s="165">
        <v>14</v>
      </c>
      <c r="DW26" s="162">
        <v>0</v>
      </c>
      <c r="DX26" s="160">
        <v>13</v>
      </c>
      <c r="DY26" s="160">
        <v>17</v>
      </c>
      <c r="DZ26" s="160">
        <v>15</v>
      </c>
      <c r="EA26" s="160">
        <v>11</v>
      </c>
      <c r="EB26" s="160">
        <v>4</v>
      </c>
      <c r="EC26" s="165">
        <v>60</v>
      </c>
      <c r="ED26" s="164">
        <v>74</v>
      </c>
      <c r="EE26" s="159">
        <v>1</v>
      </c>
      <c r="EF26" s="160">
        <v>0</v>
      </c>
      <c r="EG26" s="165">
        <v>1</v>
      </c>
      <c r="EH26" s="162">
        <v>0</v>
      </c>
      <c r="EI26" s="160">
        <v>5</v>
      </c>
      <c r="EJ26" s="160">
        <v>1</v>
      </c>
      <c r="EK26" s="160">
        <v>2</v>
      </c>
      <c r="EL26" s="160">
        <v>2</v>
      </c>
      <c r="EM26" s="160">
        <v>1</v>
      </c>
      <c r="EN26" s="165">
        <v>11</v>
      </c>
      <c r="EO26" s="164">
        <v>12</v>
      </c>
      <c r="EP26" s="159">
        <v>11</v>
      </c>
      <c r="EQ26" s="160">
        <v>6</v>
      </c>
      <c r="ER26" s="165">
        <v>17</v>
      </c>
      <c r="ES26" s="162">
        <v>0</v>
      </c>
      <c r="ET26" s="160">
        <v>27</v>
      </c>
      <c r="EU26" s="160">
        <v>25</v>
      </c>
      <c r="EV26" s="160">
        <v>18</v>
      </c>
      <c r="EW26" s="160">
        <v>11</v>
      </c>
      <c r="EX26" s="160">
        <v>4</v>
      </c>
      <c r="EY26" s="165">
        <v>85</v>
      </c>
      <c r="EZ26" s="164">
        <v>102</v>
      </c>
    </row>
    <row r="27" spans="2:156" ht="21" customHeight="1" x14ac:dyDescent="0.2">
      <c r="B27" s="166" t="s">
        <v>25</v>
      </c>
      <c r="C27" s="159">
        <v>0</v>
      </c>
      <c r="D27" s="160">
        <v>0</v>
      </c>
      <c r="E27" s="161">
        <v>0</v>
      </c>
      <c r="F27" s="162">
        <v>0</v>
      </c>
      <c r="G27" s="160">
        <v>4</v>
      </c>
      <c r="H27" s="160">
        <v>4</v>
      </c>
      <c r="I27" s="160">
        <v>2</v>
      </c>
      <c r="J27" s="160">
        <v>1</v>
      </c>
      <c r="K27" s="160">
        <v>0</v>
      </c>
      <c r="L27" s="163">
        <v>11</v>
      </c>
      <c r="M27" s="164">
        <v>11</v>
      </c>
      <c r="N27" s="159">
        <v>0</v>
      </c>
      <c r="O27" s="160">
        <v>0</v>
      </c>
      <c r="P27" s="165">
        <v>0</v>
      </c>
      <c r="Q27" s="162">
        <v>0</v>
      </c>
      <c r="R27" s="160">
        <v>0</v>
      </c>
      <c r="S27" s="160">
        <v>1</v>
      </c>
      <c r="T27" s="160">
        <v>1</v>
      </c>
      <c r="U27" s="160">
        <v>0</v>
      </c>
      <c r="V27" s="160">
        <v>0</v>
      </c>
      <c r="W27" s="165">
        <v>2</v>
      </c>
      <c r="X27" s="164">
        <v>2</v>
      </c>
      <c r="Y27" s="159">
        <v>1</v>
      </c>
      <c r="Z27" s="160">
        <v>3</v>
      </c>
      <c r="AA27" s="165">
        <v>4</v>
      </c>
      <c r="AB27" s="162">
        <v>0</v>
      </c>
      <c r="AC27" s="160">
        <v>2</v>
      </c>
      <c r="AD27" s="160">
        <v>7</v>
      </c>
      <c r="AE27" s="160">
        <v>3</v>
      </c>
      <c r="AF27" s="160">
        <v>2</v>
      </c>
      <c r="AG27" s="160">
        <v>0</v>
      </c>
      <c r="AH27" s="165">
        <v>14</v>
      </c>
      <c r="AI27" s="164">
        <v>18</v>
      </c>
      <c r="AJ27" s="159">
        <v>0</v>
      </c>
      <c r="AK27" s="160">
        <v>3</v>
      </c>
      <c r="AL27" s="165">
        <v>3</v>
      </c>
      <c r="AM27" s="162">
        <v>0</v>
      </c>
      <c r="AN27" s="160">
        <v>0</v>
      </c>
      <c r="AO27" s="160">
        <v>1</v>
      </c>
      <c r="AP27" s="160">
        <v>0</v>
      </c>
      <c r="AQ27" s="160">
        <v>0</v>
      </c>
      <c r="AR27" s="160">
        <v>0</v>
      </c>
      <c r="AS27" s="165">
        <v>1</v>
      </c>
      <c r="AT27" s="164">
        <v>4</v>
      </c>
      <c r="AU27" s="159">
        <v>0</v>
      </c>
      <c r="AV27" s="160">
        <v>1</v>
      </c>
      <c r="AW27" s="165">
        <v>1</v>
      </c>
      <c r="AX27" s="162">
        <v>0</v>
      </c>
      <c r="AY27" s="160">
        <v>5</v>
      </c>
      <c r="AZ27" s="160">
        <v>2</v>
      </c>
      <c r="BA27" s="160">
        <v>4</v>
      </c>
      <c r="BB27" s="160">
        <v>2</v>
      </c>
      <c r="BC27" s="160">
        <v>0</v>
      </c>
      <c r="BD27" s="163">
        <v>13</v>
      </c>
      <c r="BE27" s="164">
        <v>14</v>
      </c>
      <c r="BF27" s="159">
        <v>0</v>
      </c>
      <c r="BG27" s="160">
        <v>0</v>
      </c>
      <c r="BH27" s="165">
        <v>0</v>
      </c>
      <c r="BI27" s="162">
        <v>0</v>
      </c>
      <c r="BJ27" s="160">
        <v>6</v>
      </c>
      <c r="BK27" s="160">
        <v>2</v>
      </c>
      <c r="BL27" s="160">
        <v>0</v>
      </c>
      <c r="BM27" s="160">
        <v>0</v>
      </c>
      <c r="BN27" s="160">
        <v>0</v>
      </c>
      <c r="BO27" s="165">
        <v>8</v>
      </c>
      <c r="BP27" s="164">
        <v>8</v>
      </c>
      <c r="BQ27" s="159">
        <v>0</v>
      </c>
      <c r="BR27" s="160">
        <v>1</v>
      </c>
      <c r="BS27" s="165">
        <v>1</v>
      </c>
      <c r="BT27" s="162">
        <v>0</v>
      </c>
      <c r="BU27" s="160">
        <v>1</v>
      </c>
      <c r="BV27" s="160">
        <v>2</v>
      </c>
      <c r="BW27" s="160">
        <v>3</v>
      </c>
      <c r="BX27" s="160">
        <v>1</v>
      </c>
      <c r="BY27" s="160">
        <v>0</v>
      </c>
      <c r="BZ27" s="165">
        <v>7</v>
      </c>
      <c r="CA27" s="164">
        <v>8</v>
      </c>
      <c r="CB27" s="159">
        <v>0</v>
      </c>
      <c r="CC27" s="160">
        <v>0</v>
      </c>
      <c r="CD27" s="165">
        <v>0</v>
      </c>
      <c r="CE27" s="162">
        <v>0</v>
      </c>
      <c r="CF27" s="160">
        <v>2</v>
      </c>
      <c r="CG27" s="160">
        <v>1</v>
      </c>
      <c r="CH27" s="160">
        <v>0</v>
      </c>
      <c r="CI27" s="160">
        <v>0</v>
      </c>
      <c r="CJ27" s="160">
        <v>0</v>
      </c>
      <c r="CK27" s="165">
        <v>3</v>
      </c>
      <c r="CL27" s="164">
        <v>3</v>
      </c>
      <c r="CM27" s="159">
        <v>0</v>
      </c>
      <c r="CN27" s="160">
        <v>0</v>
      </c>
      <c r="CO27" s="165">
        <v>0</v>
      </c>
      <c r="CP27" s="162">
        <v>0</v>
      </c>
      <c r="CQ27" s="160">
        <v>1</v>
      </c>
      <c r="CR27" s="160">
        <v>0</v>
      </c>
      <c r="CS27" s="160">
        <v>1</v>
      </c>
      <c r="CT27" s="160">
        <v>0</v>
      </c>
      <c r="CU27" s="160">
        <v>0</v>
      </c>
      <c r="CV27" s="165">
        <v>2</v>
      </c>
      <c r="CW27" s="164">
        <v>2</v>
      </c>
      <c r="CX27" s="159">
        <v>0</v>
      </c>
      <c r="CY27" s="160">
        <v>0</v>
      </c>
      <c r="CZ27" s="165">
        <v>0</v>
      </c>
      <c r="DA27" s="162">
        <v>0</v>
      </c>
      <c r="DB27" s="160">
        <v>0</v>
      </c>
      <c r="DC27" s="160">
        <v>0</v>
      </c>
      <c r="DD27" s="160">
        <v>0</v>
      </c>
      <c r="DE27" s="160">
        <v>0</v>
      </c>
      <c r="DF27" s="160">
        <v>0</v>
      </c>
      <c r="DG27" s="165">
        <v>0</v>
      </c>
      <c r="DH27" s="164">
        <v>0</v>
      </c>
      <c r="DI27" s="159">
        <v>0</v>
      </c>
      <c r="DJ27" s="160">
        <v>0</v>
      </c>
      <c r="DK27" s="165">
        <v>0</v>
      </c>
      <c r="DL27" s="162">
        <v>0</v>
      </c>
      <c r="DM27" s="160">
        <v>0</v>
      </c>
      <c r="DN27" s="160">
        <v>0</v>
      </c>
      <c r="DO27" s="160">
        <v>0</v>
      </c>
      <c r="DP27" s="160">
        <v>0</v>
      </c>
      <c r="DQ27" s="160">
        <v>0</v>
      </c>
      <c r="DR27" s="165">
        <v>0</v>
      </c>
      <c r="DS27" s="164">
        <v>0</v>
      </c>
      <c r="DT27" s="159">
        <v>7</v>
      </c>
      <c r="DU27" s="160">
        <v>11</v>
      </c>
      <c r="DV27" s="165">
        <v>18</v>
      </c>
      <c r="DW27" s="162">
        <v>0</v>
      </c>
      <c r="DX27" s="160">
        <v>2</v>
      </c>
      <c r="DY27" s="160">
        <v>9</v>
      </c>
      <c r="DZ27" s="160">
        <v>4</v>
      </c>
      <c r="EA27" s="160">
        <v>3</v>
      </c>
      <c r="EB27" s="160">
        <v>0</v>
      </c>
      <c r="EC27" s="165">
        <v>18</v>
      </c>
      <c r="ED27" s="164">
        <v>36</v>
      </c>
      <c r="EE27" s="159">
        <v>0</v>
      </c>
      <c r="EF27" s="160">
        <v>1</v>
      </c>
      <c r="EG27" s="165">
        <v>1</v>
      </c>
      <c r="EH27" s="162">
        <v>0</v>
      </c>
      <c r="EI27" s="160">
        <v>5</v>
      </c>
      <c r="EJ27" s="160">
        <v>0</v>
      </c>
      <c r="EK27" s="160">
        <v>1</v>
      </c>
      <c r="EL27" s="160">
        <v>2</v>
      </c>
      <c r="EM27" s="160">
        <v>0</v>
      </c>
      <c r="EN27" s="165">
        <v>8</v>
      </c>
      <c r="EO27" s="164">
        <v>9</v>
      </c>
      <c r="EP27" s="159">
        <v>8</v>
      </c>
      <c r="EQ27" s="160">
        <v>13</v>
      </c>
      <c r="ER27" s="165">
        <v>21</v>
      </c>
      <c r="ES27" s="162">
        <v>0</v>
      </c>
      <c r="ET27" s="160">
        <v>14</v>
      </c>
      <c r="EU27" s="160">
        <v>11</v>
      </c>
      <c r="EV27" s="160">
        <v>7</v>
      </c>
      <c r="EW27" s="160">
        <v>3</v>
      </c>
      <c r="EX27" s="160">
        <v>0</v>
      </c>
      <c r="EY27" s="165">
        <v>35</v>
      </c>
      <c r="EZ27" s="164">
        <v>56</v>
      </c>
    </row>
    <row r="28" spans="2:156" ht="21" customHeight="1" x14ac:dyDescent="0.2">
      <c r="B28" s="166" t="s">
        <v>26</v>
      </c>
      <c r="C28" s="159">
        <v>0</v>
      </c>
      <c r="D28" s="160">
        <v>0</v>
      </c>
      <c r="E28" s="161">
        <v>0</v>
      </c>
      <c r="F28" s="162">
        <v>0</v>
      </c>
      <c r="G28" s="160">
        <v>8</v>
      </c>
      <c r="H28" s="160">
        <v>7</v>
      </c>
      <c r="I28" s="160">
        <v>4</v>
      </c>
      <c r="J28" s="160">
        <v>5</v>
      </c>
      <c r="K28" s="160">
        <v>3</v>
      </c>
      <c r="L28" s="163">
        <v>27</v>
      </c>
      <c r="M28" s="164">
        <v>27</v>
      </c>
      <c r="N28" s="159">
        <v>0</v>
      </c>
      <c r="O28" s="160">
        <v>0</v>
      </c>
      <c r="P28" s="165">
        <v>0</v>
      </c>
      <c r="Q28" s="162">
        <v>0</v>
      </c>
      <c r="R28" s="160">
        <v>0</v>
      </c>
      <c r="S28" s="160">
        <v>0</v>
      </c>
      <c r="T28" s="160">
        <v>0</v>
      </c>
      <c r="U28" s="160">
        <v>1</v>
      </c>
      <c r="V28" s="160">
        <v>1</v>
      </c>
      <c r="W28" s="165">
        <v>2</v>
      </c>
      <c r="X28" s="164">
        <v>2</v>
      </c>
      <c r="Y28" s="159">
        <v>1</v>
      </c>
      <c r="Z28" s="160">
        <v>0</v>
      </c>
      <c r="AA28" s="165">
        <v>1</v>
      </c>
      <c r="AB28" s="162">
        <v>0</v>
      </c>
      <c r="AC28" s="160">
        <v>6</v>
      </c>
      <c r="AD28" s="160">
        <v>7</v>
      </c>
      <c r="AE28" s="160">
        <v>3</v>
      </c>
      <c r="AF28" s="160">
        <v>6</v>
      </c>
      <c r="AG28" s="160">
        <v>3</v>
      </c>
      <c r="AH28" s="165">
        <v>25</v>
      </c>
      <c r="AI28" s="164">
        <v>26</v>
      </c>
      <c r="AJ28" s="159">
        <v>0</v>
      </c>
      <c r="AK28" s="160">
        <v>0</v>
      </c>
      <c r="AL28" s="165">
        <v>0</v>
      </c>
      <c r="AM28" s="162">
        <v>0</v>
      </c>
      <c r="AN28" s="160">
        <v>0</v>
      </c>
      <c r="AO28" s="160">
        <v>0</v>
      </c>
      <c r="AP28" s="160">
        <v>0</v>
      </c>
      <c r="AQ28" s="160">
        <v>0</v>
      </c>
      <c r="AR28" s="160">
        <v>0</v>
      </c>
      <c r="AS28" s="165">
        <v>0</v>
      </c>
      <c r="AT28" s="164">
        <v>0</v>
      </c>
      <c r="AU28" s="159">
        <v>2</v>
      </c>
      <c r="AV28" s="160">
        <v>0</v>
      </c>
      <c r="AW28" s="165">
        <v>2</v>
      </c>
      <c r="AX28" s="162">
        <v>0</v>
      </c>
      <c r="AY28" s="160">
        <v>4</v>
      </c>
      <c r="AZ28" s="160">
        <v>3</v>
      </c>
      <c r="BA28" s="160">
        <v>7</v>
      </c>
      <c r="BB28" s="160">
        <v>6</v>
      </c>
      <c r="BC28" s="160">
        <v>4</v>
      </c>
      <c r="BD28" s="163">
        <v>24</v>
      </c>
      <c r="BE28" s="164">
        <v>26</v>
      </c>
      <c r="BF28" s="159">
        <v>0</v>
      </c>
      <c r="BG28" s="160">
        <v>0</v>
      </c>
      <c r="BH28" s="165">
        <v>0</v>
      </c>
      <c r="BI28" s="162">
        <v>0</v>
      </c>
      <c r="BJ28" s="160">
        <v>8</v>
      </c>
      <c r="BK28" s="160">
        <v>6</v>
      </c>
      <c r="BL28" s="160">
        <v>2</v>
      </c>
      <c r="BM28" s="160">
        <v>3</v>
      </c>
      <c r="BN28" s="160">
        <v>0</v>
      </c>
      <c r="BO28" s="165">
        <v>19</v>
      </c>
      <c r="BP28" s="164">
        <v>19</v>
      </c>
      <c r="BQ28" s="159">
        <v>0</v>
      </c>
      <c r="BR28" s="160">
        <v>0</v>
      </c>
      <c r="BS28" s="165">
        <v>0</v>
      </c>
      <c r="BT28" s="162">
        <v>0</v>
      </c>
      <c r="BU28" s="160">
        <v>5</v>
      </c>
      <c r="BV28" s="160">
        <v>2</v>
      </c>
      <c r="BW28" s="160">
        <v>0</v>
      </c>
      <c r="BX28" s="160">
        <v>1</v>
      </c>
      <c r="BY28" s="160">
        <v>0</v>
      </c>
      <c r="BZ28" s="165">
        <v>8</v>
      </c>
      <c r="CA28" s="164">
        <v>8</v>
      </c>
      <c r="CB28" s="159">
        <v>0</v>
      </c>
      <c r="CC28" s="160">
        <v>0</v>
      </c>
      <c r="CD28" s="165">
        <v>0</v>
      </c>
      <c r="CE28" s="162">
        <v>0</v>
      </c>
      <c r="CF28" s="160">
        <v>2</v>
      </c>
      <c r="CG28" s="160">
        <v>2</v>
      </c>
      <c r="CH28" s="160">
        <v>2</v>
      </c>
      <c r="CI28" s="160">
        <v>1</v>
      </c>
      <c r="CJ28" s="160">
        <v>0</v>
      </c>
      <c r="CK28" s="165">
        <v>7</v>
      </c>
      <c r="CL28" s="164">
        <v>7</v>
      </c>
      <c r="CM28" s="159">
        <v>0</v>
      </c>
      <c r="CN28" s="160">
        <v>0</v>
      </c>
      <c r="CO28" s="165">
        <v>0</v>
      </c>
      <c r="CP28" s="162">
        <v>0</v>
      </c>
      <c r="CQ28" s="160">
        <v>0</v>
      </c>
      <c r="CR28" s="160">
        <v>0</v>
      </c>
      <c r="CS28" s="160">
        <v>0</v>
      </c>
      <c r="CT28" s="160">
        <v>1</v>
      </c>
      <c r="CU28" s="160">
        <v>0</v>
      </c>
      <c r="CV28" s="165">
        <v>1</v>
      </c>
      <c r="CW28" s="164">
        <v>1</v>
      </c>
      <c r="CX28" s="159">
        <v>0</v>
      </c>
      <c r="CY28" s="160">
        <v>0</v>
      </c>
      <c r="CZ28" s="165">
        <v>0</v>
      </c>
      <c r="DA28" s="162">
        <v>0</v>
      </c>
      <c r="DB28" s="160">
        <v>0</v>
      </c>
      <c r="DC28" s="160">
        <v>0</v>
      </c>
      <c r="DD28" s="160">
        <v>0</v>
      </c>
      <c r="DE28" s="160">
        <v>0</v>
      </c>
      <c r="DF28" s="160">
        <v>0</v>
      </c>
      <c r="DG28" s="165">
        <v>0</v>
      </c>
      <c r="DH28" s="164">
        <v>0</v>
      </c>
      <c r="DI28" s="159">
        <v>0</v>
      </c>
      <c r="DJ28" s="160">
        <v>0</v>
      </c>
      <c r="DK28" s="165">
        <v>0</v>
      </c>
      <c r="DL28" s="162">
        <v>0</v>
      </c>
      <c r="DM28" s="160">
        <v>0</v>
      </c>
      <c r="DN28" s="160">
        <v>0</v>
      </c>
      <c r="DO28" s="160">
        <v>0</v>
      </c>
      <c r="DP28" s="160">
        <v>0</v>
      </c>
      <c r="DQ28" s="160">
        <v>0</v>
      </c>
      <c r="DR28" s="165">
        <v>0</v>
      </c>
      <c r="DS28" s="164">
        <v>0</v>
      </c>
      <c r="DT28" s="159">
        <v>6</v>
      </c>
      <c r="DU28" s="160">
        <v>8</v>
      </c>
      <c r="DV28" s="165">
        <v>14</v>
      </c>
      <c r="DW28" s="162">
        <v>0</v>
      </c>
      <c r="DX28" s="160">
        <v>17</v>
      </c>
      <c r="DY28" s="160">
        <v>10</v>
      </c>
      <c r="DZ28" s="160">
        <v>7</v>
      </c>
      <c r="EA28" s="160">
        <v>9</v>
      </c>
      <c r="EB28" s="160">
        <v>4</v>
      </c>
      <c r="EC28" s="165">
        <v>47</v>
      </c>
      <c r="ED28" s="164">
        <v>61</v>
      </c>
      <c r="EE28" s="159">
        <v>1</v>
      </c>
      <c r="EF28" s="160">
        <v>0</v>
      </c>
      <c r="EG28" s="165">
        <v>1</v>
      </c>
      <c r="EH28" s="162">
        <v>0</v>
      </c>
      <c r="EI28" s="160">
        <v>2</v>
      </c>
      <c r="EJ28" s="160">
        <v>2</v>
      </c>
      <c r="EK28" s="160">
        <v>2</v>
      </c>
      <c r="EL28" s="160">
        <v>1</v>
      </c>
      <c r="EM28" s="160">
        <v>0</v>
      </c>
      <c r="EN28" s="165">
        <v>7</v>
      </c>
      <c r="EO28" s="164">
        <v>8</v>
      </c>
      <c r="EP28" s="159">
        <v>7</v>
      </c>
      <c r="EQ28" s="160">
        <v>8</v>
      </c>
      <c r="ER28" s="165">
        <v>15</v>
      </c>
      <c r="ES28" s="162">
        <v>0</v>
      </c>
      <c r="ET28" s="160">
        <v>28</v>
      </c>
      <c r="EU28" s="160">
        <v>12</v>
      </c>
      <c r="EV28" s="160">
        <v>10</v>
      </c>
      <c r="EW28" s="160">
        <v>8</v>
      </c>
      <c r="EX28" s="160">
        <v>3</v>
      </c>
      <c r="EY28" s="165">
        <v>61</v>
      </c>
      <c r="EZ28" s="164">
        <v>76</v>
      </c>
    </row>
    <row r="29" spans="2:156" ht="21" customHeight="1" x14ac:dyDescent="0.2">
      <c r="B29" s="166" t="s">
        <v>27</v>
      </c>
      <c r="C29" s="159">
        <v>0</v>
      </c>
      <c r="D29" s="160">
        <v>0</v>
      </c>
      <c r="E29" s="161">
        <v>0</v>
      </c>
      <c r="F29" s="162">
        <v>0</v>
      </c>
      <c r="G29" s="160">
        <v>3</v>
      </c>
      <c r="H29" s="160">
        <v>5</v>
      </c>
      <c r="I29" s="160">
        <v>3</v>
      </c>
      <c r="J29" s="160">
        <v>3</v>
      </c>
      <c r="K29" s="160">
        <v>3</v>
      </c>
      <c r="L29" s="163">
        <v>17</v>
      </c>
      <c r="M29" s="164">
        <v>17</v>
      </c>
      <c r="N29" s="159">
        <v>0</v>
      </c>
      <c r="O29" s="160">
        <v>0</v>
      </c>
      <c r="P29" s="165">
        <v>0</v>
      </c>
      <c r="Q29" s="162">
        <v>0</v>
      </c>
      <c r="R29" s="160">
        <v>0</v>
      </c>
      <c r="S29" s="160">
        <v>1</v>
      </c>
      <c r="T29" s="160">
        <v>0</v>
      </c>
      <c r="U29" s="160">
        <v>1</v>
      </c>
      <c r="V29" s="160">
        <v>0</v>
      </c>
      <c r="W29" s="165">
        <v>2</v>
      </c>
      <c r="X29" s="164">
        <v>2</v>
      </c>
      <c r="Y29" s="159">
        <v>3</v>
      </c>
      <c r="Z29" s="160">
        <v>5</v>
      </c>
      <c r="AA29" s="165">
        <v>8</v>
      </c>
      <c r="AB29" s="162">
        <v>0</v>
      </c>
      <c r="AC29" s="160">
        <v>4</v>
      </c>
      <c r="AD29" s="160">
        <v>3</v>
      </c>
      <c r="AE29" s="160">
        <v>5</v>
      </c>
      <c r="AF29" s="160">
        <v>2</v>
      </c>
      <c r="AG29" s="160">
        <v>3</v>
      </c>
      <c r="AH29" s="165">
        <v>17</v>
      </c>
      <c r="AI29" s="164">
        <v>25</v>
      </c>
      <c r="AJ29" s="159">
        <v>0</v>
      </c>
      <c r="AK29" s="160">
        <v>0</v>
      </c>
      <c r="AL29" s="165">
        <v>0</v>
      </c>
      <c r="AM29" s="162">
        <v>0</v>
      </c>
      <c r="AN29" s="160">
        <v>0</v>
      </c>
      <c r="AO29" s="160">
        <v>0</v>
      </c>
      <c r="AP29" s="160">
        <v>0</v>
      </c>
      <c r="AQ29" s="160">
        <v>0</v>
      </c>
      <c r="AR29" s="160">
        <v>0</v>
      </c>
      <c r="AS29" s="165">
        <v>0</v>
      </c>
      <c r="AT29" s="164">
        <v>0</v>
      </c>
      <c r="AU29" s="159">
        <v>2</v>
      </c>
      <c r="AV29" s="160">
        <v>2</v>
      </c>
      <c r="AW29" s="165">
        <v>4</v>
      </c>
      <c r="AX29" s="162">
        <v>0</v>
      </c>
      <c r="AY29" s="160">
        <v>9</v>
      </c>
      <c r="AZ29" s="160">
        <v>3</v>
      </c>
      <c r="BA29" s="160">
        <v>7</v>
      </c>
      <c r="BB29" s="160">
        <v>6</v>
      </c>
      <c r="BC29" s="160">
        <v>4</v>
      </c>
      <c r="BD29" s="163">
        <v>29</v>
      </c>
      <c r="BE29" s="164">
        <v>33</v>
      </c>
      <c r="BF29" s="159">
        <v>0</v>
      </c>
      <c r="BG29" s="160">
        <v>0</v>
      </c>
      <c r="BH29" s="165">
        <v>0</v>
      </c>
      <c r="BI29" s="162">
        <v>0</v>
      </c>
      <c r="BJ29" s="160">
        <v>7</v>
      </c>
      <c r="BK29" s="160">
        <v>5</v>
      </c>
      <c r="BL29" s="160">
        <v>2</v>
      </c>
      <c r="BM29" s="160">
        <v>3</v>
      </c>
      <c r="BN29" s="160">
        <v>0</v>
      </c>
      <c r="BO29" s="165">
        <v>17</v>
      </c>
      <c r="BP29" s="164">
        <v>17</v>
      </c>
      <c r="BQ29" s="159">
        <v>2</v>
      </c>
      <c r="BR29" s="160">
        <v>2</v>
      </c>
      <c r="BS29" s="165">
        <v>4</v>
      </c>
      <c r="BT29" s="162">
        <v>0</v>
      </c>
      <c r="BU29" s="160">
        <v>1</v>
      </c>
      <c r="BV29" s="160">
        <v>2</v>
      </c>
      <c r="BW29" s="160">
        <v>0</v>
      </c>
      <c r="BX29" s="160">
        <v>0</v>
      </c>
      <c r="BY29" s="160">
        <v>0</v>
      </c>
      <c r="BZ29" s="165">
        <v>3</v>
      </c>
      <c r="CA29" s="164">
        <v>7</v>
      </c>
      <c r="CB29" s="159">
        <v>0</v>
      </c>
      <c r="CC29" s="160">
        <v>0</v>
      </c>
      <c r="CD29" s="165">
        <v>0</v>
      </c>
      <c r="CE29" s="162">
        <v>0</v>
      </c>
      <c r="CF29" s="160">
        <v>0</v>
      </c>
      <c r="CG29" s="160">
        <v>0</v>
      </c>
      <c r="CH29" s="160">
        <v>0</v>
      </c>
      <c r="CI29" s="160">
        <v>1</v>
      </c>
      <c r="CJ29" s="160">
        <v>0</v>
      </c>
      <c r="CK29" s="165">
        <v>1</v>
      </c>
      <c r="CL29" s="164">
        <v>1</v>
      </c>
      <c r="CM29" s="159">
        <v>0</v>
      </c>
      <c r="CN29" s="160">
        <v>0</v>
      </c>
      <c r="CO29" s="165">
        <v>0</v>
      </c>
      <c r="CP29" s="162">
        <v>0</v>
      </c>
      <c r="CQ29" s="160">
        <v>0</v>
      </c>
      <c r="CR29" s="160">
        <v>0</v>
      </c>
      <c r="CS29" s="160">
        <v>0</v>
      </c>
      <c r="CT29" s="160">
        <v>0</v>
      </c>
      <c r="CU29" s="160">
        <v>0</v>
      </c>
      <c r="CV29" s="165">
        <v>0</v>
      </c>
      <c r="CW29" s="164">
        <v>0</v>
      </c>
      <c r="CX29" s="159">
        <v>0</v>
      </c>
      <c r="CY29" s="160">
        <v>0</v>
      </c>
      <c r="CZ29" s="165">
        <v>0</v>
      </c>
      <c r="DA29" s="162">
        <v>0</v>
      </c>
      <c r="DB29" s="160">
        <v>0</v>
      </c>
      <c r="DC29" s="160">
        <v>0</v>
      </c>
      <c r="DD29" s="160">
        <v>0</v>
      </c>
      <c r="DE29" s="160">
        <v>0</v>
      </c>
      <c r="DF29" s="160">
        <v>0</v>
      </c>
      <c r="DG29" s="165">
        <v>0</v>
      </c>
      <c r="DH29" s="164">
        <v>0</v>
      </c>
      <c r="DI29" s="159">
        <v>0</v>
      </c>
      <c r="DJ29" s="160">
        <v>0</v>
      </c>
      <c r="DK29" s="165">
        <v>0</v>
      </c>
      <c r="DL29" s="162">
        <v>0</v>
      </c>
      <c r="DM29" s="160">
        <v>0</v>
      </c>
      <c r="DN29" s="160">
        <v>0</v>
      </c>
      <c r="DO29" s="160">
        <v>0</v>
      </c>
      <c r="DP29" s="160">
        <v>0</v>
      </c>
      <c r="DQ29" s="160">
        <v>0</v>
      </c>
      <c r="DR29" s="165">
        <v>0</v>
      </c>
      <c r="DS29" s="164">
        <v>0</v>
      </c>
      <c r="DT29" s="159">
        <v>13</v>
      </c>
      <c r="DU29" s="160">
        <v>12</v>
      </c>
      <c r="DV29" s="165">
        <v>25</v>
      </c>
      <c r="DW29" s="162">
        <v>0</v>
      </c>
      <c r="DX29" s="160">
        <v>4</v>
      </c>
      <c r="DY29" s="160">
        <v>11</v>
      </c>
      <c r="DZ29" s="160">
        <v>8</v>
      </c>
      <c r="EA29" s="160">
        <v>6</v>
      </c>
      <c r="EB29" s="160">
        <v>4</v>
      </c>
      <c r="EC29" s="165">
        <v>33</v>
      </c>
      <c r="ED29" s="164">
        <v>58</v>
      </c>
      <c r="EE29" s="159">
        <v>2</v>
      </c>
      <c r="EF29" s="160">
        <v>0</v>
      </c>
      <c r="EG29" s="165">
        <v>2</v>
      </c>
      <c r="EH29" s="162">
        <v>0</v>
      </c>
      <c r="EI29" s="160">
        <v>4</v>
      </c>
      <c r="EJ29" s="160">
        <v>1</v>
      </c>
      <c r="EK29" s="160">
        <v>0</v>
      </c>
      <c r="EL29" s="160">
        <v>4</v>
      </c>
      <c r="EM29" s="160">
        <v>1</v>
      </c>
      <c r="EN29" s="165">
        <v>10</v>
      </c>
      <c r="EO29" s="164">
        <v>12</v>
      </c>
      <c r="EP29" s="159">
        <v>14</v>
      </c>
      <c r="EQ29" s="160">
        <v>16</v>
      </c>
      <c r="ER29" s="165">
        <v>30</v>
      </c>
      <c r="ES29" s="162">
        <v>0</v>
      </c>
      <c r="ET29" s="160">
        <v>12</v>
      </c>
      <c r="EU29" s="160">
        <v>11</v>
      </c>
      <c r="EV29" s="160">
        <v>8</v>
      </c>
      <c r="EW29" s="160">
        <v>7</v>
      </c>
      <c r="EX29" s="160">
        <v>4</v>
      </c>
      <c r="EY29" s="165">
        <v>42</v>
      </c>
      <c r="EZ29" s="164">
        <v>72</v>
      </c>
    </row>
    <row r="30" spans="2:156" ht="21" customHeight="1" x14ac:dyDescent="0.2">
      <c r="B30" s="166" t="s">
        <v>28</v>
      </c>
      <c r="C30" s="159">
        <v>0</v>
      </c>
      <c r="D30" s="160">
        <v>0</v>
      </c>
      <c r="E30" s="161">
        <v>0</v>
      </c>
      <c r="F30" s="162">
        <v>0</v>
      </c>
      <c r="G30" s="160">
        <v>0</v>
      </c>
      <c r="H30" s="160">
        <v>0</v>
      </c>
      <c r="I30" s="160">
        <v>2</v>
      </c>
      <c r="J30" s="160">
        <v>0</v>
      </c>
      <c r="K30" s="160">
        <v>0</v>
      </c>
      <c r="L30" s="163">
        <v>2</v>
      </c>
      <c r="M30" s="164">
        <v>2</v>
      </c>
      <c r="N30" s="159">
        <v>0</v>
      </c>
      <c r="O30" s="160">
        <v>0</v>
      </c>
      <c r="P30" s="165">
        <v>0</v>
      </c>
      <c r="Q30" s="162">
        <v>0</v>
      </c>
      <c r="R30" s="160">
        <v>0</v>
      </c>
      <c r="S30" s="160">
        <v>0</v>
      </c>
      <c r="T30" s="160">
        <v>1</v>
      </c>
      <c r="U30" s="160">
        <v>0</v>
      </c>
      <c r="V30" s="160">
        <v>0</v>
      </c>
      <c r="W30" s="165">
        <v>1</v>
      </c>
      <c r="X30" s="164">
        <v>1</v>
      </c>
      <c r="Y30" s="159">
        <v>0</v>
      </c>
      <c r="Z30" s="160">
        <v>0</v>
      </c>
      <c r="AA30" s="165">
        <v>0</v>
      </c>
      <c r="AB30" s="162">
        <v>0</v>
      </c>
      <c r="AC30" s="160">
        <v>1</v>
      </c>
      <c r="AD30" s="160">
        <v>0</v>
      </c>
      <c r="AE30" s="160">
        <v>2</v>
      </c>
      <c r="AF30" s="160">
        <v>1</v>
      </c>
      <c r="AG30" s="160">
        <v>0</v>
      </c>
      <c r="AH30" s="165">
        <v>4</v>
      </c>
      <c r="AI30" s="164">
        <v>4</v>
      </c>
      <c r="AJ30" s="159">
        <v>0</v>
      </c>
      <c r="AK30" s="160">
        <v>0</v>
      </c>
      <c r="AL30" s="165">
        <v>0</v>
      </c>
      <c r="AM30" s="162">
        <v>0</v>
      </c>
      <c r="AN30" s="160">
        <v>0</v>
      </c>
      <c r="AO30" s="160">
        <v>0</v>
      </c>
      <c r="AP30" s="160">
        <v>0</v>
      </c>
      <c r="AQ30" s="160">
        <v>0</v>
      </c>
      <c r="AR30" s="160">
        <v>0</v>
      </c>
      <c r="AS30" s="165">
        <v>0</v>
      </c>
      <c r="AT30" s="164">
        <v>0</v>
      </c>
      <c r="AU30" s="159">
        <v>0</v>
      </c>
      <c r="AV30" s="160">
        <v>0</v>
      </c>
      <c r="AW30" s="165">
        <v>0</v>
      </c>
      <c r="AX30" s="162">
        <v>0</v>
      </c>
      <c r="AY30" s="160">
        <v>3</v>
      </c>
      <c r="AZ30" s="160">
        <v>1</v>
      </c>
      <c r="BA30" s="160">
        <v>2</v>
      </c>
      <c r="BB30" s="160">
        <v>0</v>
      </c>
      <c r="BC30" s="160">
        <v>1</v>
      </c>
      <c r="BD30" s="163">
        <v>7</v>
      </c>
      <c r="BE30" s="164">
        <v>7</v>
      </c>
      <c r="BF30" s="159">
        <v>0</v>
      </c>
      <c r="BG30" s="160">
        <v>0</v>
      </c>
      <c r="BH30" s="165">
        <v>0</v>
      </c>
      <c r="BI30" s="162">
        <v>0</v>
      </c>
      <c r="BJ30" s="160">
        <v>0</v>
      </c>
      <c r="BK30" s="160">
        <v>6</v>
      </c>
      <c r="BL30" s="160">
        <v>1</v>
      </c>
      <c r="BM30" s="160">
        <v>0</v>
      </c>
      <c r="BN30" s="160">
        <v>0</v>
      </c>
      <c r="BO30" s="165">
        <v>7</v>
      </c>
      <c r="BP30" s="164">
        <v>7</v>
      </c>
      <c r="BQ30" s="159">
        <v>0</v>
      </c>
      <c r="BR30" s="160">
        <v>0</v>
      </c>
      <c r="BS30" s="165">
        <v>0</v>
      </c>
      <c r="BT30" s="162">
        <v>0</v>
      </c>
      <c r="BU30" s="160">
        <v>1</v>
      </c>
      <c r="BV30" s="160">
        <v>0</v>
      </c>
      <c r="BW30" s="160">
        <v>0</v>
      </c>
      <c r="BX30" s="160">
        <v>0</v>
      </c>
      <c r="BY30" s="160">
        <v>0</v>
      </c>
      <c r="BZ30" s="165">
        <v>1</v>
      </c>
      <c r="CA30" s="164">
        <v>1</v>
      </c>
      <c r="CB30" s="159">
        <v>0</v>
      </c>
      <c r="CC30" s="160">
        <v>0</v>
      </c>
      <c r="CD30" s="165">
        <v>0</v>
      </c>
      <c r="CE30" s="162">
        <v>0</v>
      </c>
      <c r="CF30" s="160">
        <v>0</v>
      </c>
      <c r="CG30" s="160">
        <v>1</v>
      </c>
      <c r="CH30" s="160">
        <v>0</v>
      </c>
      <c r="CI30" s="160">
        <v>0</v>
      </c>
      <c r="CJ30" s="160">
        <v>0</v>
      </c>
      <c r="CK30" s="165">
        <v>1</v>
      </c>
      <c r="CL30" s="164">
        <v>1</v>
      </c>
      <c r="CM30" s="159">
        <v>0</v>
      </c>
      <c r="CN30" s="160">
        <v>0</v>
      </c>
      <c r="CO30" s="165">
        <v>0</v>
      </c>
      <c r="CP30" s="162">
        <v>0</v>
      </c>
      <c r="CQ30" s="160">
        <v>0</v>
      </c>
      <c r="CR30" s="160">
        <v>0</v>
      </c>
      <c r="CS30" s="160">
        <v>1</v>
      </c>
      <c r="CT30" s="160">
        <v>0</v>
      </c>
      <c r="CU30" s="160">
        <v>0</v>
      </c>
      <c r="CV30" s="165">
        <v>1</v>
      </c>
      <c r="CW30" s="164">
        <v>1</v>
      </c>
      <c r="CX30" s="159">
        <v>0</v>
      </c>
      <c r="CY30" s="160">
        <v>0</v>
      </c>
      <c r="CZ30" s="165">
        <v>0</v>
      </c>
      <c r="DA30" s="162">
        <v>0</v>
      </c>
      <c r="DB30" s="160">
        <v>0</v>
      </c>
      <c r="DC30" s="160">
        <v>0</v>
      </c>
      <c r="DD30" s="160">
        <v>0</v>
      </c>
      <c r="DE30" s="160">
        <v>0</v>
      </c>
      <c r="DF30" s="160">
        <v>0</v>
      </c>
      <c r="DG30" s="165">
        <v>0</v>
      </c>
      <c r="DH30" s="164">
        <v>0</v>
      </c>
      <c r="DI30" s="159">
        <v>0</v>
      </c>
      <c r="DJ30" s="160">
        <v>0</v>
      </c>
      <c r="DK30" s="165">
        <v>0</v>
      </c>
      <c r="DL30" s="162">
        <v>0</v>
      </c>
      <c r="DM30" s="160">
        <v>0</v>
      </c>
      <c r="DN30" s="160">
        <v>0</v>
      </c>
      <c r="DO30" s="160">
        <v>0</v>
      </c>
      <c r="DP30" s="160">
        <v>0</v>
      </c>
      <c r="DQ30" s="160">
        <v>0</v>
      </c>
      <c r="DR30" s="165">
        <v>0</v>
      </c>
      <c r="DS30" s="164">
        <v>0</v>
      </c>
      <c r="DT30" s="159">
        <v>0</v>
      </c>
      <c r="DU30" s="160">
        <v>1</v>
      </c>
      <c r="DV30" s="165">
        <v>1</v>
      </c>
      <c r="DW30" s="162">
        <v>0</v>
      </c>
      <c r="DX30" s="160">
        <v>3</v>
      </c>
      <c r="DY30" s="160">
        <v>6</v>
      </c>
      <c r="DZ30" s="160">
        <v>2</v>
      </c>
      <c r="EA30" s="160">
        <v>1</v>
      </c>
      <c r="EB30" s="160">
        <v>0</v>
      </c>
      <c r="EC30" s="165">
        <v>12</v>
      </c>
      <c r="ED30" s="164">
        <v>13</v>
      </c>
      <c r="EE30" s="159">
        <v>0</v>
      </c>
      <c r="EF30" s="160">
        <v>0</v>
      </c>
      <c r="EG30" s="165">
        <v>0</v>
      </c>
      <c r="EH30" s="162">
        <v>0</v>
      </c>
      <c r="EI30" s="160">
        <v>3</v>
      </c>
      <c r="EJ30" s="160">
        <v>0</v>
      </c>
      <c r="EK30" s="160">
        <v>1</v>
      </c>
      <c r="EL30" s="160">
        <v>0</v>
      </c>
      <c r="EM30" s="160">
        <v>0</v>
      </c>
      <c r="EN30" s="165">
        <v>4</v>
      </c>
      <c r="EO30" s="164">
        <v>4</v>
      </c>
      <c r="EP30" s="159">
        <v>0</v>
      </c>
      <c r="EQ30" s="160">
        <v>1</v>
      </c>
      <c r="ER30" s="165">
        <v>1</v>
      </c>
      <c r="ES30" s="162">
        <v>0</v>
      </c>
      <c r="ET30" s="160">
        <v>8</v>
      </c>
      <c r="EU30" s="160">
        <v>8</v>
      </c>
      <c r="EV30" s="160">
        <v>3</v>
      </c>
      <c r="EW30" s="160">
        <v>1</v>
      </c>
      <c r="EX30" s="160">
        <v>0</v>
      </c>
      <c r="EY30" s="165">
        <v>20</v>
      </c>
      <c r="EZ30" s="164">
        <v>21</v>
      </c>
    </row>
    <row r="31" spans="2:156" ht="21" customHeight="1" x14ac:dyDescent="0.2">
      <c r="B31" s="166" t="s">
        <v>29</v>
      </c>
      <c r="C31" s="159">
        <v>0</v>
      </c>
      <c r="D31" s="160">
        <v>0</v>
      </c>
      <c r="E31" s="161">
        <v>0</v>
      </c>
      <c r="F31" s="162">
        <v>0</v>
      </c>
      <c r="G31" s="160">
        <v>0</v>
      </c>
      <c r="H31" s="160">
        <v>2</v>
      </c>
      <c r="I31" s="160">
        <v>0</v>
      </c>
      <c r="J31" s="160">
        <v>2</v>
      </c>
      <c r="K31" s="160">
        <v>0</v>
      </c>
      <c r="L31" s="163">
        <v>4</v>
      </c>
      <c r="M31" s="164">
        <v>4</v>
      </c>
      <c r="N31" s="159">
        <v>0</v>
      </c>
      <c r="O31" s="160">
        <v>0</v>
      </c>
      <c r="P31" s="165">
        <v>0</v>
      </c>
      <c r="Q31" s="162">
        <v>0</v>
      </c>
      <c r="R31" s="160">
        <v>0</v>
      </c>
      <c r="S31" s="160">
        <v>0</v>
      </c>
      <c r="T31" s="160">
        <v>0</v>
      </c>
      <c r="U31" s="160">
        <v>1</v>
      </c>
      <c r="V31" s="160">
        <v>1</v>
      </c>
      <c r="W31" s="165">
        <v>2</v>
      </c>
      <c r="X31" s="164">
        <v>2</v>
      </c>
      <c r="Y31" s="159">
        <v>1</v>
      </c>
      <c r="Z31" s="160">
        <v>0</v>
      </c>
      <c r="AA31" s="165">
        <v>1</v>
      </c>
      <c r="AB31" s="162">
        <v>0</v>
      </c>
      <c r="AC31" s="160">
        <v>0</v>
      </c>
      <c r="AD31" s="160">
        <v>2</v>
      </c>
      <c r="AE31" s="160">
        <v>2</v>
      </c>
      <c r="AF31" s="160">
        <v>1</v>
      </c>
      <c r="AG31" s="160">
        <v>0</v>
      </c>
      <c r="AH31" s="165">
        <v>5</v>
      </c>
      <c r="AI31" s="164">
        <v>6</v>
      </c>
      <c r="AJ31" s="159">
        <v>0</v>
      </c>
      <c r="AK31" s="160">
        <v>0</v>
      </c>
      <c r="AL31" s="165">
        <v>0</v>
      </c>
      <c r="AM31" s="162">
        <v>0</v>
      </c>
      <c r="AN31" s="160">
        <v>0</v>
      </c>
      <c r="AO31" s="160">
        <v>1</v>
      </c>
      <c r="AP31" s="160">
        <v>0</v>
      </c>
      <c r="AQ31" s="160">
        <v>0</v>
      </c>
      <c r="AR31" s="160">
        <v>0</v>
      </c>
      <c r="AS31" s="165">
        <v>1</v>
      </c>
      <c r="AT31" s="164">
        <v>1</v>
      </c>
      <c r="AU31" s="159">
        <v>1</v>
      </c>
      <c r="AV31" s="160">
        <v>0</v>
      </c>
      <c r="AW31" s="165">
        <v>1</v>
      </c>
      <c r="AX31" s="162">
        <v>0</v>
      </c>
      <c r="AY31" s="160">
        <v>2</v>
      </c>
      <c r="AZ31" s="160">
        <v>0</v>
      </c>
      <c r="BA31" s="160">
        <v>1</v>
      </c>
      <c r="BB31" s="160">
        <v>3</v>
      </c>
      <c r="BC31" s="160">
        <v>2</v>
      </c>
      <c r="BD31" s="163">
        <v>8</v>
      </c>
      <c r="BE31" s="164">
        <v>9</v>
      </c>
      <c r="BF31" s="159">
        <v>0</v>
      </c>
      <c r="BG31" s="160">
        <v>0</v>
      </c>
      <c r="BH31" s="165">
        <v>0</v>
      </c>
      <c r="BI31" s="162">
        <v>0</v>
      </c>
      <c r="BJ31" s="160">
        <v>0</v>
      </c>
      <c r="BK31" s="160">
        <v>3</v>
      </c>
      <c r="BL31" s="160">
        <v>1</v>
      </c>
      <c r="BM31" s="160">
        <v>0</v>
      </c>
      <c r="BN31" s="160">
        <v>0</v>
      </c>
      <c r="BO31" s="165">
        <v>4</v>
      </c>
      <c r="BP31" s="164">
        <v>4</v>
      </c>
      <c r="BQ31" s="159">
        <v>1</v>
      </c>
      <c r="BR31" s="160">
        <v>0</v>
      </c>
      <c r="BS31" s="165">
        <v>1</v>
      </c>
      <c r="BT31" s="162">
        <v>0</v>
      </c>
      <c r="BU31" s="160">
        <v>0</v>
      </c>
      <c r="BV31" s="160">
        <v>0</v>
      </c>
      <c r="BW31" s="160">
        <v>0</v>
      </c>
      <c r="BX31" s="160">
        <v>1</v>
      </c>
      <c r="BY31" s="160">
        <v>0</v>
      </c>
      <c r="BZ31" s="165">
        <v>1</v>
      </c>
      <c r="CA31" s="164">
        <v>2</v>
      </c>
      <c r="CB31" s="159">
        <v>0</v>
      </c>
      <c r="CC31" s="160">
        <v>0</v>
      </c>
      <c r="CD31" s="165">
        <v>0</v>
      </c>
      <c r="CE31" s="162">
        <v>0</v>
      </c>
      <c r="CF31" s="160">
        <v>0</v>
      </c>
      <c r="CG31" s="160">
        <v>1</v>
      </c>
      <c r="CH31" s="160">
        <v>0</v>
      </c>
      <c r="CI31" s="160">
        <v>0</v>
      </c>
      <c r="CJ31" s="160">
        <v>0</v>
      </c>
      <c r="CK31" s="165">
        <v>1</v>
      </c>
      <c r="CL31" s="164">
        <v>1</v>
      </c>
      <c r="CM31" s="159">
        <v>0</v>
      </c>
      <c r="CN31" s="160">
        <v>0</v>
      </c>
      <c r="CO31" s="165">
        <v>0</v>
      </c>
      <c r="CP31" s="162">
        <v>0</v>
      </c>
      <c r="CQ31" s="160">
        <v>0</v>
      </c>
      <c r="CR31" s="160">
        <v>0</v>
      </c>
      <c r="CS31" s="160">
        <v>0</v>
      </c>
      <c r="CT31" s="160">
        <v>0</v>
      </c>
      <c r="CU31" s="160">
        <v>0</v>
      </c>
      <c r="CV31" s="165">
        <v>0</v>
      </c>
      <c r="CW31" s="164">
        <v>0</v>
      </c>
      <c r="CX31" s="159">
        <v>0</v>
      </c>
      <c r="CY31" s="160">
        <v>0</v>
      </c>
      <c r="CZ31" s="165">
        <v>0</v>
      </c>
      <c r="DA31" s="162">
        <v>0</v>
      </c>
      <c r="DB31" s="160">
        <v>0</v>
      </c>
      <c r="DC31" s="160">
        <v>0</v>
      </c>
      <c r="DD31" s="160">
        <v>0</v>
      </c>
      <c r="DE31" s="160">
        <v>0</v>
      </c>
      <c r="DF31" s="160">
        <v>0</v>
      </c>
      <c r="DG31" s="165">
        <v>0</v>
      </c>
      <c r="DH31" s="164">
        <v>0</v>
      </c>
      <c r="DI31" s="159">
        <v>0</v>
      </c>
      <c r="DJ31" s="160">
        <v>0</v>
      </c>
      <c r="DK31" s="165">
        <v>0</v>
      </c>
      <c r="DL31" s="162">
        <v>0</v>
      </c>
      <c r="DM31" s="160">
        <v>0</v>
      </c>
      <c r="DN31" s="160">
        <v>0</v>
      </c>
      <c r="DO31" s="160">
        <v>0</v>
      </c>
      <c r="DP31" s="160">
        <v>0</v>
      </c>
      <c r="DQ31" s="160">
        <v>0</v>
      </c>
      <c r="DR31" s="165">
        <v>0</v>
      </c>
      <c r="DS31" s="164">
        <v>0</v>
      </c>
      <c r="DT31" s="159">
        <v>2</v>
      </c>
      <c r="DU31" s="160">
        <v>0</v>
      </c>
      <c r="DV31" s="165">
        <v>2</v>
      </c>
      <c r="DW31" s="162">
        <v>0</v>
      </c>
      <c r="DX31" s="160">
        <v>1</v>
      </c>
      <c r="DY31" s="160">
        <v>4</v>
      </c>
      <c r="DZ31" s="160">
        <v>3</v>
      </c>
      <c r="EA31" s="160">
        <v>3</v>
      </c>
      <c r="EB31" s="160">
        <v>1</v>
      </c>
      <c r="EC31" s="165">
        <v>12</v>
      </c>
      <c r="ED31" s="164">
        <v>14</v>
      </c>
      <c r="EE31" s="159">
        <v>1</v>
      </c>
      <c r="EF31" s="160">
        <v>0</v>
      </c>
      <c r="EG31" s="165">
        <v>1</v>
      </c>
      <c r="EH31" s="162">
        <v>0</v>
      </c>
      <c r="EI31" s="160">
        <v>2</v>
      </c>
      <c r="EJ31" s="160">
        <v>0</v>
      </c>
      <c r="EK31" s="160">
        <v>0</v>
      </c>
      <c r="EL31" s="160">
        <v>1</v>
      </c>
      <c r="EM31" s="160">
        <v>0</v>
      </c>
      <c r="EN31" s="165">
        <v>3</v>
      </c>
      <c r="EO31" s="164">
        <v>4</v>
      </c>
      <c r="EP31" s="159">
        <v>3</v>
      </c>
      <c r="EQ31" s="160">
        <v>0</v>
      </c>
      <c r="ER31" s="165">
        <v>3</v>
      </c>
      <c r="ES31" s="162">
        <v>0</v>
      </c>
      <c r="ET31" s="160">
        <v>1</v>
      </c>
      <c r="EU31" s="160">
        <v>6</v>
      </c>
      <c r="EV31" s="160">
        <v>3</v>
      </c>
      <c r="EW31" s="160">
        <v>3</v>
      </c>
      <c r="EX31" s="160">
        <v>1</v>
      </c>
      <c r="EY31" s="165">
        <v>14</v>
      </c>
      <c r="EZ31" s="164">
        <v>17</v>
      </c>
    </row>
    <row r="32" spans="2:156" ht="21" customHeight="1" x14ac:dyDescent="0.2">
      <c r="B32" s="166" t="s">
        <v>30</v>
      </c>
      <c r="C32" s="159">
        <v>0</v>
      </c>
      <c r="D32" s="160">
        <v>0</v>
      </c>
      <c r="E32" s="161">
        <v>0</v>
      </c>
      <c r="F32" s="162">
        <v>0</v>
      </c>
      <c r="G32" s="160">
        <v>2</v>
      </c>
      <c r="H32" s="160">
        <v>0</v>
      </c>
      <c r="I32" s="160">
        <v>1</v>
      </c>
      <c r="J32" s="160">
        <v>1</v>
      </c>
      <c r="K32" s="160">
        <v>1</v>
      </c>
      <c r="L32" s="163">
        <v>5</v>
      </c>
      <c r="M32" s="164">
        <v>5</v>
      </c>
      <c r="N32" s="159">
        <v>0</v>
      </c>
      <c r="O32" s="160">
        <v>0</v>
      </c>
      <c r="P32" s="165">
        <v>0</v>
      </c>
      <c r="Q32" s="162">
        <v>0</v>
      </c>
      <c r="R32" s="160">
        <v>0</v>
      </c>
      <c r="S32" s="160">
        <v>0</v>
      </c>
      <c r="T32" s="160">
        <v>0</v>
      </c>
      <c r="U32" s="160">
        <v>1</v>
      </c>
      <c r="V32" s="160">
        <v>0</v>
      </c>
      <c r="W32" s="165">
        <v>1</v>
      </c>
      <c r="X32" s="164">
        <v>1</v>
      </c>
      <c r="Y32" s="159">
        <v>1</v>
      </c>
      <c r="Z32" s="160">
        <v>1</v>
      </c>
      <c r="AA32" s="165">
        <v>2</v>
      </c>
      <c r="AB32" s="162">
        <v>0</v>
      </c>
      <c r="AC32" s="160">
        <v>0</v>
      </c>
      <c r="AD32" s="160">
        <v>0</v>
      </c>
      <c r="AE32" s="160">
        <v>1</v>
      </c>
      <c r="AF32" s="160">
        <v>2</v>
      </c>
      <c r="AG32" s="160">
        <v>1</v>
      </c>
      <c r="AH32" s="165">
        <v>4</v>
      </c>
      <c r="AI32" s="164">
        <v>6</v>
      </c>
      <c r="AJ32" s="159">
        <v>1</v>
      </c>
      <c r="AK32" s="160">
        <v>0</v>
      </c>
      <c r="AL32" s="165">
        <v>1</v>
      </c>
      <c r="AM32" s="162">
        <v>0</v>
      </c>
      <c r="AN32" s="160">
        <v>0</v>
      </c>
      <c r="AO32" s="160">
        <v>0</v>
      </c>
      <c r="AP32" s="160">
        <v>0</v>
      </c>
      <c r="AQ32" s="160">
        <v>0</v>
      </c>
      <c r="AR32" s="160">
        <v>0</v>
      </c>
      <c r="AS32" s="165">
        <v>0</v>
      </c>
      <c r="AT32" s="164">
        <v>1</v>
      </c>
      <c r="AU32" s="159">
        <v>0</v>
      </c>
      <c r="AV32" s="160">
        <v>0</v>
      </c>
      <c r="AW32" s="165">
        <v>0</v>
      </c>
      <c r="AX32" s="162">
        <v>0</v>
      </c>
      <c r="AY32" s="160">
        <v>0</v>
      </c>
      <c r="AZ32" s="160">
        <v>2</v>
      </c>
      <c r="BA32" s="160">
        <v>2</v>
      </c>
      <c r="BB32" s="160">
        <v>1</v>
      </c>
      <c r="BC32" s="160">
        <v>0</v>
      </c>
      <c r="BD32" s="163">
        <v>5</v>
      </c>
      <c r="BE32" s="164">
        <v>5</v>
      </c>
      <c r="BF32" s="159">
        <v>0</v>
      </c>
      <c r="BG32" s="160">
        <v>0</v>
      </c>
      <c r="BH32" s="165">
        <v>0</v>
      </c>
      <c r="BI32" s="162">
        <v>0</v>
      </c>
      <c r="BJ32" s="160">
        <v>2</v>
      </c>
      <c r="BK32" s="160">
        <v>0</v>
      </c>
      <c r="BL32" s="160">
        <v>0</v>
      </c>
      <c r="BM32" s="160">
        <v>2</v>
      </c>
      <c r="BN32" s="160">
        <v>1</v>
      </c>
      <c r="BO32" s="165">
        <v>5</v>
      </c>
      <c r="BP32" s="164">
        <v>5</v>
      </c>
      <c r="BQ32" s="159">
        <v>1</v>
      </c>
      <c r="BR32" s="160">
        <v>1</v>
      </c>
      <c r="BS32" s="165">
        <v>2</v>
      </c>
      <c r="BT32" s="162">
        <v>0</v>
      </c>
      <c r="BU32" s="160">
        <v>1</v>
      </c>
      <c r="BV32" s="160">
        <v>0</v>
      </c>
      <c r="BW32" s="160">
        <v>0</v>
      </c>
      <c r="BX32" s="160">
        <v>0</v>
      </c>
      <c r="BY32" s="160">
        <v>0</v>
      </c>
      <c r="BZ32" s="165">
        <v>1</v>
      </c>
      <c r="CA32" s="164">
        <v>3</v>
      </c>
      <c r="CB32" s="159">
        <v>0</v>
      </c>
      <c r="CC32" s="160">
        <v>0</v>
      </c>
      <c r="CD32" s="165">
        <v>0</v>
      </c>
      <c r="CE32" s="162">
        <v>0</v>
      </c>
      <c r="CF32" s="160">
        <v>0</v>
      </c>
      <c r="CG32" s="160">
        <v>0</v>
      </c>
      <c r="CH32" s="160">
        <v>0</v>
      </c>
      <c r="CI32" s="160">
        <v>2</v>
      </c>
      <c r="CJ32" s="160">
        <v>0</v>
      </c>
      <c r="CK32" s="165">
        <v>2</v>
      </c>
      <c r="CL32" s="164">
        <v>2</v>
      </c>
      <c r="CM32" s="159">
        <v>0</v>
      </c>
      <c r="CN32" s="160">
        <v>0</v>
      </c>
      <c r="CO32" s="165">
        <v>0</v>
      </c>
      <c r="CP32" s="162">
        <v>0</v>
      </c>
      <c r="CQ32" s="160">
        <v>0</v>
      </c>
      <c r="CR32" s="160">
        <v>0</v>
      </c>
      <c r="CS32" s="160">
        <v>0</v>
      </c>
      <c r="CT32" s="160">
        <v>0</v>
      </c>
      <c r="CU32" s="160">
        <v>0</v>
      </c>
      <c r="CV32" s="165">
        <v>0</v>
      </c>
      <c r="CW32" s="164">
        <v>0</v>
      </c>
      <c r="CX32" s="159">
        <v>0</v>
      </c>
      <c r="CY32" s="160">
        <v>0</v>
      </c>
      <c r="CZ32" s="165">
        <v>0</v>
      </c>
      <c r="DA32" s="162">
        <v>0</v>
      </c>
      <c r="DB32" s="160">
        <v>0</v>
      </c>
      <c r="DC32" s="160">
        <v>0</v>
      </c>
      <c r="DD32" s="160">
        <v>0</v>
      </c>
      <c r="DE32" s="160">
        <v>0</v>
      </c>
      <c r="DF32" s="160">
        <v>0</v>
      </c>
      <c r="DG32" s="165">
        <v>0</v>
      </c>
      <c r="DH32" s="164">
        <v>0</v>
      </c>
      <c r="DI32" s="159">
        <v>0</v>
      </c>
      <c r="DJ32" s="160">
        <v>0</v>
      </c>
      <c r="DK32" s="165">
        <v>0</v>
      </c>
      <c r="DL32" s="162">
        <v>0</v>
      </c>
      <c r="DM32" s="160">
        <v>0</v>
      </c>
      <c r="DN32" s="160">
        <v>0</v>
      </c>
      <c r="DO32" s="160">
        <v>0</v>
      </c>
      <c r="DP32" s="160">
        <v>0</v>
      </c>
      <c r="DQ32" s="160">
        <v>0</v>
      </c>
      <c r="DR32" s="165">
        <v>0</v>
      </c>
      <c r="DS32" s="164">
        <v>0</v>
      </c>
      <c r="DT32" s="159">
        <v>0</v>
      </c>
      <c r="DU32" s="160">
        <v>0</v>
      </c>
      <c r="DV32" s="165">
        <v>0</v>
      </c>
      <c r="DW32" s="162">
        <v>0</v>
      </c>
      <c r="DX32" s="160">
        <v>2</v>
      </c>
      <c r="DY32" s="160">
        <v>1</v>
      </c>
      <c r="DZ32" s="160">
        <v>1</v>
      </c>
      <c r="EA32" s="160">
        <v>2</v>
      </c>
      <c r="EB32" s="160">
        <v>1</v>
      </c>
      <c r="EC32" s="165">
        <v>7</v>
      </c>
      <c r="ED32" s="164">
        <v>7</v>
      </c>
      <c r="EE32" s="159">
        <v>0</v>
      </c>
      <c r="EF32" s="160">
        <v>0</v>
      </c>
      <c r="EG32" s="165">
        <v>0</v>
      </c>
      <c r="EH32" s="162">
        <v>0</v>
      </c>
      <c r="EI32" s="160">
        <v>0</v>
      </c>
      <c r="EJ32" s="160">
        <v>3</v>
      </c>
      <c r="EK32" s="160">
        <v>1</v>
      </c>
      <c r="EL32" s="160">
        <v>1</v>
      </c>
      <c r="EM32" s="160">
        <v>0</v>
      </c>
      <c r="EN32" s="165">
        <v>5</v>
      </c>
      <c r="EO32" s="164">
        <v>5</v>
      </c>
      <c r="EP32" s="159">
        <v>3</v>
      </c>
      <c r="EQ32" s="160">
        <v>2</v>
      </c>
      <c r="ER32" s="165">
        <v>5</v>
      </c>
      <c r="ES32" s="162">
        <v>0</v>
      </c>
      <c r="ET32" s="160">
        <v>4</v>
      </c>
      <c r="EU32" s="160">
        <v>1</v>
      </c>
      <c r="EV32" s="160">
        <v>2</v>
      </c>
      <c r="EW32" s="160">
        <v>2</v>
      </c>
      <c r="EX32" s="160">
        <v>1</v>
      </c>
      <c r="EY32" s="165">
        <v>10</v>
      </c>
      <c r="EZ32" s="164">
        <v>15</v>
      </c>
    </row>
    <row r="33" spans="2:156" ht="21" customHeight="1" x14ac:dyDescent="0.2">
      <c r="B33" s="166" t="s">
        <v>31</v>
      </c>
      <c r="C33" s="159">
        <v>0</v>
      </c>
      <c r="D33" s="160">
        <v>0</v>
      </c>
      <c r="E33" s="161">
        <v>0</v>
      </c>
      <c r="F33" s="162">
        <v>0</v>
      </c>
      <c r="G33" s="160">
        <v>0</v>
      </c>
      <c r="H33" s="160">
        <v>1</v>
      </c>
      <c r="I33" s="160">
        <v>1</v>
      </c>
      <c r="J33" s="160">
        <v>0</v>
      </c>
      <c r="K33" s="160">
        <v>0</v>
      </c>
      <c r="L33" s="163">
        <v>2</v>
      </c>
      <c r="M33" s="164">
        <v>2</v>
      </c>
      <c r="N33" s="159">
        <v>0</v>
      </c>
      <c r="O33" s="160">
        <v>0</v>
      </c>
      <c r="P33" s="165">
        <v>0</v>
      </c>
      <c r="Q33" s="162">
        <v>0</v>
      </c>
      <c r="R33" s="160">
        <v>0</v>
      </c>
      <c r="S33" s="160">
        <v>1</v>
      </c>
      <c r="T33" s="160">
        <v>0</v>
      </c>
      <c r="U33" s="160">
        <v>0</v>
      </c>
      <c r="V33" s="160">
        <v>0</v>
      </c>
      <c r="W33" s="165">
        <v>1</v>
      </c>
      <c r="X33" s="164">
        <v>1</v>
      </c>
      <c r="Y33" s="159">
        <v>0</v>
      </c>
      <c r="Z33" s="160">
        <v>0</v>
      </c>
      <c r="AA33" s="165">
        <v>0</v>
      </c>
      <c r="AB33" s="162">
        <v>0</v>
      </c>
      <c r="AC33" s="160">
        <v>0</v>
      </c>
      <c r="AD33" s="160">
        <v>1</v>
      </c>
      <c r="AE33" s="160">
        <v>2</v>
      </c>
      <c r="AF33" s="160">
        <v>0</v>
      </c>
      <c r="AG33" s="160">
        <v>0</v>
      </c>
      <c r="AH33" s="165">
        <v>3</v>
      </c>
      <c r="AI33" s="164">
        <v>3</v>
      </c>
      <c r="AJ33" s="159">
        <v>0</v>
      </c>
      <c r="AK33" s="160">
        <v>0</v>
      </c>
      <c r="AL33" s="165">
        <v>0</v>
      </c>
      <c r="AM33" s="162">
        <v>0</v>
      </c>
      <c r="AN33" s="160">
        <v>0</v>
      </c>
      <c r="AO33" s="160">
        <v>0</v>
      </c>
      <c r="AP33" s="160">
        <v>0</v>
      </c>
      <c r="AQ33" s="160">
        <v>0</v>
      </c>
      <c r="AR33" s="160">
        <v>0</v>
      </c>
      <c r="AS33" s="165">
        <v>0</v>
      </c>
      <c r="AT33" s="164">
        <v>0</v>
      </c>
      <c r="AU33" s="159">
        <v>0</v>
      </c>
      <c r="AV33" s="160">
        <v>0</v>
      </c>
      <c r="AW33" s="165">
        <v>0</v>
      </c>
      <c r="AX33" s="162">
        <v>0</v>
      </c>
      <c r="AY33" s="160">
        <v>0</v>
      </c>
      <c r="AZ33" s="160">
        <v>0</v>
      </c>
      <c r="BA33" s="160">
        <v>0</v>
      </c>
      <c r="BB33" s="160">
        <v>2</v>
      </c>
      <c r="BC33" s="160">
        <v>1</v>
      </c>
      <c r="BD33" s="163">
        <v>3</v>
      </c>
      <c r="BE33" s="164">
        <v>3</v>
      </c>
      <c r="BF33" s="159">
        <v>0</v>
      </c>
      <c r="BG33" s="160">
        <v>0</v>
      </c>
      <c r="BH33" s="165">
        <v>0</v>
      </c>
      <c r="BI33" s="162">
        <v>0</v>
      </c>
      <c r="BJ33" s="160">
        <v>3</v>
      </c>
      <c r="BK33" s="160">
        <v>2</v>
      </c>
      <c r="BL33" s="160">
        <v>0</v>
      </c>
      <c r="BM33" s="160">
        <v>1</v>
      </c>
      <c r="BN33" s="160">
        <v>0</v>
      </c>
      <c r="BO33" s="165">
        <v>6</v>
      </c>
      <c r="BP33" s="164">
        <v>6</v>
      </c>
      <c r="BQ33" s="159">
        <v>0</v>
      </c>
      <c r="BR33" s="160">
        <v>0</v>
      </c>
      <c r="BS33" s="165">
        <v>0</v>
      </c>
      <c r="BT33" s="162">
        <v>0</v>
      </c>
      <c r="BU33" s="160">
        <v>1</v>
      </c>
      <c r="BV33" s="160">
        <v>1</v>
      </c>
      <c r="BW33" s="160">
        <v>1</v>
      </c>
      <c r="BX33" s="160">
        <v>0</v>
      </c>
      <c r="BY33" s="160">
        <v>0</v>
      </c>
      <c r="BZ33" s="165">
        <v>3</v>
      </c>
      <c r="CA33" s="164">
        <v>3</v>
      </c>
      <c r="CB33" s="159">
        <v>0</v>
      </c>
      <c r="CC33" s="160">
        <v>0</v>
      </c>
      <c r="CD33" s="165">
        <v>0</v>
      </c>
      <c r="CE33" s="162">
        <v>0</v>
      </c>
      <c r="CF33" s="160">
        <v>0</v>
      </c>
      <c r="CG33" s="160">
        <v>0</v>
      </c>
      <c r="CH33" s="160">
        <v>0</v>
      </c>
      <c r="CI33" s="160">
        <v>1</v>
      </c>
      <c r="CJ33" s="160">
        <v>0</v>
      </c>
      <c r="CK33" s="165">
        <v>1</v>
      </c>
      <c r="CL33" s="164">
        <v>1</v>
      </c>
      <c r="CM33" s="159">
        <v>0</v>
      </c>
      <c r="CN33" s="160">
        <v>0</v>
      </c>
      <c r="CO33" s="165">
        <v>0</v>
      </c>
      <c r="CP33" s="162">
        <v>0</v>
      </c>
      <c r="CQ33" s="160">
        <v>0</v>
      </c>
      <c r="CR33" s="160">
        <v>0</v>
      </c>
      <c r="CS33" s="160">
        <v>0</v>
      </c>
      <c r="CT33" s="160">
        <v>0</v>
      </c>
      <c r="CU33" s="160">
        <v>0</v>
      </c>
      <c r="CV33" s="165">
        <v>0</v>
      </c>
      <c r="CW33" s="164">
        <v>0</v>
      </c>
      <c r="CX33" s="159">
        <v>0</v>
      </c>
      <c r="CY33" s="160">
        <v>0</v>
      </c>
      <c r="CZ33" s="165">
        <v>0</v>
      </c>
      <c r="DA33" s="162">
        <v>0</v>
      </c>
      <c r="DB33" s="160">
        <v>0</v>
      </c>
      <c r="DC33" s="160">
        <v>0</v>
      </c>
      <c r="DD33" s="160">
        <v>0</v>
      </c>
      <c r="DE33" s="160">
        <v>0</v>
      </c>
      <c r="DF33" s="160">
        <v>0</v>
      </c>
      <c r="DG33" s="165">
        <v>0</v>
      </c>
      <c r="DH33" s="164">
        <v>0</v>
      </c>
      <c r="DI33" s="159">
        <v>0</v>
      </c>
      <c r="DJ33" s="160">
        <v>0</v>
      </c>
      <c r="DK33" s="165">
        <v>0</v>
      </c>
      <c r="DL33" s="162">
        <v>0</v>
      </c>
      <c r="DM33" s="160">
        <v>0</v>
      </c>
      <c r="DN33" s="160">
        <v>0</v>
      </c>
      <c r="DO33" s="160">
        <v>0</v>
      </c>
      <c r="DP33" s="160">
        <v>0</v>
      </c>
      <c r="DQ33" s="160">
        <v>0</v>
      </c>
      <c r="DR33" s="165">
        <v>0</v>
      </c>
      <c r="DS33" s="164">
        <v>0</v>
      </c>
      <c r="DT33" s="159">
        <v>2</v>
      </c>
      <c r="DU33" s="160">
        <v>1</v>
      </c>
      <c r="DV33" s="165">
        <v>3</v>
      </c>
      <c r="DW33" s="162">
        <v>0</v>
      </c>
      <c r="DX33" s="160">
        <v>3</v>
      </c>
      <c r="DY33" s="160">
        <v>4</v>
      </c>
      <c r="DZ33" s="160">
        <v>2</v>
      </c>
      <c r="EA33" s="160">
        <v>2</v>
      </c>
      <c r="EB33" s="160">
        <v>0</v>
      </c>
      <c r="EC33" s="165">
        <v>11</v>
      </c>
      <c r="ED33" s="164">
        <v>14</v>
      </c>
      <c r="EE33" s="159">
        <v>0</v>
      </c>
      <c r="EF33" s="160">
        <v>0</v>
      </c>
      <c r="EG33" s="165">
        <v>0</v>
      </c>
      <c r="EH33" s="162">
        <v>0</v>
      </c>
      <c r="EI33" s="160">
        <v>0</v>
      </c>
      <c r="EJ33" s="160">
        <v>0</v>
      </c>
      <c r="EK33" s="160">
        <v>0</v>
      </c>
      <c r="EL33" s="160">
        <v>0</v>
      </c>
      <c r="EM33" s="160">
        <v>0</v>
      </c>
      <c r="EN33" s="165">
        <v>0</v>
      </c>
      <c r="EO33" s="164">
        <v>0</v>
      </c>
      <c r="EP33" s="159">
        <v>3</v>
      </c>
      <c r="EQ33" s="160">
        <v>1</v>
      </c>
      <c r="ER33" s="165">
        <v>4</v>
      </c>
      <c r="ES33" s="162">
        <v>0</v>
      </c>
      <c r="ET33" s="160">
        <v>6</v>
      </c>
      <c r="EU33" s="160">
        <v>5</v>
      </c>
      <c r="EV33" s="160">
        <v>2</v>
      </c>
      <c r="EW33" s="160">
        <v>2</v>
      </c>
      <c r="EX33" s="160">
        <v>0</v>
      </c>
      <c r="EY33" s="165">
        <v>15</v>
      </c>
      <c r="EZ33" s="164">
        <v>19</v>
      </c>
    </row>
    <row r="34" spans="2:156" ht="21" customHeight="1" x14ac:dyDescent="0.2">
      <c r="B34" s="166" t="s">
        <v>32</v>
      </c>
      <c r="C34" s="159">
        <v>0</v>
      </c>
      <c r="D34" s="160">
        <v>0</v>
      </c>
      <c r="E34" s="161">
        <v>0</v>
      </c>
      <c r="F34" s="162">
        <v>0</v>
      </c>
      <c r="G34" s="160">
        <v>2</v>
      </c>
      <c r="H34" s="160">
        <v>3</v>
      </c>
      <c r="I34" s="160">
        <v>1</v>
      </c>
      <c r="J34" s="160">
        <v>0</v>
      </c>
      <c r="K34" s="160">
        <v>1</v>
      </c>
      <c r="L34" s="163">
        <v>7</v>
      </c>
      <c r="M34" s="164">
        <v>7</v>
      </c>
      <c r="N34" s="159">
        <v>0</v>
      </c>
      <c r="O34" s="160">
        <v>0</v>
      </c>
      <c r="P34" s="165">
        <v>0</v>
      </c>
      <c r="Q34" s="162">
        <v>0</v>
      </c>
      <c r="R34" s="160">
        <v>0</v>
      </c>
      <c r="S34" s="160">
        <v>0</v>
      </c>
      <c r="T34" s="160">
        <v>0</v>
      </c>
      <c r="U34" s="160">
        <v>0</v>
      </c>
      <c r="V34" s="160">
        <v>1</v>
      </c>
      <c r="W34" s="165">
        <v>1</v>
      </c>
      <c r="X34" s="164">
        <v>1</v>
      </c>
      <c r="Y34" s="159">
        <v>1</v>
      </c>
      <c r="Z34" s="160">
        <v>0</v>
      </c>
      <c r="AA34" s="165">
        <v>1</v>
      </c>
      <c r="AB34" s="162">
        <v>0</v>
      </c>
      <c r="AC34" s="160">
        <v>2</v>
      </c>
      <c r="AD34" s="160">
        <v>4</v>
      </c>
      <c r="AE34" s="160">
        <v>0</v>
      </c>
      <c r="AF34" s="160">
        <v>1</v>
      </c>
      <c r="AG34" s="160">
        <v>1</v>
      </c>
      <c r="AH34" s="165">
        <v>8</v>
      </c>
      <c r="AI34" s="164">
        <v>9</v>
      </c>
      <c r="AJ34" s="159">
        <v>0</v>
      </c>
      <c r="AK34" s="160">
        <v>0</v>
      </c>
      <c r="AL34" s="165">
        <v>0</v>
      </c>
      <c r="AM34" s="162">
        <v>0</v>
      </c>
      <c r="AN34" s="160">
        <v>1</v>
      </c>
      <c r="AO34" s="160">
        <v>0</v>
      </c>
      <c r="AP34" s="160">
        <v>0</v>
      </c>
      <c r="AQ34" s="160">
        <v>0</v>
      </c>
      <c r="AR34" s="160">
        <v>0</v>
      </c>
      <c r="AS34" s="165">
        <v>1</v>
      </c>
      <c r="AT34" s="164">
        <v>1</v>
      </c>
      <c r="AU34" s="159">
        <v>0</v>
      </c>
      <c r="AV34" s="160">
        <v>0</v>
      </c>
      <c r="AW34" s="165">
        <v>0</v>
      </c>
      <c r="AX34" s="162">
        <v>0</v>
      </c>
      <c r="AY34" s="160">
        <v>1</v>
      </c>
      <c r="AZ34" s="160">
        <v>2</v>
      </c>
      <c r="BA34" s="160">
        <v>2</v>
      </c>
      <c r="BB34" s="160">
        <v>5</v>
      </c>
      <c r="BC34" s="160">
        <v>0</v>
      </c>
      <c r="BD34" s="163">
        <v>10</v>
      </c>
      <c r="BE34" s="164">
        <v>10</v>
      </c>
      <c r="BF34" s="159">
        <v>0</v>
      </c>
      <c r="BG34" s="160">
        <v>0</v>
      </c>
      <c r="BH34" s="165">
        <v>0</v>
      </c>
      <c r="BI34" s="162">
        <v>0</v>
      </c>
      <c r="BJ34" s="160">
        <v>2</v>
      </c>
      <c r="BK34" s="160">
        <v>4</v>
      </c>
      <c r="BL34" s="160">
        <v>3</v>
      </c>
      <c r="BM34" s="160">
        <v>1</v>
      </c>
      <c r="BN34" s="160">
        <v>0</v>
      </c>
      <c r="BO34" s="165">
        <v>10</v>
      </c>
      <c r="BP34" s="164">
        <v>10</v>
      </c>
      <c r="BQ34" s="159">
        <v>1</v>
      </c>
      <c r="BR34" s="160">
        <v>0</v>
      </c>
      <c r="BS34" s="165">
        <v>1</v>
      </c>
      <c r="BT34" s="162">
        <v>0</v>
      </c>
      <c r="BU34" s="160">
        <v>0</v>
      </c>
      <c r="BV34" s="160">
        <v>1</v>
      </c>
      <c r="BW34" s="160">
        <v>0</v>
      </c>
      <c r="BX34" s="160">
        <v>0</v>
      </c>
      <c r="BY34" s="160">
        <v>0</v>
      </c>
      <c r="BZ34" s="165">
        <v>1</v>
      </c>
      <c r="CA34" s="164">
        <v>2</v>
      </c>
      <c r="CB34" s="159">
        <v>0</v>
      </c>
      <c r="CC34" s="160">
        <v>0</v>
      </c>
      <c r="CD34" s="165">
        <v>0</v>
      </c>
      <c r="CE34" s="162">
        <v>0</v>
      </c>
      <c r="CF34" s="160">
        <v>0</v>
      </c>
      <c r="CG34" s="160">
        <v>1</v>
      </c>
      <c r="CH34" s="160">
        <v>1</v>
      </c>
      <c r="CI34" s="160">
        <v>0</v>
      </c>
      <c r="CJ34" s="160">
        <v>0</v>
      </c>
      <c r="CK34" s="165">
        <v>2</v>
      </c>
      <c r="CL34" s="164">
        <v>2</v>
      </c>
      <c r="CM34" s="159">
        <v>0</v>
      </c>
      <c r="CN34" s="160">
        <v>0</v>
      </c>
      <c r="CO34" s="165">
        <v>0</v>
      </c>
      <c r="CP34" s="162">
        <v>0</v>
      </c>
      <c r="CQ34" s="160">
        <v>0</v>
      </c>
      <c r="CR34" s="160">
        <v>0</v>
      </c>
      <c r="CS34" s="160">
        <v>0</v>
      </c>
      <c r="CT34" s="160">
        <v>0</v>
      </c>
      <c r="CU34" s="160">
        <v>0</v>
      </c>
      <c r="CV34" s="165">
        <v>0</v>
      </c>
      <c r="CW34" s="164">
        <v>0</v>
      </c>
      <c r="CX34" s="159">
        <v>0</v>
      </c>
      <c r="CY34" s="160">
        <v>0</v>
      </c>
      <c r="CZ34" s="165">
        <v>0</v>
      </c>
      <c r="DA34" s="162">
        <v>0</v>
      </c>
      <c r="DB34" s="160">
        <v>0</v>
      </c>
      <c r="DC34" s="160">
        <v>0</v>
      </c>
      <c r="DD34" s="160">
        <v>0</v>
      </c>
      <c r="DE34" s="160">
        <v>0</v>
      </c>
      <c r="DF34" s="160">
        <v>0</v>
      </c>
      <c r="DG34" s="165">
        <v>0</v>
      </c>
      <c r="DH34" s="164">
        <v>0</v>
      </c>
      <c r="DI34" s="159">
        <v>0</v>
      </c>
      <c r="DJ34" s="160">
        <v>0</v>
      </c>
      <c r="DK34" s="165">
        <v>0</v>
      </c>
      <c r="DL34" s="162">
        <v>0</v>
      </c>
      <c r="DM34" s="160">
        <v>0</v>
      </c>
      <c r="DN34" s="160">
        <v>0</v>
      </c>
      <c r="DO34" s="160">
        <v>0</v>
      </c>
      <c r="DP34" s="160">
        <v>0</v>
      </c>
      <c r="DQ34" s="160">
        <v>0</v>
      </c>
      <c r="DR34" s="165">
        <v>0</v>
      </c>
      <c r="DS34" s="164">
        <v>0</v>
      </c>
      <c r="DT34" s="159">
        <v>1</v>
      </c>
      <c r="DU34" s="160">
        <v>3</v>
      </c>
      <c r="DV34" s="165">
        <v>4</v>
      </c>
      <c r="DW34" s="162">
        <v>0</v>
      </c>
      <c r="DX34" s="160">
        <v>6</v>
      </c>
      <c r="DY34" s="160">
        <v>8</v>
      </c>
      <c r="DZ34" s="160">
        <v>4</v>
      </c>
      <c r="EA34" s="160">
        <v>1</v>
      </c>
      <c r="EB34" s="160">
        <v>1</v>
      </c>
      <c r="EC34" s="165">
        <v>20</v>
      </c>
      <c r="ED34" s="164">
        <v>24</v>
      </c>
      <c r="EE34" s="159">
        <v>0</v>
      </c>
      <c r="EF34" s="160">
        <v>0</v>
      </c>
      <c r="EG34" s="165">
        <v>0</v>
      </c>
      <c r="EH34" s="162">
        <v>0</v>
      </c>
      <c r="EI34" s="160">
        <v>1</v>
      </c>
      <c r="EJ34" s="160">
        <v>1</v>
      </c>
      <c r="EK34" s="160">
        <v>0</v>
      </c>
      <c r="EL34" s="160">
        <v>2</v>
      </c>
      <c r="EM34" s="160">
        <v>0</v>
      </c>
      <c r="EN34" s="165">
        <v>4</v>
      </c>
      <c r="EO34" s="164">
        <v>4</v>
      </c>
      <c r="EP34" s="159">
        <v>3</v>
      </c>
      <c r="EQ34" s="160">
        <v>3</v>
      </c>
      <c r="ER34" s="165">
        <v>6</v>
      </c>
      <c r="ES34" s="162">
        <v>0</v>
      </c>
      <c r="ET34" s="160">
        <v>8</v>
      </c>
      <c r="EU34" s="160">
        <v>12</v>
      </c>
      <c r="EV34" s="160">
        <v>4</v>
      </c>
      <c r="EW34" s="160">
        <v>1</v>
      </c>
      <c r="EX34" s="160">
        <v>1</v>
      </c>
      <c r="EY34" s="165">
        <v>26</v>
      </c>
      <c r="EZ34" s="164">
        <v>32</v>
      </c>
    </row>
    <row r="35" spans="2:156" ht="21" customHeight="1" x14ac:dyDescent="0.2">
      <c r="B35" s="166" t="s">
        <v>33</v>
      </c>
      <c r="C35" s="159">
        <v>0</v>
      </c>
      <c r="D35" s="160">
        <v>0</v>
      </c>
      <c r="E35" s="161">
        <v>0</v>
      </c>
      <c r="F35" s="162">
        <v>0</v>
      </c>
      <c r="G35" s="160">
        <v>2</v>
      </c>
      <c r="H35" s="160">
        <v>0</v>
      </c>
      <c r="I35" s="160">
        <v>1</v>
      </c>
      <c r="J35" s="160">
        <v>0</v>
      </c>
      <c r="K35" s="160">
        <v>0</v>
      </c>
      <c r="L35" s="163">
        <v>3</v>
      </c>
      <c r="M35" s="164">
        <v>3</v>
      </c>
      <c r="N35" s="159">
        <v>0</v>
      </c>
      <c r="O35" s="160">
        <v>0</v>
      </c>
      <c r="P35" s="165">
        <v>0</v>
      </c>
      <c r="Q35" s="162">
        <v>0</v>
      </c>
      <c r="R35" s="160">
        <v>0</v>
      </c>
      <c r="S35" s="160">
        <v>0</v>
      </c>
      <c r="T35" s="160">
        <v>0</v>
      </c>
      <c r="U35" s="160">
        <v>0</v>
      </c>
      <c r="V35" s="160">
        <v>0</v>
      </c>
      <c r="W35" s="165">
        <v>0</v>
      </c>
      <c r="X35" s="164">
        <v>0</v>
      </c>
      <c r="Y35" s="159">
        <v>0</v>
      </c>
      <c r="Z35" s="160">
        <v>0</v>
      </c>
      <c r="AA35" s="165">
        <v>0</v>
      </c>
      <c r="AB35" s="162">
        <v>0</v>
      </c>
      <c r="AC35" s="160">
        <v>1</v>
      </c>
      <c r="AD35" s="160">
        <v>0</v>
      </c>
      <c r="AE35" s="160">
        <v>1</v>
      </c>
      <c r="AF35" s="160">
        <v>0</v>
      </c>
      <c r="AG35" s="160">
        <v>0</v>
      </c>
      <c r="AH35" s="165">
        <v>2</v>
      </c>
      <c r="AI35" s="164">
        <v>2</v>
      </c>
      <c r="AJ35" s="159">
        <v>2</v>
      </c>
      <c r="AK35" s="160">
        <v>1</v>
      </c>
      <c r="AL35" s="165">
        <v>3</v>
      </c>
      <c r="AM35" s="162">
        <v>0</v>
      </c>
      <c r="AN35" s="160">
        <v>2</v>
      </c>
      <c r="AO35" s="160">
        <v>0</v>
      </c>
      <c r="AP35" s="160">
        <v>2</v>
      </c>
      <c r="AQ35" s="160">
        <v>0</v>
      </c>
      <c r="AR35" s="160">
        <v>0</v>
      </c>
      <c r="AS35" s="165">
        <v>4</v>
      </c>
      <c r="AT35" s="164">
        <v>7</v>
      </c>
      <c r="AU35" s="159">
        <v>0</v>
      </c>
      <c r="AV35" s="160">
        <v>0</v>
      </c>
      <c r="AW35" s="165">
        <v>0</v>
      </c>
      <c r="AX35" s="162">
        <v>0</v>
      </c>
      <c r="AY35" s="160">
        <v>1</v>
      </c>
      <c r="AZ35" s="160">
        <v>0</v>
      </c>
      <c r="BA35" s="160">
        <v>3</v>
      </c>
      <c r="BB35" s="160">
        <v>0</v>
      </c>
      <c r="BC35" s="160">
        <v>0</v>
      </c>
      <c r="BD35" s="163">
        <v>4</v>
      </c>
      <c r="BE35" s="164">
        <v>4</v>
      </c>
      <c r="BF35" s="159">
        <v>0</v>
      </c>
      <c r="BG35" s="160">
        <v>0</v>
      </c>
      <c r="BH35" s="165">
        <v>0</v>
      </c>
      <c r="BI35" s="162">
        <v>0</v>
      </c>
      <c r="BJ35" s="160">
        <v>1</v>
      </c>
      <c r="BK35" s="160">
        <v>0</v>
      </c>
      <c r="BL35" s="160">
        <v>0</v>
      </c>
      <c r="BM35" s="160">
        <v>0</v>
      </c>
      <c r="BN35" s="160">
        <v>0</v>
      </c>
      <c r="BO35" s="165">
        <v>1</v>
      </c>
      <c r="BP35" s="164">
        <v>1</v>
      </c>
      <c r="BQ35" s="159">
        <v>0</v>
      </c>
      <c r="BR35" s="160">
        <v>0</v>
      </c>
      <c r="BS35" s="165">
        <v>0</v>
      </c>
      <c r="BT35" s="162">
        <v>0</v>
      </c>
      <c r="BU35" s="160">
        <v>0</v>
      </c>
      <c r="BV35" s="160">
        <v>0</v>
      </c>
      <c r="BW35" s="160">
        <v>0</v>
      </c>
      <c r="BX35" s="160">
        <v>0</v>
      </c>
      <c r="BY35" s="160">
        <v>0</v>
      </c>
      <c r="BZ35" s="165">
        <v>0</v>
      </c>
      <c r="CA35" s="164">
        <v>0</v>
      </c>
      <c r="CB35" s="159">
        <v>0</v>
      </c>
      <c r="CC35" s="160">
        <v>0</v>
      </c>
      <c r="CD35" s="165">
        <v>0</v>
      </c>
      <c r="CE35" s="162">
        <v>0</v>
      </c>
      <c r="CF35" s="160">
        <v>0</v>
      </c>
      <c r="CG35" s="160">
        <v>0</v>
      </c>
      <c r="CH35" s="160">
        <v>0</v>
      </c>
      <c r="CI35" s="160">
        <v>0</v>
      </c>
      <c r="CJ35" s="160">
        <v>1</v>
      </c>
      <c r="CK35" s="165">
        <v>1</v>
      </c>
      <c r="CL35" s="164">
        <v>1</v>
      </c>
      <c r="CM35" s="159">
        <v>0</v>
      </c>
      <c r="CN35" s="160">
        <v>0</v>
      </c>
      <c r="CO35" s="165">
        <v>0</v>
      </c>
      <c r="CP35" s="162">
        <v>0</v>
      </c>
      <c r="CQ35" s="160">
        <v>0</v>
      </c>
      <c r="CR35" s="160">
        <v>0</v>
      </c>
      <c r="CS35" s="160">
        <v>0</v>
      </c>
      <c r="CT35" s="160">
        <v>0</v>
      </c>
      <c r="CU35" s="160">
        <v>0</v>
      </c>
      <c r="CV35" s="165">
        <v>0</v>
      </c>
      <c r="CW35" s="164">
        <v>0</v>
      </c>
      <c r="CX35" s="159">
        <v>0</v>
      </c>
      <c r="CY35" s="160">
        <v>0</v>
      </c>
      <c r="CZ35" s="165">
        <v>0</v>
      </c>
      <c r="DA35" s="162">
        <v>0</v>
      </c>
      <c r="DB35" s="160">
        <v>0</v>
      </c>
      <c r="DC35" s="160">
        <v>0</v>
      </c>
      <c r="DD35" s="160">
        <v>0</v>
      </c>
      <c r="DE35" s="160">
        <v>0</v>
      </c>
      <c r="DF35" s="160">
        <v>0</v>
      </c>
      <c r="DG35" s="165">
        <v>0</v>
      </c>
      <c r="DH35" s="164">
        <v>0</v>
      </c>
      <c r="DI35" s="159">
        <v>0</v>
      </c>
      <c r="DJ35" s="160">
        <v>0</v>
      </c>
      <c r="DK35" s="165">
        <v>0</v>
      </c>
      <c r="DL35" s="162">
        <v>0</v>
      </c>
      <c r="DM35" s="160">
        <v>0</v>
      </c>
      <c r="DN35" s="160">
        <v>0</v>
      </c>
      <c r="DO35" s="160">
        <v>0</v>
      </c>
      <c r="DP35" s="160">
        <v>0</v>
      </c>
      <c r="DQ35" s="160">
        <v>0</v>
      </c>
      <c r="DR35" s="165">
        <v>0</v>
      </c>
      <c r="DS35" s="164">
        <v>0</v>
      </c>
      <c r="DT35" s="159">
        <v>2</v>
      </c>
      <c r="DU35" s="160">
        <v>0</v>
      </c>
      <c r="DV35" s="165">
        <v>2</v>
      </c>
      <c r="DW35" s="162">
        <v>0</v>
      </c>
      <c r="DX35" s="160">
        <v>3</v>
      </c>
      <c r="DY35" s="160">
        <v>0</v>
      </c>
      <c r="DZ35" s="160">
        <v>0</v>
      </c>
      <c r="EA35" s="160">
        <v>0</v>
      </c>
      <c r="EB35" s="160">
        <v>0</v>
      </c>
      <c r="EC35" s="165">
        <v>3</v>
      </c>
      <c r="ED35" s="164">
        <v>5</v>
      </c>
      <c r="EE35" s="159">
        <v>0</v>
      </c>
      <c r="EF35" s="160">
        <v>0</v>
      </c>
      <c r="EG35" s="165">
        <v>0</v>
      </c>
      <c r="EH35" s="162">
        <v>0</v>
      </c>
      <c r="EI35" s="160">
        <v>0</v>
      </c>
      <c r="EJ35" s="160">
        <v>0</v>
      </c>
      <c r="EK35" s="160">
        <v>1</v>
      </c>
      <c r="EL35" s="160">
        <v>0</v>
      </c>
      <c r="EM35" s="160">
        <v>0</v>
      </c>
      <c r="EN35" s="165">
        <v>1</v>
      </c>
      <c r="EO35" s="164">
        <v>1</v>
      </c>
      <c r="EP35" s="159">
        <v>2</v>
      </c>
      <c r="EQ35" s="160">
        <v>1</v>
      </c>
      <c r="ER35" s="165">
        <v>3</v>
      </c>
      <c r="ES35" s="162">
        <v>0</v>
      </c>
      <c r="ET35" s="160">
        <v>3</v>
      </c>
      <c r="EU35" s="160">
        <v>0</v>
      </c>
      <c r="EV35" s="160">
        <v>2</v>
      </c>
      <c r="EW35" s="160">
        <v>0</v>
      </c>
      <c r="EX35" s="160">
        <v>1</v>
      </c>
      <c r="EY35" s="165">
        <v>6</v>
      </c>
      <c r="EZ35" s="164">
        <v>9</v>
      </c>
    </row>
    <row r="36" spans="2:156" ht="21" customHeight="1" x14ac:dyDescent="0.2">
      <c r="B36" s="166" t="s">
        <v>34</v>
      </c>
      <c r="C36" s="159">
        <v>0</v>
      </c>
      <c r="D36" s="160">
        <v>0</v>
      </c>
      <c r="E36" s="161">
        <v>0</v>
      </c>
      <c r="F36" s="162">
        <v>0</v>
      </c>
      <c r="G36" s="160">
        <v>0</v>
      </c>
      <c r="H36" s="160">
        <v>0</v>
      </c>
      <c r="I36" s="160">
        <v>0</v>
      </c>
      <c r="J36" s="160">
        <v>0</v>
      </c>
      <c r="K36" s="160">
        <v>0</v>
      </c>
      <c r="L36" s="163">
        <v>0</v>
      </c>
      <c r="M36" s="164">
        <v>0</v>
      </c>
      <c r="N36" s="159">
        <v>0</v>
      </c>
      <c r="O36" s="160">
        <v>0</v>
      </c>
      <c r="P36" s="165">
        <v>0</v>
      </c>
      <c r="Q36" s="162">
        <v>0</v>
      </c>
      <c r="R36" s="160">
        <v>0</v>
      </c>
      <c r="S36" s="160">
        <v>0</v>
      </c>
      <c r="T36" s="160">
        <v>0</v>
      </c>
      <c r="U36" s="160">
        <v>0</v>
      </c>
      <c r="V36" s="160">
        <v>0</v>
      </c>
      <c r="W36" s="165">
        <v>0</v>
      </c>
      <c r="X36" s="164">
        <v>0</v>
      </c>
      <c r="Y36" s="159">
        <v>0</v>
      </c>
      <c r="Z36" s="160">
        <v>0</v>
      </c>
      <c r="AA36" s="165">
        <v>0</v>
      </c>
      <c r="AB36" s="162">
        <v>0</v>
      </c>
      <c r="AC36" s="160">
        <v>1</v>
      </c>
      <c r="AD36" s="160">
        <v>2</v>
      </c>
      <c r="AE36" s="160">
        <v>0</v>
      </c>
      <c r="AF36" s="160">
        <v>0</v>
      </c>
      <c r="AG36" s="160">
        <v>1</v>
      </c>
      <c r="AH36" s="165">
        <v>4</v>
      </c>
      <c r="AI36" s="164">
        <v>4</v>
      </c>
      <c r="AJ36" s="159">
        <v>0</v>
      </c>
      <c r="AK36" s="160">
        <v>0</v>
      </c>
      <c r="AL36" s="165">
        <v>0</v>
      </c>
      <c r="AM36" s="162">
        <v>0</v>
      </c>
      <c r="AN36" s="160">
        <v>0</v>
      </c>
      <c r="AO36" s="160">
        <v>0</v>
      </c>
      <c r="AP36" s="160">
        <v>0</v>
      </c>
      <c r="AQ36" s="160">
        <v>0</v>
      </c>
      <c r="AR36" s="160">
        <v>1</v>
      </c>
      <c r="AS36" s="165">
        <v>1</v>
      </c>
      <c r="AT36" s="164">
        <v>1</v>
      </c>
      <c r="AU36" s="159">
        <v>0</v>
      </c>
      <c r="AV36" s="160">
        <v>0</v>
      </c>
      <c r="AW36" s="165">
        <v>0</v>
      </c>
      <c r="AX36" s="162">
        <v>0</v>
      </c>
      <c r="AY36" s="160">
        <v>0</v>
      </c>
      <c r="AZ36" s="160">
        <v>3</v>
      </c>
      <c r="BA36" s="160">
        <v>0</v>
      </c>
      <c r="BB36" s="160">
        <v>0</v>
      </c>
      <c r="BC36" s="160">
        <v>2</v>
      </c>
      <c r="BD36" s="163">
        <v>5</v>
      </c>
      <c r="BE36" s="164">
        <v>5</v>
      </c>
      <c r="BF36" s="159">
        <v>0</v>
      </c>
      <c r="BG36" s="160">
        <v>0</v>
      </c>
      <c r="BH36" s="165">
        <v>0</v>
      </c>
      <c r="BI36" s="162">
        <v>0</v>
      </c>
      <c r="BJ36" s="160">
        <v>1</v>
      </c>
      <c r="BK36" s="160">
        <v>1</v>
      </c>
      <c r="BL36" s="160">
        <v>1</v>
      </c>
      <c r="BM36" s="160">
        <v>0</v>
      </c>
      <c r="BN36" s="160">
        <v>0</v>
      </c>
      <c r="BO36" s="165">
        <v>3</v>
      </c>
      <c r="BP36" s="164">
        <v>3</v>
      </c>
      <c r="BQ36" s="159">
        <v>0</v>
      </c>
      <c r="BR36" s="160">
        <v>0</v>
      </c>
      <c r="BS36" s="165">
        <v>0</v>
      </c>
      <c r="BT36" s="162">
        <v>0</v>
      </c>
      <c r="BU36" s="160">
        <v>0</v>
      </c>
      <c r="BV36" s="160">
        <v>0</v>
      </c>
      <c r="BW36" s="160">
        <v>0</v>
      </c>
      <c r="BX36" s="160">
        <v>0</v>
      </c>
      <c r="BY36" s="160">
        <v>0</v>
      </c>
      <c r="BZ36" s="165">
        <v>0</v>
      </c>
      <c r="CA36" s="164">
        <v>0</v>
      </c>
      <c r="CB36" s="159">
        <v>0</v>
      </c>
      <c r="CC36" s="160">
        <v>0</v>
      </c>
      <c r="CD36" s="165">
        <v>0</v>
      </c>
      <c r="CE36" s="162">
        <v>0</v>
      </c>
      <c r="CF36" s="160">
        <v>0</v>
      </c>
      <c r="CG36" s="160">
        <v>0</v>
      </c>
      <c r="CH36" s="160">
        <v>0</v>
      </c>
      <c r="CI36" s="160">
        <v>0</v>
      </c>
      <c r="CJ36" s="160">
        <v>0</v>
      </c>
      <c r="CK36" s="165">
        <v>0</v>
      </c>
      <c r="CL36" s="164">
        <v>0</v>
      </c>
      <c r="CM36" s="159">
        <v>0</v>
      </c>
      <c r="CN36" s="160">
        <v>0</v>
      </c>
      <c r="CO36" s="165">
        <v>0</v>
      </c>
      <c r="CP36" s="162">
        <v>0</v>
      </c>
      <c r="CQ36" s="160">
        <v>0</v>
      </c>
      <c r="CR36" s="160">
        <v>0</v>
      </c>
      <c r="CS36" s="160">
        <v>0</v>
      </c>
      <c r="CT36" s="160">
        <v>0</v>
      </c>
      <c r="CU36" s="160">
        <v>0</v>
      </c>
      <c r="CV36" s="165">
        <v>0</v>
      </c>
      <c r="CW36" s="164">
        <v>0</v>
      </c>
      <c r="CX36" s="159">
        <v>0</v>
      </c>
      <c r="CY36" s="160">
        <v>0</v>
      </c>
      <c r="CZ36" s="165">
        <v>0</v>
      </c>
      <c r="DA36" s="162">
        <v>0</v>
      </c>
      <c r="DB36" s="160">
        <v>0</v>
      </c>
      <c r="DC36" s="160">
        <v>0</v>
      </c>
      <c r="DD36" s="160">
        <v>0</v>
      </c>
      <c r="DE36" s="160">
        <v>0</v>
      </c>
      <c r="DF36" s="160">
        <v>0</v>
      </c>
      <c r="DG36" s="165">
        <v>0</v>
      </c>
      <c r="DH36" s="164">
        <v>0</v>
      </c>
      <c r="DI36" s="159">
        <v>0</v>
      </c>
      <c r="DJ36" s="160">
        <v>0</v>
      </c>
      <c r="DK36" s="165">
        <v>0</v>
      </c>
      <c r="DL36" s="162">
        <v>0</v>
      </c>
      <c r="DM36" s="160">
        <v>0</v>
      </c>
      <c r="DN36" s="160">
        <v>0</v>
      </c>
      <c r="DO36" s="160">
        <v>0</v>
      </c>
      <c r="DP36" s="160">
        <v>0</v>
      </c>
      <c r="DQ36" s="160">
        <v>0</v>
      </c>
      <c r="DR36" s="165">
        <v>0</v>
      </c>
      <c r="DS36" s="164">
        <v>0</v>
      </c>
      <c r="DT36" s="159">
        <v>0</v>
      </c>
      <c r="DU36" s="160">
        <v>0</v>
      </c>
      <c r="DV36" s="165">
        <v>0</v>
      </c>
      <c r="DW36" s="162">
        <v>0</v>
      </c>
      <c r="DX36" s="160">
        <v>2</v>
      </c>
      <c r="DY36" s="160">
        <v>6</v>
      </c>
      <c r="DZ36" s="160">
        <v>1</v>
      </c>
      <c r="EA36" s="160">
        <v>0</v>
      </c>
      <c r="EB36" s="160">
        <v>1</v>
      </c>
      <c r="EC36" s="165">
        <v>10</v>
      </c>
      <c r="ED36" s="164">
        <v>10</v>
      </c>
      <c r="EE36" s="159">
        <v>0</v>
      </c>
      <c r="EF36" s="160">
        <v>0</v>
      </c>
      <c r="EG36" s="165">
        <v>0</v>
      </c>
      <c r="EH36" s="162">
        <v>0</v>
      </c>
      <c r="EI36" s="160">
        <v>0</v>
      </c>
      <c r="EJ36" s="160">
        <v>1</v>
      </c>
      <c r="EK36" s="160">
        <v>0</v>
      </c>
      <c r="EL36" s="160">
        <v>0</v>
      </c>
      <c r="EM36" s="160">
        <v>1</v>
      </c>
      <c r="EN36" s="165">
        <v>2</v>
      </c>
      <c r="EO36" s="164">
        <v>2</v>
      </c>
      <c r="EP36" s="159">
        <v>0</v>
      </c>
      <c r="EQ36" s="160">
        <v>0</v>
      </c>
      <c r="ER36" s="165">
        <v>0</v>
      </c>
      <c r="ES36" s="162">
        <v>0</v>
      </c>
      <c r="ET36" s="160">
        <v>4</v>
      </c>
      <c r="EU36" s="160">
        <v>6</v>
      </c>
      <c r="EV36" s="160">
        <v>1</v>
      </c>
      <c r="EW36" s="160">
        <v>0</v>
      </c>
      <c r="EX36" s="160">
        <v>1</v>
      </c>
      <c r="EY36" s="165">
        <v>12</v>
      </c>
      <c r="EZ36" s="164">
        <v>12</v>
      </c>
    </row>
    <row r="37" spans="2:156" ht="21" customHeight="1" x14ac:dyDescent="0.2">
      <c r="B37" s="166" t="s">
        <v>35</v>
      </c>
      <c r="C37" s="159">
        <v>0</v>
      </c>
      <c r="D37" s="160">
        <v>0</v>
      </c>
      <c r="E37" s="161">
        <v>0</v>
      </c>
      <c r="F37" s="162">
        <v>0</v>
      </c>
      <c r="G37" s="160">
        <v>4</v>
      </c>
      <c r="H37" s="160">
        <v>4</v>
      </c>
      <c r="I37" s="160">
        <v>1</v>
      </c>
      <c r="J37" s="160">
        <v>0</v>
      </c>
      <c r="K37" s="160">
        <v>0</v>
      </c>
      <c r="L37" s="163">
        <v>9</v>
      </c>
      <c r="M37" s="164">
        <v>9</v>
      </c>
      <c r="N37" s="159">
        <v>0</v>
      </c>
      <c r="O37" s="160">
        <v>0</v>
      </c>
      <c r="P37" s="165">
        <v>0</v>
      </c>
      <c r="Q37" s="162">
        <v>0</v>
      </c>
      <c r="R37" s="160">
        <v>0</v>
      </c>
      <c r="S37" s="160">
        <v>0</v>
      </c>
      <c r="T37" s="160">
        <v>1</v>
      </c>
      <c r="U37" s="160">
        <v>0</v>
      </c>
      <c r="V37" s="160">
        <v>1</v>
      </c>
      <c r="W37" s="165">
        <v>2</v>
      </c>
      <c r="X37" s="164">
        <v>2</v>
      </c>
      <c r="Y37" s="159">
        <v>0</v>
      </c>
      <c r="Z37" s="160">
        <v>1</v>
      </c>
      <c r="AA37" s="165">
        <v>1</v>
      </c>
      <c r="AB37" s="162">
        <v>0</v>
      </c>
      <c r="AC37" s="160">
        <v>2</v>
      </c>
      <c r="AD37" s="160">
        <v>2</v>
      </c>
      <c r="AE37" s="160">
        <v>3</v>
      </c>
      <c r="AF37" s="160">
        <v>0</v>
      </c>
      <c r="AG37" s="160">
        <v>2</v>
      </c>
      <c r="AH37" s="165">
        <v>9</v>
      </c>
      <c r="AI37" s="164">
        <v>10</v>
      </c>
      <c r="AJ37" s="159">
        <v>1</v>
      </c>
      <c r="AK37" s="160">
        <v>1</v>
      </c>
      <c r="AL37" s="165">
        <v>2</v>
      </c>
      <c r="AM37" s="162">
        <v>0</v>
      </c>
      <c r="AN37" s="160">
        <v>2</v>
      </c>
      <c r="AO37" s="160">
        <v>0</v>
      </c>
      <c r="AP37" s="160">
        <v>0</v>
      </c>
      <c r="AQ37" s="160">
        <v>0</v>
      </c>
      <c r="AR37" s="160">
        <v>1</v>
      </c>
      <c r="AS37" s="165">
        <v>3</v>
      </c>
      <c r="AT37" s="164">
        <v>5</v>
      </c>
      <c r="AU37" s="159">
        <v>1</v>
      </c>
      <c r="AV37" s="160">
        <v>0</v>
      </c>
      <c r="AW37" s="165">
        <v>1</v>
      </c>
      <c r="AX37" s="162">
        <v>0</v>
      </c>
      <c r="AY37" s="160">
        <v>5</v>
      </c>
      <c r="AZ37" s="160">
        <v>5</v>
      </c>
      <c r="BA37" s="160">
        <v>4</v>
      </c>
      <c r="BB37" s="160">
        <v>4</v>
      </c>
      <c r="BC37" s="160">
        <v>4</v>
      </c>
      <c r="BD37" s="163">
        <v>22</v>
      </c>
      <c r="BE37" s="164">
        <v>23</v>
      </c>
      <c r="BF37" s="159">
        <v>0</v>
      </c>
      <c r="BG37" s="160">
        <v>0</v>
      </c>
      <c r="BH37" s="165">
        <v>0</v>
      </c>
      <c r="BI37" s="162">
        <v>0</v>
      </c>
      <c r="BJ37" s="160">
        <v>4</v>
      </c>
      <c r="BK37" s="160">
        <v>2</v>
      </c>
      <c r="BL37" s="160">
        <v>1</v>
      </c>
      <c r="BM37" s="160">
        <v>0</v>
      </c>
      <c r="BN37" s="160">
        <v>0</v>
      </c>
      <c r="BO37" s="165">
        <v>7</v>
      </c>
      <c r="BP37" s="164">
        <v>7</v>
      </c>
      <c r="BQ37" s="159">
        <v>2</v>
      </c>
      <c r="BR37" s="160">
        <v>0</v>
      </c>
      <c r="BS37" s="165">
        <v>2</v>
      </c>
      <c r="BT37" s="162">
        <v>0</v>
      </c>
      <c r="BU37" s="160">
        <v>4</v>
      </c>
      <c r="BV37" s="160">
        <v>1</v>
      </c>
      <c r="BW37" s="160">
        <v>1</v>
      </c>
      <c r="BX37" s="160">
        <v>1</v>
      </c>
      <c r="BY37" s="160">
        <v>0</v>
      </c>
      <c r="BZ37" s="165">
        <v>7</v>
      </c>
      <c r="CA37" s="164">
        <v>9</v>
      </c>
      <c r="CB37" s="159">
        <v>0</v>
      </c>
      <c r="CC37" s="160">
        <v>0</v>
      </c>
      <c r="CD37" s="165">
        <v>0</v>
      </c>
      <c r="CE37" s="162">
        <v>0</v>
      </c>
      <c r="CF37" s="160">
        <v>0</v>
      </c>
      <c r="CG37" s="160">
        <v>0</v>
      </c>
      <c r="CH37" s="160">
        <v>0</v>
      </c>
      <c r="CI37" s="160">
        <v>0</v>
      </c>
      <c r="CJ37" s="160">
        <v>0</v>
      </c>
      <c r="CK37" s="165">
        <v>0</v>
      </c>
      <c r="CL37" s="164">
        <v>0</v>
      </c>
      <c r="CM37" s="159">
        <v>0</v>
      </c>
      <c r="CN37" s="160">
        <v>0</v>
      </c>
      <c r="CO37" s="165">
        <v>0</v>
      </c>
      <c r="CP37" s="162">
        <v>0</v>
      </c>
      <c r="CQ37" s="160">
        <v>0</v>
      </c>
      <c r="CR37" s="160">
        <v>0</v>
      </c>
      <c r="CS37" s="160">
        <v>0</v>
      </c>
      <c r="CT37" s="160">
        <v>0</v>
      </c>
      <c r="CU37" s="160">
        <v>0</v>
      </c>
      <c r="CV37" s="165">
        <v>0</v>
      </c>
      <c r="CW37" s="164">
        <v>0</v>
      </c>
      <c r="CX37" s="159">
        <v>0</v>
      </c>
      <c r="CY37" s="160">
        <v>0</v>
      </c>
      <c r="CZ37" s="165">
        <v>0</v>
      </c>
      <c r="DA37" s="162">
        <v>0</v>
      </c>
      <c r="DB37" s="160">
        <v>0</v>
      </c>
      <c r="DC37" s="160">
        <v>0</v>
      </c>
      <c r="DD37" s="160">
        <v>0</v>
      </c>
      <c r="DE37" s="160">
        <v>0</v>
      </c>
      <c r="DF37" s="160">
        <v>0</v>
      </c>
      <c r="DG37" s="165">
        <v>0</v>
      </c>
      <c r="DH37" s="164">
        <v>0</v>
      </c>
      <c r="DI37" s="159">
        <v>0</v>
      </c>
      <c r="DJ37" s="160">
        <v>0</v>
      </c>
      <c r="DK37" s="165">
        <v>0</v>
      </c>
      <c r="DL37" s="162">
        <v>0</v>
      </c>
      <c r="DM37" s="160">
        <v>0</v>
      </c>
      <c r="DN37" s="160">
        <v>0</v>
      </c>
      <c r="DO37" s="160">
        <v>0</v>
      </c>
      <c r="DP37" s="160">
        <v>0</v>
      </c>
      <c r="DQ37" s="160">
        <v>0</v>
      </c>
      <c r="DR37" s="165">
        <v>0</v>
      </c>
      <c r="DS37" s="164">
        <v>0</v>
      </c>
      <c r="DT37" s="159">
        <v>2</v>
      </c>
      <c r="DU37" s="160">
        <v>0</v>
      </c>
      <c r="DV37" s="165">
        <v>2</v>
      </c>
      <c r="DW37" s="162">
        <v>0</v>
      </c>
      <c r="DX37" s="160">
        <v>7</v>
      </c>
      <c r="DY37" s="160">
        <v>7</v>
      </c>
      <c r="DZ37" s="160">
        <v>3</v>
      </c>
      <c r="EA37" s="160">
        <v>1</v>
      </c>
      <c r="EB37" s="160">
        <v>3</v>
      </c>
      <c r="EC37" s="165">
        <v>21</v>
      </c>
      <c r="ED37" s="164">
        <v>23</v>
      </c>
      <c r="EE37" s="159">
        <v>1</v>
      </c>
      <c r="EF37" s="160">
        <v>0</v>
      </c>
      <c r="EG37" s="165">
        <v>1</v>
      </c>
      <c r="EH37" s="162">
        <v>0</v>
      </c>
      <c r="EI37" s="160">
        <v>3</v>
      </c>
      <c r="EJ37" s="160">
        <v>1</v>
      </c>
      <c r="EK37" s="160">
        <v>1</v>
      </c>
      <c r="EL37" s="160">
        <v>4</v>
      </c>
      <c r="EM37" s="160">
        <v>1</v>
      </c>
      <c r="EN37" s="165">
        <v>10</v>
      </c>
      <c r="EO37" s="164">
        <v>11</v>
      </c>
      <c r="EP37" s="159">
        <v>5</v>
      </c>
      <c r="EQ37" s="160">
        <v>2</v>
      </c>
      <c r="ER37" s="165">
        <v>7</v>
      </c>
      <c r="ES37" s="162">
        <v>0</v>
      </c>
      <c r="ET37" s="160">
        <v>15</v>
      </c>
      <c r="EU37" s="160">
        <v>7</v>
      </c>
      <c r="EV37" s="160">
        <v>3</v>
      </c>
      <c r="EW37" s="160">
        <v>1</v>
      </c>
      <c r="EX37" s="160">
        <v>3</v>
      </c>
      <c r="EY37" s="165">
        <v>29</v>
      </c>
      <c r="EZ37" s="164">
        <v>36</v>
      </c>
    </row>
    <row r="38" spans="2:156" ht="21" customHeight="1" x14ac:dyDescent="0.2">
      <c r="B38" s="166" t="s">
        <v>36</v>
      </c>
      <c r="C38" s="159">
        <v>0</v>
      </c>
      <c r="D38" s="160">
        <v>0</v>
      </c>
      <c r="E38" s="161">
        <v>0</v>
      </c>
      <c r="F38" s="162">
        <v>0</v>
      </c>
      <c r="G38" s="160">
        <v>1</v>
      </c>
      <c r="H38" s="160">
        <v>0</v>
      </c>
      <c r="I38" s="160">
        <v>0</v>
      </c>
      <c r="J38" s="160">
        <v>1</v>
      </c>
      <c r="K38" s="160">
        <v>1</v>
      </c>
      <c r="L38" s="163">
        <v>3</v>
      </c>
      <c r="M38" s="164">
        <v>3</v>
      </c>
      <c r="N38" s="159">
        <v>0</v>
      </c>
      <c r="O38" s="160">
        <v>0</v>
      </c>
      <c r="P38" s="165">
        <v>0</v>
      </c>
      <c r="Q38" s="162">
        <v>0</v>
      </c>
      <c r="R38" s="160">
        <v>0</v>
      </c>
      <c r="S38" s="160">
        <v>0</v>
      </c>
      <c r="T38" s="160">
        <v>1</v>
      </c>
      <c r="U38" s="160">
        <v>0</v>
      </c>
      <c r="V38" s="160">
        <v>1</v>
      </c>
      <c r="W38" s="165">
        <v>2</v>
      </c>
      <c r="X38" s="164">
        <v>2</v>
      </c>
      <c r="Y38" s="159">
        <v>0</v>
      </c>
      <c r="Z38" s="160">
        <v>1</v>
      </c>
      <c r="AA38" s="165">
        <v>1</v>
      </c>
      <c r="AB38" s="162">
        <v>0</v>
      </c>
      <c r="AC38" s="160">
        <v>2</v>
      </c>
      <c r="AD38" s="160">
        <v>0</v>
      </c>
      <c r="AE38" s="160">
        <v>2</v>
      </c>
      <c r="AF38" s="160">
        <v>0</v>
      </c>
      <c r="AG38" s="160">
        <v>0</v>
      </c>
      <c r="AH38" s="165">
        <v>4</v>
      </c>
      <c r="AI38" s="164">
        <v>5</v>
      </c>
      <c r="AJ38" s="159">
        <v>0</v>
      </c>
      <c r="AK38" s="160">
        <v>0</v>
      </c>
      <c r="AL38" s="165">
        <v>0</v>
      </c>
      <c r="AM38" s="162">
        <v>0</v>
      </c>
      <c r="AN38" s="160">
        <v>1</v>
      </c>
      <c r="AO38" s="160">
        <v>1</v>
      </c>
      <c r="AP38" s="160">
        <v>0</v>
      </c>
      <c r="AQ38" s="160">
        <v>0</v>
      </c>
      <c r="AR38" s="160">
        <v>0</v>
      </c>
      <c r="AS38" s="165">
        <v>2</v>
      </c>
      <c r="AT38" s="164">
        <v>2</v>
      </c>
      <c r="AU38" s="159">
        <v>0</v>
      </c>
      <c r="AV38" s="160">
        <v>0</v>
      </c>
      <c r="AW38" s="165">
        <v>0</v>
      </c>
      <c r="AX38" s="162">
        <v>0</v>
      </c>
      <c r="AY38" s="160">
        <v>3</v>
      </c>
      <c r="AZ38" s="160">
        <v>2</v>
      </c>
      <c r="BA38" s="160">
        <v>3</v>
      </c>
      <c r="BB38" s="160">
        <v>2</v>
      </c>
      <c r="BC38" s="160">
        <v>1</v>
      </c>
      <c r="BD38" s="163">
        <v>11</v>
      </c>
      <c r="BE38" s="164">
        <v>11</v>
      </c>
      <c r="BF38" s="159">
        <v>0</v>
      </c>
      <c r="BG38" s="160">
        <v>0</v>
      </c>
      <c r="BH38" s="165">
        <v>0</v>
      </c>
      <c r="BI38" s="162">
        <v>0</v>
      </c>
      <c r="BJ38" s="160">
        <v>0</v>
      </c>
      <c r="BK38" s="160">
        <v>2</v>
      </c>
      <c r="BL38" s="160">
        <v>0</v>
      </c>
      <c r="BM38" s="160">
        <v>0</v>
      </c>
      <c r="BN38" s="160">
        <v>0</v>
      </c>
      <c r="BO38" s="165">
        <v>2</v>
      </c>
      <c r="BP38" s="164">
        <v>2</v>
      </c>
      <c r="BQ38" s="159">
        <v>0</v>
      </c>
      <c r="BR38" s="160">
        <v>1</v>
      </c>
      <c r="BS38" s="165">
        <v>1</v>
      </c>
      <c r="BT38" s="162">
        <v>0</v>
      </c>
      <c r="BU38" s="160">
        <v>1</v>
      </c>
      <c r="BV38" s="160">
        <v>1</v>
      </c>
      <c r="BW38" s="160">
        <v>1</v>
      </c>
      <c r="BX38" s="160">
        <v>0</v>
      </c>
      <c r="BY38" s="160">
        <v>0</v>
      </c>
      <c r="BZ38" s="165">
        <v>3</v>
      </c>
      <c r="CA38" s="164">
        <v>4</v>
      </c>
      <c r="CB38" s="159">
        <v>0</v>
      </c>
      <c r="CC38" s="160">
        <v>0</v>
      </c>
      <c r="CD38" s="165">
        <v>0</v>
      </c>
      <c r="CE38" s="162">
        <v>0</v>
      </c>
      <c r="CF38" s="160">
        <v>0</v>
      </c>
      <c r="CG38" s="160">
        <v>1</v>
      </c>
      <c r="CH38" s="160">
        <v>0</v>
      </c>
      <c r="CI38" s="160">
        <v>0</v>
      </c>
      <c r="CJ38" s="160">
        <v>0</v>
      </c>
      <c r="CK38" s="165">
        <v>1</v>
      </c>
      <c r="CL38" s="164">
        <v>1</v>
      </c>
      <c r="CM38" s="159">
        <v>0</v>
      </c>
      <c r="CN38" s="160">
        <v>0</v>
      </c>
      <c r="CO38" s="165">
        <v>0</v>
      </c>
      <c r="CP38" s="162">
        <v>0</v>
      </c>
      <c r="CQ38" s="160">
        <v>0</v>
      </c>
      <c r="CR38" s="160">
        <v>0</v>
      </c>
      <c r="CS38" s="160">
        <v>0</v>
      </c>
      <c r="CT38" s="160">
        <v>0</v>
      </c>
      <c r="CU38" s="160">
        <v>0</v>
      </c>
      <c r="CV38" s="165">
        <v>0</v>
      </c>
      <c r="CW38" s="164">
        <v>0</v>
      </c>
      <c r="CX38" s="159">
        <v>0</v>
      </c>
      <c r="CY38" s="160">
        <v>0</v>
      </c>
      <c r="CZ38" s="165">
        <v>0</v>
      </c>
      <c r="DA38" s="162">
        <v>0</v>
      </c>
      <c r="DB38" s="160">
        <v>0</v>
      </c>
      <c r="DC38" s="160">
        <v>0</v>
      </c>
      <c r="DD38" s="160">
        <v>0</v>
      </c>
      <c r="DE38" s="160">
        <v>0</v>
      </c>
      <c r="DF38" s="160">
        <v>0</v>
      </c>
      <c r="DG38" s="165">
        <v>0</v>
      </c>
      <c r="DH38" s="164">
        <v>0</v>
      </c>
      <c r="DI38" s="159">
        <v>0</v>
      </c>
      <c r="DJ38" s="160">
        <v>0</v>
      </c>
      <c r="DK38" s="165">
        <v>0</v>
      </c>
      <c r="DL38" s="162">
        <v>0</v>
      </c>
      <c r="DM38" s="160">
        <v>0</v>
      </c>
      <c r="DN38" s="160">
        <v>0</v>
      </c>
      <c r="DO38" s="160">
        <v>0</v>
      </c>
      <c r="DP38" s="160">
        <v>0</v>
      </c>
      <c r="DQ38" s="160">
        <v>0</v>
      </c>
      <c r="DR38" s="165">
        <v>0</v>
      </c>
      <c r="DS38" s="164">
        <v>0</v>
      </c>
      <c r="DT38" s="159">
        <v>2</v>
      </c>
      <c r="DU38" s="160">
        <v>3</v>
      </c>
      <c r="DV38" s="165">
        <v>5</v>
      </c>
      <c r="DW38" s="162">
        <v>0</v>
      </c>
      <c r="DX38" s="160">
        <v>7</v>
      </c>
      <c r="DY38" s="160">
        <v>6</v>
      </c>
      <c r="DZ38" s="160">
        <v>2</v>
      </c>
      <c r="EA38" s="160">
        <v>1</v>
      </c>
      <c r="EB38" s="160">
        <v>1</v>
      </c>
      <c r="EC38" s="165">
        <v>17</v>
      </c>
      <c r="ED38" s="164">
        <v>22</v>
      </c>
      <c r="EE38" s="159">
        <v>0</v>
      </c>
      <c r="EF38" s="160">
        <v>0</v>
      </c>
      <c r="EG38" s="165">
        <v>0</v>
      </c>
      <c r="EH38" s="162">
        <v>0</v>
      </c>
      <c r="EI38" s="160">
        <v>3</v>
      </c>
      <c r="EJ38" s="160">
        <v>2</v>
      </c>
      <c r="EK38" s="160">
        <v>2</v>
      </c>
      <c r="EL38" s="160">
        <v>0</v>
      </c>
      <c r="EM38" s="160">
        <v>0</v>
      </c>
      <c r="EN38" s="165">
        <v>7</v>
      </c>
      <c r="EO38" s="164">
        <v>7</v>
      </c>
      <c r="EP38" s="159">
        <v>2</v>
      </c>
      <c r="EQ38" s="160">
        <v>5</v>
      </c>
      <c r="ER38" s="165">
        <v>7</v>
      </c>
      <c r="ES38" s="162">
        <v>0</v>
      </c>
      <c r="ET38" s="160">
        <v>9</v>
      </c>
      <c r="EU38" s="160">
        <v>7</v>
      </c>
      <c r="EV38" s="160">
        <v>2</v>
      </c>
      <c r="EW38" s="160">
        <v>1</v>
      </c>
      <c r="EX38" s="160">
        <v>2</v>
      </c>
      <c r="EY38" s="165">
        <v>21</v>
      </c>
      <c r="EZ38" s="164">
        <v>28</v>
      </c>
    </row>
    <row r="39" spans="2:156" ht="21" customHeight="1" thickBot="1" x14ac:dyDescent="0.25">
      <c r="B39" s="167" t="s">
        <v>37</v>
      </c>
      <c r="C39" s="168">
        <v>0</v>
      </c>
      <c r="D39" s="169">
        <v>0</v>
      </c>
      <c r="E39" s="170">
        <v>0</v>
      </c>
      <c r="F39" s="171">
        <v>0</v>
      </c>
      <c r="G39" s="169">
        <v>0</v>
      </c>
      <c r="H39" s="169">
        <v>0</v>
      </c>
      <c r="I39" s="169">
        <v>0</v>
      </c>
      <c r="J39" s="169">
        <v>0</v>
      </c>
      <c r="K39" s="169">
        <v>0</v>
      </c>
      <c r="L39" s="172">
        <v>0</v>
      </c>
      <c r="M39" s="173">
        <v>0</v>
      </c>
      <c r="N39" s="168">
        <v>0</v>
      </c>
      <c r="O39" s="169">
        <v>0</v>
      </c>
      <c r="P39" s="174">
        <v>0</v>
      </c>
      <c r="Q39" s="171">
        <v>0</v>
      </c>
      <c r="R39" s="169">
        <v>0</v>
      </c>
      <c r="S39" s="169">
        <v>0</v>
      </c>
      <c r="T39" s="169">
        <v>0</v>
      </c>
      <c r="U39" s="169">
        <v>0</v>
      </c>
      <c r="V39" s="169">
        <v>0</v>
      </c>
      <c r="W39" s="174">
        <v>0</v>
      </c>
      <c r="X39" s="173">
        <v>0</v>
      </c>
      <c r="Y39" s="168">
        <v>0</v>
      </c>
      <c r="Z39" s="169">
        <v>0</v>
      </c>
      <c r="AA39" s="174">
        <v>0</v>
      </c>
      <c r="AB39" s="171">
        <v>0</v>
      </c>
      <c r="AC39" s="169">
        <v>0</v>
      </c>
      <c r="AD39" s="169">
        <v>0</v>
      </c>
      <c r="AE39" s="169">
        <v>0</v>
      </c>
      <c r="AF39" s="169">
        <v>0</v>
      </c>
      <c r="AG39" s="169">
        <v>0</v>
      </c>
      <c r="AH39" s="174">
        <v>0</v>
      </c>
      <c r="AI39" s="173">
        <v>0</v>
      </c>
      <c r="AJ39" s="168">
        <v>0</v>
      </c>
      <c r="AK39" s="169">
        <v>0</v>
      </c>
      <c r="AL39" s="174">
        <v>0</v>
      </c>
      <c r="AM39" s="171">
        <v>0</v>
      </c>
      <c r="AN39" s="169">
        <v>0</v>
      </c>
      <c r="AO39" s="169">
        <v>0</v>
      </c>
      <c r="AP39" s="169">
        <v>0</v>
      </c>
      <c r="AQ39" s="169">
        <v>0</v>
      </c>
      <c r="AR39" s="169">
        <v>0</v>
      </c>
      <c r="AS39" s="174">
        <v>0</v>
      </c>
      <c r="AT39" s="173">
        <v>0</v>
      </c>
      <c r="AU39" s="168">
        <v>0</v>
      </c>
      <c r="AV39" s="169">
        <v>0</v>
      </c>
      <c r="AW39" s="174">
        <v>0</v>
      </c>
      <c r="AX39" s="171">
        <v>0</v>
      </c>
      <c r="AY39" s="169">
        <v>0</v>
      </c>
      <c r="AZ39" s="169">
        <v>0</v>
      </c>
      <c r="BA39" s="169">
        <v>0</v>
      </c>
      <c r="BB39" s="169">
        <v>0</v>
      </c>
      <c r="BC39" s="169">
        <v>0</v>
      </c>
      <c r="BD39" s="172">
        <v>0</v>
      </c>
      <c r="BE39" s="173">
        <v>0</v>
      </c>
      <c r="BF39" s="168">
        <v>0</v>
      </c>
      <c r="BG39" s="169">
        <v>0</v>
      </c>
      <c r="BH39" s="174">
        <v>0</v>
      </c>
      <c r="BI39" s="171">
        <v>0</v>
      </c>
      <c r="BJ39" s="169">
        <v>0</v>
      </c>
      <c r="BK39" s="169">
        <v>0</v>
      </c>
      <c r="BL39" s="169">
        <v>0</v>
      </c>
      <c r="BM39" s="169">
        <v>0</v>
      </c>
      <c r="BN39" s="169">
        <v>0</v>
      </c>
      <c r="BO39" s="174">
        <v>0</v>
      </c>
      <c r="BP39" s="173">
        <v>0</v>
      </c>
      <c r="BQ39" s="168">
        <v>0</v>
      </c>
      <c r="BR39" s="169">
        <v>0</v>
      </c>
      <c r="BS39" s="174">
        <v>0</v>
      </c>
      <c r="BT39" s="171">
        <v>0</v>
      </c>
      <c r="BU39" s="169">
        <v>1</v>
      </c>
      <c r="BV39" s="169">
        <v>1</v>
      </c>
      <c r="BW39" s="169">
        <v>0</v>
      </c>
      <c r="BX39" s="169">
        <v>0</v>
      </c>
      <c r="BY39" s="169">
        <v>0</v>
      </c>
      <c r="BZ39" s="174">
        <v>2</v>
      </c>
      <c r="CA39" s="173">
        <v>2</v>
      </c>
      <c r="CB39" s="168">
        <v>0</v>
      </c>
      <c r="CC39" s="169">
        <v>0</v>
      </c>
      <c r="CD39" s="174">
        <v>0</v>
      </c>
      <c r="CE39" s="171">
        <v>0</v>
      </c>
      <c r="CF39" s="169">
        <v>0</v>
      </c>
      <c r="CG39" s="169">
        <v>0</v>
      </c>
      <c r="CH39" s="169">
        <v>0</v>
      </c>
      <c r="CI39" s="169">
        <v>0</v>
      </c>
      <c r="CJ39" s="169">
        <v>0</v>
      </c>
      <c r="CK39" s="174">
        <v>0</v>
      </c>
      <c r="CL39" s="173">
        <v>0</v>
      </c>
      <c r="CM39" s="168">
        <v>0</v>
      </c>
      <c r="CN39" s="169">
        <v>0</v>
      </c>
      <c r="CO39" s="174">
        <v>0</v>
      </c>
      <c r="CP39" s="171">
        <v>0</v>
      </c>
      <c r="CQ39" s="169">
        <v>0</v>
      </c>
      <c r="CR39" s="169">
        <v>0</v>
      </c>
      <c r="CS39" s="169">
        <v>0</v>
      </c>
      <c r="CT39" s="169">
        <v>0</v>
      </c>
      <c r="CU39" s="169">
        <v>0</v>
      </c>
      <c r="CV39" s="174">
        <v>0</v>
      </c>
      <c r="CW39" s="173">
        <v>0</v>
      </c>
      <c r="CX39" s="168">
        <v>0</v>
      </c>
      <c r="CY39" s="169">
        <v>0</v>
      </c>
      <c r="CZ39" s="174">
        <v>0</v>
      </c>
      <c r="DA39" s="171">
        <v>0</v>
      </c>
      <c r="DB39" s="169">
        <v>0</v>
      </c>
      <c r="DC39" s="169">
        <v>0</v>
      </c>
      <c r="DD39" s="169">
        <v>0</v>
      </c>
      <c r="DE39" s="169">
        <v>0</v>
      </c>
      <c r="DF39" s="169">
        <v>0</v>
      </c>
      <c r="DG39" s="174">
        <v>0</v>
      </c>
      <c r="DH39" s="173">
        <v>0</v>
      </c>
      <c r="DI39" s="168">
        <v>0</v>
      </c>
      <c r="DJ39" s="169">
        <v>0</v>
      </c>
      <c r="DK39" s="174">
        <v>0</v>
      </c>
      <c r="DL39" s="171">
        <v>0</v>
      </c>
      <c r="DM39" s="169">
        <v>0</v>
      </c>
      <c r="DN39" s="169">
        <v>0</v>
      </c>
      <c r="DO39" s="169">
        <v>0</v>
      </c>
      <c r="DP39" s="169">
        <v>0</v>
      </c>
      <c r="DQ39" s="169">
        <v>0</v>
      </c>
      <c r="DR39" s="174">
        <v>0</v>
      </c>
      <c r="DS39" s="173">
        <v>0</v>
      </c>
      <c r="DT39" s="168">
        <v>0</v>
      </c>
      <c r="DU39" s="169">
        <v>0</v>
      </c>
      <c r="DV39" s="174">
        <v>0</v>
      </c>
      <c r="DW39" s="171">
        <v>0</v>
      </c>
      <c r="DX39" s="169">
        <v>1</v>
      </c>
      <c r="DY39" s="169">
        <v>3</v>
      </c>
      <c r="DZ39" s="169">
        <v>0</v>
      </c>
      <c r="EA39" s="169">
        <v>0</v>
      </c>
      <c r="EB39" s="169">
        <v>0</v>
      </c>
      <c r="EC39" s="174">
        <v>4</v>
      </c>
      <c r="ED39" s="173">
        <v>4</v>
      </c>
      <c r="EE39" s="168">
        <v>0</v>
      </c>
      <c r="EF39" s="169">
        <v>0</v>
      </c>
      <c r="EG39" s="174">
        <v>0</v>
      </c>
      <c r="EH39" s="171">
        <v>0</v>
      </c>
      <c r="EI39" s="169">
        <v>0</v>
      </c>
      <c r="EJ39" s="169">
        <v>0</v>
      </c>
      <c r="EK39" s="169">
        <v>0</v>
      </c>
      <c r="EL39" s="169">
        <v>0</v>
      </c>
      <c r="EM39" s="169">
        <v>0</v>
      </c>
      <c r="EN39" s="174">
        <v>0</v>
      </c>
      <c r="EO39" s="173">
        <v>0</v>
      </c>
      <c r="EP39" s="168">
        <v>0</v>
      </c>
      <c r="EQ39" s="169">
        <v>0</v>
      </c>
      <c r="ER39" s="174">
        <v>0</v>
      </c>
      <c r="ES39" s="171">
        <v>0</v>
      </c>
      <c r="ET39" s="169">
        <v>1</v>
      </c>
      <c r="EU39" s="169">
        <v>3</v>
      </c>
      <c r="EV39" s="169">
        <v>0</v>
      </c>
      <c r="EW39" s="169">
        <v>0</v>
      </c>
      <c r="EX39" s="169">
        <v>0</v>
      </c>
      <c r="EY39" s="174">
        <v>4</v>
      </c>
      <c r="EZ39" s="173">
        <v>4</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4" width="9" style="175"/>
    <col min="5" max="5" width="10.33203125" style="175" customWidth="1"/>
    <col min="6" max="6" width="7.6640625" style="175" customWidth="1"/>
    <col min="7" max="7" width="10.21875" style="175" customWidth="1"/>
    <col min="8" max="8" width="10.44140625" style="175" customWidth="1"/>
    <col min="9" max="16" width="9" style="175"/>
    <col min="17" max="17" width="7.21875" style="175" customWidth="1"/>
    <col min="18" max="27" width="9" style="175"/>
    <col min="28" max="28" width="7.6640625" style="175" customWidth="1"/>
    <col min="29" max="38" width="9" style="175"/>
    <col min="39" max="39" width="7.6640625" style="175" customWidth="1"/>
    <col min="40" max="49" width="9" style="175"/>
    <col min="50" max="50" width="7.21875" style="175" customWidth="1"/>
    <col min="51" max="60" width="9" style="175"/>
    <col min="61" max="61" width="7.21875" style="175" customWidth="1"/>
    <col min="62" max="71" width="9" style="175"/>
    <col min="72" max="72" width="7.33203125" style="175" customWidth="1"/>
    <col min="73" max="82" width="9" style="175"/>
    <col min="83" max="83" width="7.44140625" style="175" customWidth="1"/>
    <col min="84" max="93" width="9" style="175"/>
    <col min="94" max="94" width="7.6640625" style="175" customWidth="1"/>
    <col min="95" max="104" width="9" style="175"/>
    <col min="105" max="105" width="7.44140625" style="175" customWidth="1"/>
    <col min="106" max="115" width="9" style="175"/>
    <col min="116" max="116" width="7.44140625" style="175" customWidth="1"/>
    <col min="117" max="126" width="9" style="175"/>
    <col min="127" max="127" width="7.44140625" style="175" customWidth="1"/>
    <col min="128" max="137" width="9" style="175"/>
    <col min="138" max="138" width="7.33203125" style="175" customWidth="1"/>
    <col min="139" max="148" width="9" style="175"/>
    <col min="149" max="149" width="7.77734375" style="175" customWidth="1"/>
    <col min="150" max="16384" width="9" style="175"/>
  </cols>
  <sheetData>
    <row r="1" spans="2:156" ht="24" customHeight="1" x14ac:dyDescent="0.2">
      <c r="B1" s="142" t="s">
        <v>120</v>
      </c>
      <c r="I1" s="442">
        <f>第１表!F2</f>
        <v>6</v>
      </c>
      <c r="J1" s="442"/>
      <c r="K1" s="18">
        <f>第１表!G2</f>
        <v>11</v>
      </c>
      <c r="L1" s="447">
        <f>IF(K1&lt;3,K1+12-2,K1-2)</f>
        <v>9</v>
      </c>
      <c r="M1" s="447"/>
    </row>
    <row r="2" spans="2:156" ht="24" customHeight="1" thickBot="1" x14ac:dyDescent="0.25">
      <c r="B2" s="142" t="s">
        <v>151</v>
      </c>
      <c r="G2" s="17"/>
      <c r="H2" s="18"/>
      <c r="J2" s="176"/>
      <c r="K2" s="176"/>
    </row>
    <row r="3" spans="2:156" ht="21" customHeight="1" thickBot="1" x14ac:dyDescent="0.25">
      <c r="B3" s="478"/>
      <c r="C3" s="472" t="s">
        <v>70</v>
      </c>
      <c r="D3" s="473"/>
      <c r="E3" s="473"/>
      <c r="F3" s="473"/>
      <c r="G3" s="473"/>
      <c r="H3" s="473"/>
      <c r="I3" s="473"/>
      <c r="J3" s="473"/>
      <c r="K3" s="473"/>
      <c r="L3" s="473"/>
      <c r="M3" s="474"/>
      <c r="N3" s="472" t="s">
        <v>71</v>
      </c>
      <c r="O3" s="473"/>
      <c r="P3" s="473"/>
      <c r="Q3" s="473"/>
      <c r="R3" s="473"/>
      <c r="S3" s="473"/>
      <c r="T3" s="473"/>
      <c r="U3" s="473"/>
      <c r="V3" s="473"/>
      <c r="W3" s="473"/>
      <c r="X3" s="474"/>
      <c r="Y3" s="472" t="s">
        <v>72</v>
      </c>
      <c r="Z3" s="473"/>
      <c r="AA3" s="473"/>
      <c r="AB3" s="473"/>
      <c r="AC3" s="473"/>
      <c r="AD3" s="473"/>
      <c r="AE3" s="473"/>
      <c r="AF3" s="473"/>
      <c r="AG3" s="473"/>
      <c r="AH3" s="473"/>
      <c r="AI3" s="474"/>
      <c r="AJ3" s="472" t="s">
        <v>73</v>
      </c>
      <c r="AK3" s="473"/>
      <c r="AL3" s="473"/>
      <c r="AM3" s="473"/>
      <c r="AN3" s="473"/>
      <c r="AO3" s="473"/>
      <c r="AP3" s="473"/>
      <c r="AQ3" s="473"/>
      <c r="AR3" s="473"/>
      <c r="AS3" s="473"/>
      <c r="AT3" s="474"/>
      <c r="AU3" s="472" t="s">
        <v>74</v>
      </c>
      <c r="AV3" s="473"/>
      <c r="AW3" s="473"/>
      <c r="AX3" s="473"/>
      <c r="AY3" s="473"/>
      <c r="AZ3" s="473"/>
      <c r="BA3" s="473"/>
      <c r="BB3" s="473"/>
      <c r="BC3" s="473"/>
      <c r="BD3" s="473"/>
      <c r="BE3" s="474"/>
      <c r="BF3" s="472" t="s">
        <v>75</v>
      </c>
      <c r="BG3" s="473"/>
      <c r="BH3" s="473"/>
      <c r="BI3" s="473"/>
      <c r="BJ3" s="473"/>
      <c r="BK3" s="473"/>
      <c r="BL3" s="473"/>
      <c r="BM3" s="473"/>
      <c r="BN3" s="473"/>
      <c r="BO3" s="473"/>
      <c r="BP3" s="474"/>
      <c r="BQ3" s="472" t="s">
        <v>76</v>
      </c>
      <c r="BR3" s="473"/>
      <c r="BS3" s="473"/>
      <c r="BT3" s="473"/>
      <c r="BU3" s="473"/>
      <c r="BV3" s="473"/>
      <c r="BW3" s="473"/>
      <c r="BX3" s="473"/>
      <c r="BY3" s="473"/>
      <c r="BZ3" s="473"/>
      <c r="CA3" s="474"/>
      <c r="CB3" s="472" t="s">
        <v>77</v>
      </c>
      <c r="CC3" s="473"/>
      <c r="CD3" s="473"/>
      <c r="CE3" s="473"/>
      <c r="CF3" s="473"/>
      <c r="CG3" s="473"/>
      <c r="CH3" s="473"/>
      <c r="CI3" s="473"/>
      <c r="CJ3" s="473"/>
      <c r="CK3" s="473"/>
      <c r="CL3" s="474"/>
      <c r="CM3" s="472" t="s">
        <v>78</v>
      </c>
      <c r="CN3" s="473"/>
      <c r="CO3" s="473"/>
      <c r="CP3" s="473"/>
      <c r="CQ3" s="473"/>
      <c r="CR3" s="473"/>
      <c r="CS3" s="473"/>
      <c r="CT3" s="473"/>
      <c r="CU3" s="473"/>
      <c r="CV3" s="473"/>
      <c r="CW3" s="474"/>
      <c r="CX3" s="472" t="s">
        <v>79</v>
      </c>
      <c r="CY3" s="473"/>
      <c r="CZ3" s="473"/>
      <c r="DA3" s="473"/>
      <c r="DB3" s="473"/>
      <c r="DC3" s="473"/>
      <c r="DD3" s="473"/>
      <c r="DE3" s="473"/>
      <c r="DF3" s="473"/>
      <c r="DG3" s="473"/>
      <c r="DH3" s="474"/>
      <c r="DI3" s="472" t="s">
        <v>149</v>
      </c>
      <c r="DJ3" s="473"/>
      <c r="DK3" s="473"/>
      <c r="DL3" s="473"/>
      <c r="DM3" s="473"/>
      <c r="DN3" s="473"/>
      <c r="DO3" s="473"/>
      <c r="DP3" s="473"/>
      <c r="DQ3" s="473"/>
      <c r="DR3" s="473"/>
      <c r="DS3" s="474"/>
      <c r="DT3" s="472" t="s">
        <v>80</v>
      </c>
      <c r="DU3" s="473"/>
      <c r="DV3" s="473"/>
      <c r="DW3" s="473"/>
      <c r="DX3" s="473"/>
      <c r="DY3" s="473"/>
      <c r="DZ3" s="473"/>
      <c r="EA3" s="473"/>
      <c r="EB3" s="473"/>
      <c r="EC3" s="473"/>
      <c r="ED3" s="474"/>
      <c r="EE3" s="472" t="s">
        <v>68</v>
      </c>
      <c r="EF3" s="473"/>
      <c r="EG3" s="473"/>
      <c r="EH3" s="473"/>
      <c r="EI3" s="473"/>
      <c r="EJ3" s="473"/>
      <c r="EK3" s="473"/>
      <c r="EL3" s="473"/>
      <c r="EM3" s="473"/>
      <c r="EN3" s="473"/>
      <c r="EO3" s="474"/>
      <c r="EP3" s="475" t="s">
        <v>69</v>
      </c>
      <c r="EQ3" s="476"/>
      <c r="ER3" s="476"/>
      <c r="ES3" s="476"/>
      <c r="ET3" s="476"/>
      <c r="EU3" s="476"/>
      <c r="EV3" s="476"/>
      <c r="EW3" s="476"/>
      <c r="EX3" s="476"/>
      <c r="EY3" s="476"/>
      <c r="EZ3" s="477"/>
    </row>
    <row r="4" spans="2:156" ht="21" customHeight="1" x14ac:dyDescent="0.2">
      <c r="B4" s="479"/>
      <c r="C4" s="465" t="s">
        <v>61</v>
      </c>
      <c r="D4" s="466"/>
      <c r="E4" s="467"/>
      <c r="F4" s="468" t="s">
        <v>62</v>
      </c>
      <c r="G4" s="466"/>
      <c r="H4" s="466"/>
      <c r="I4" s="466"/>
      <c r="J4" s="466"/>
      <c r="K4" s="466"/>
      <c r="L4" s="471"/>
      <c r="M4" s="469" t="s">
        <v>52</v>
      </c>
      <c r="N4" s="465" t="s">
        <v>61</v>
      </c>
      <c r="O4" s="466"/>
      <c r="P4" s="467"/>
      <c r="Q4" s="468" t="s">
        <v>62</v>
      </c>
      <c r="R4" s="466"/>
      <c r="S4" s="466"/>
      <c r="T4" s="466"/>
      <c r="U4" s="466"/>
      <c r="V4" s="466"/>
      <c r="W4" s="467"/>
      <c r="X4" s="469" t="s">
        <v>52</v>
      </c>
      <c r="Y4" s="465" t="s">
        <v>61</v>
      </c>
      <c r="Z4" s="466"/>
      <c r="AA4" s="467"/>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65" t="s">
        <v>61</v>
      </c>
      <c r="AV4" s="466"/>
      <c r="AW4" s="467"/>
      <c r="AX4" s="468" t="s">
        <v>62</v>
      </c>
      <c r="AY4" s="466"/>
      <c r="AZ4" s="466"/>
      <c r="BA4" s="466"/>
      <c r="BB4" s="466"/>
      <c r="BC4" s="466"/>
      <c r="BD4" s="471"/>
      <c r="BE4" s="469" t="s">
        <v>52</v>
      </c>
      <c r="BF4" s="465" t="s">
        <v>61</v>
      </c>
      <c r="BG4" s="466"/>
      <c r="BH4" s="467"/>
      <c r="BI4" s="468" t="s">
        <v>62</v>
      </c>
      <c r="BJ4" s="466"/>
      <c r="BK4" s="466"/>
      <c r="BL4" s="466"/>
      <c r="BM4" s="466"/>
      <c r="BN4" s="466"/>
      <c r="BO4" s="467"/>
      <c r="BP4" s="469" t="s">
        <v>52</v>
      </c>
      <c r="BQ4" s="465" t="s">
        <v>61</v>
      </c>
      <c r="BR4" s="466"/>
      <c r="BS4" s="467"/>
      <c r="BT4" s="468" t="s">
        <v>62</v>
      </c>
      <c r="BU4" s="466"/>
      <c r="BV4" s="466"/>
      <c r="BW4" s="466"/>
      <c r="BX4" s="466"/>
      <c r="BY4" s="466"/>
      <c r="BZ4" s="467"/>
      <c r="CA4" s="469" t="s">
        <v>52</v>
      </c>
      <c r="CB4" s="465" t="s">
        <v>61</v>
      </c>
      <c r="CC4" s="466"/>
      <c r="CD4" s="467"/>
      <c r="CE4" s="468" t="s">
        <v>62</v>
      </c>
      <c r="CF4" s="466"/>
      <c r="CG4" s="466"/>
      <c r="CH4" s="466"/>
      <c r="CI4" s="466"/>
      <c r="CJ4" s="466"/>
      <c r="CK4" s="467"/>
      <c r="CL4" s="469" t="s">
        <v>52</v>
      </c>
      <c r="CM4" s="465" t="s">
        <v>61</v>
      </c>
      <c r="CN4" s="466"/>
      <c r="CO4" s="467"/>
      <c r="CP4" s="468" t="s">
        <v>62</v>
      </c>
      <c r="CQ4" s="466"/>
      <c r="CR4" s="466"/>
      <c r="CS4" s="466"/>
      <c r="CT4" s="466"/>
      <c r="CU4" s="466"/>
      <c r="CV4" s="467"/>
      <c r="CW4" s="469" t="s">
        <v>52</v>
      </c>
      <c r="CX4" s="465" t="s">
        <v>61</v>
      </c>
      <c r="CY4" s="466"/>
      <c r="CZ4" s="467"/>
      <c r="DA4" s="468" t="s">
        <v>62</v>
      </c>
      <c r="DB4" s="466"/>
      <c r="DC4" s="466"/>
      <c r="DD4" s="466"/>
      <c r="DE4" s="466"/>
      <c r="DF4" s="466"/>
      <c r="DG4" s="467"/>
      <c r="DH4" s="469" t="s">
        <v>52</v>
      </c>
      <c r="DI4" s="465" t="s">
        <v>61</v>
      </c>
      <c r="DJ4" s="466"/>
      <c r="DK4" s="467"/>
      <c r="DL4" s="468" t="s">
        <v>62</v>
      </c>
      <c r="DM4" s="466"/>
      <c r="DN4" s="466"/>
      <c r="DO4" s="466"/>
      <c r="DP4" s="466"/>
      <c r="DQ4" s="466"/>
      <c r="DR4" s="467"/>
      <c r="DS4" s="469" t="s">
        <v>52</v>
      </c>
      <c r="DT4" s="465" t="s">
        <v>61</v>
      </c>
      <c r="DU4" s="466"/>
      <c r="DV4" s="467"/>
      <c r="DW4" s="468" t="s">
        <v>62</v>
      </c>
      <c r="DX4" s="466"/>
      <c r="DY4" s="466"/>
      <c r="DZ4" s="466"/>
      <c r="EA4" s="466"/>
      <c r="EB4" s="466"/>
      <c r="EC4" s="467"/>
      <c r="ED4" s="469" t="s">
        <v>52</v>
      </c>
      <c r="EE4" s="465" t="s">
        <v>61</v>
      </c>
      <c r="EF4" s="466"/>
      <c r="EG4" s="467"/>
      <c r="EH4" s="468" t="s">
        <v>62</v>
      </c>
      <c r="EI4" s="466"/>
      <c r="EJ4" s="466"/>
      <c r="EK4" s="466"/>
      <c r="EL4" s="466"/>
      <c r="EM4" s="466"/>
      <c r="EN4" s="467"/>
      <c r="EO4" s="469" t="s">
        <v>52</v>
      </c>
      <c r="EP4" s="465" t="s">
        <v>61</v>
      </c>
      <c r="EQ4" s="466"/>
      <c r="ER4" s="467"/>
      <c r="ES4" s="468" t="s">
        <v>62</v>
      </c>
      <c r="ET4" s="466"/>
      <c r="EU4" s="466"/>
      <c r="EV4" s="466"/>
      <c r="EW4" s="466"/>
      <c r="EX4" s="466"/>
      <c r="EY4" s="467"/>
      <c r="EZ4" s="469" t="s">
        <v>52</v>
      </c>
    </row>
    <row r="5" spans="2:156" ht="30" customHeight="1" thickBot="1" x14ac:dyDescent="0.25">
      <c r="B5" s="480"/>
      <c r="C5" s="177" t="s">
        <v>43</v>
      </c>
      <c r="D5" s="178" t="s">
        <v>159</v>
      </c>
      <c r="E5" s="179" t="s">
        <v>45</v>
      </c>
      <c r="F5" s="180" t="s">
        <v>83</v>
      </c>
      <c r="G5" s="178" t="s">
        <v>47</v>
      </c>
      <c r="H5" s="178" t="s">
        <v>48</v>
      </c>
      <c r="I5" s="178" t="s">
        <v>49</v>
      </c>
      <c r="J5" s="178" t="s">
        <v>50</v>
      </c>
      <c r="K5" s="178" t="s">
        <v>51</v>
      </c>
      <c r="L5" s="181" t="s">
        <v>45</v>
      </c>
      <c r="M5" s="470"/>
      <c r="N5" s="177" t="s">
        <v>43</v>
      </c>
      <c r="O5" s="178" t="s">
        <v>44</v>
      </c>
      <c r="P5" s="182" t="s">
        <v>45</v>
      </c>
      <c r="Q5" s="180" t="s">
        <v>83</v>
      </c>
      <c r="R5" s="178" t="s">
        <v>47</v>
      </c>
      <c r="S5" s="178" t="s">
        <v>48</v>
      </c>
      <c r="T5" s="178" t="s">
        <v>49</v>
      </c>
      <c r="U5" s="178" t="s">
        <v>50</v>
      </c>
      <c r="V5" s="178" t="s">
        <v>51</v>
      </c>
      <c r="W5" s="182" t="s">
        <v>45</v>
      </c>
      <c r="X5" s="470"/>
      <c r="Y5" s="177" t="s">
        <v>43</v>
      </c>
      <c r="Z5" s="178" t="s">
        <v>44</v>
      </c>
      <c r="AA5" s="182"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2"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c r="DI5" s="177" t="s">
        <v>43</v>
      </c>
      <c r="DJ5" s="178" t="s">
        <v>44</v>
      </c>
      <c r="DK5" s="182" t="s">
        <v>45</v>
      </c>
      <c r="DL5" s="180" t="s">
        <v>83</v>
      </c>
      <c r="DM5" s="178" t="s">
        <v>47</v>
      </c>
      <c r="DN5" s="178" t="s">
        <v>48</v>
      </c>
      <c r="DO5" s="178" t="s">
        <v>49</v>
      </c>
      <c r="DP5" s="178" t="s">
        <v>50</v>
      </c>
      <c r="DQ5" s="178" t="s">
        <v>51</v>
      </c>
      <c r="DR5" s="182" t="s">
        <v>45</v>
      </c>
      <c r="DS5" s="470"/>
      <c r="DT5" s="177" t="s">
        <v>43</v>
      </c>
      <c r="DU5" s="178" t="s">
        <v>44</v>
      </c>
      <c r="DV5" s="182" t="s">
        <v>45</v>
      </c>
      <c r="DW5" s="180" t="s">
        <v>83</v>
      </c>
      <c r="DX5" s="178" t="s">
        <v>47</v>
      </c>
      <c r="DY5" s="178" t="s">
        <v>48</v>
      </c>
      <c r="DZ5" s="178" t="s">
        <v>49</v>
      </c>
      <c r="EA5" s="178" t="s">
        <v>50</v>
      </c>
      <c r="EB5" s="178" t="s">
        <v>51</v>
      </c>
      <c r="EC5" s="182" t="s">
        <v>45</v>
      </c>
      <c r="ED5" s="470"/>
      <c r="EE5" s="177" t="s">
        <v>43</v>
      </c>
      <c r="EF5" s="178" t="s">
        <v>44</v>
      </c>
      <c r="EG5" s="182" t="s">
        <v>45</v>
      </c>
      <c r="EH5" s="180" t="s">
        <v>83</v>
      </c>
      <c r="EI5" s="178" t="s">
        <v>47</v>
      </c>
      <c r="EJ5" s="178" t="s">
        <v>48</v>
      </c>
      <c r="EK5" s="178" t="s">
        <v>49</v>
      </c>
      <c r="EL5" s="178" t="s">
        <v>50</v>
      </c>
      <c r="EM5" s="178" t="s">
        <v>51</v>
      </c>
      <c r="EN5" s="182" t="s">
        <v>45</v>
      </c>
      <c r="EO5" s="470"/>
      <c r="EP5" s="177" t="s">
        <v>43</v>
      </c>
      <c r="EQ5" s="178" t="s">
        <v>44</v>
      </c>
      <c r="ER5" s="182" t="s">
        <v>45</v>
      </c>
      <c r="ES5" s="180" t="s">
        <v>83</v>
      </c>
      <c r="ET5" s="178" t="s">
        <v>47</v>
      </c>
      <c r="EU5" s="178" t="s">
        <v>48</v>
      </c>
      <c r="EV5" s="178" t="s">
        <v>49</v>
      </c>
      <c r="EW5" s="178" t="s">
        <v>50</v>
      </c>
      <c r="EX5" s="178" t="s">
        <v>51</v>
      </c>
      <c r="EY5" s="182" t="s">
        <v>45</v>
      </c>
      <c r="EZ5" s="470"/>
    </row>
    <row r="6" spans="2:156" ht="21" customHeight="1" x14ac:dyDescent="0.2">
      <c r="B6" s="84" t="s">
        <v>4</v>
      </c>
      <c r="C6" s="183">
        <v>0</v>
      </c>
      <c r="D6" s="184">
        <v>0</v>
      </c>
      <c r="E6" s="185">
        <v>0</v>
      </c>
      <c r="F6" s="186">
        <v>0</v>
      </c>
      <c r="G6" s="184">
        <v>1184</v>
      </c>
      <c r="H6" s="184">
        <v>1414</v>
      </c>
      <c r="I6" s="184">
        <v>745</v>
      </c>
      <c r="J6" s="184">
        <v>586</v>
      </c>
      <c r="K6" s="184">
        <v>462</v>
      </c>
      <c r="L6" s="187">
        <v>4391</v>
      </c>
      <c r="M6" s="188">
        <v>4391</v>
      </c>
      <c r="N6" s="183">
        <v>0</v>
      </c>
      <c r="O6" s="184">
        <v>2</v>
      </c>
      <c r="P6" s="189">
        <v>2</v>
      </c>
      <c r="Q6" s="186">
        <v>0</v>
      </c>
      <c r="R6" s="184">
        <v>9</v>
      </c>
      <c r="S6" s="184">
        <v>21</v>
      </c>
      <c r="T6" s="184">
        <v>51</v>
      </c>
      <c r="U6" s="184">
        <v>145</v>
      </c>
      <c r="V6" s="184">
        <v>204</v>
      </c>
      <c r="W6" s="189">
        <v>430</v>
      </c>
      <c r="X6" s="188">
        <v>432</v>
      </c>
      <c r="Y6" s="183">
        <v>257</v>
      </c>
      <c r="Z6" s="184">
        <v>547</v>
      </c>
      <c r="AA6" s="189">
        <v>804</v>
      </c>
      <c r="AB6" s="186">
        <v>0</v>
      </c>
      <c r="AC6" s="184">
        <v>1013</v>
      </c>
      <c r="AD6" s="184">
        <v>1415</v>
      </c>
      <c r="AE6" s="184">
        <v>782</v>
      </c>
      <c r="AF6" s="184">
        <v>639</v>
      </c>
      <c r="AG6" s="184">
        <v>411</v>
      </c>
      <c r="AH6" s="189">
        <v>4260</v>
      </c>
      <c r="AI6" s="188">
        <v>5064</v>
      </c>
      <c r="AJ6" s="183">
        <v>27</v>
      </c>
      <c r="AK6" s="184">
        <v>75</v>
      </c>
      <c r="AL6" s="189">
        <v>102</v>
      </c>
      <c r="AM6" s="186">
        <v>0</v>
      </c>
      <c r="AN6" s="184">
        <v>97</v>
      </c>
      <c r="AO6" s="184">
        <v>150</v>
      </c>
      <c r="AP6" s="184">
        <v>74</v>
      </c>
      <c r="AQ6" s="184">
        <v>84</v>
      </c>
      <c r="AR6" s="184">
        <v>53</v>
      </c>
      <c r="AS6" s="189">
        <v>458</v>
      </c>
      <c r="AT6" s="188">
        <v>560</v>
      </c>
      <c r="AU6" s="183">
        <v>344</v>
      </c>
      <c r="AV6" s="184">
        <v>398</v>
      </c>
      <c r="AW6" s="189">
        <v>742</v>
      </c>
      <c r="AX6" s="186">
        <v>0</v>
      </c>
      <c r="AY6" s="184">
        <v>1467</v>
      </c>
      <c r="AZ6" s="184">
        <v>1846</v>
      </c>
      <c r="BA6" s="184">
        <v>1479</v>
      </c>
      <c r="BB6" s="184">
        <v>1497</v>
      </c>
      <c r="BC6" s="184">
        <v>1097</v>
      </c>
      <c r="BD6" s="187">
        <v>7386</v>
      </c>
      <c r="BE6" s="188">
        <v>8128</v>
      </c>
      <c r="BF6" s="183">
        <v>0</v>
      </c>
      <c r="BG6" s="184">
        <v>0</v>
      </c>
      <c r="BH6" s="189">
        <v>0</v>
      </c>
      <c r="BI6" s="186">
        <v>0</v>
      </c>
      <c r="BJ6" s="184">
        <v>1424</v>
      </c>
      <c r="BK6" s="184">
        <v>1258</v>
      </c>
      <c r="BL6" s="184">
        <v>619</v>
      </c>
      <c r="BM6" s="184">
        <v>319</v>
      </c>
      <c r="BN6" s="184">
        <v>146</v>
      </c>
      <c r="BO6" s="189">
        <v>3766</v>
      </c>
      <c r="BP6" s="188">
        <v>3766</v>
      </c>
      <c r="BQ6" s="183">
        <v>128</v>
      </c>
      <c r="BR6" s="184">
        <v>182</v>
      </c>
      <c r="BS6" s="189">
        <v>310</v>
      </c>
      <c r="BT6" s="186">
        <v>0</v>
      </c>
      <c r="BU6" s="184">
        <v>364</v>
      </c>
      <c r="BV6" s="184">
        <v>466</v>
      </c>
      <c r="BW6" s="184">
        <v>296</v>
      </c>
      <c r="BX6" s="184">
        <v>171</v>
      </c>
      <c r="BY6" s="184">
        <v>56</v>
      </c>
      <c r="BZ6" s="189">
        <v>1353</v>
      </c>
      <c r="CA6" s="188">
        <v>1663</v>
      </c>
      <c r="CB6" s="183">
        <v>4</v>
      </c>
      <c r="CC6" s="184">
        <v>13</v>
      </c>
      <c r="CD6" s="189">
        <v>17</v>
      </c>
      <c r="CE6" s="186">
        <v>0</v>
      </c>
      <c r="CF6" s="184">
        <v>152</v>
      </c>
      <c r="CG6" s="184">
        <v>263</v>
      </c>
      <c r="CH6" s="184">
        <v>235</v>
      </c>
      <c r="CI6" s="184">
        <v>178</v>
      </c>
      <c r="CJ6" s="184">
        <v>87</v>
      </c>
      <c r="CK6" s="189">
        <v>915</v>
      </c>
      <c r="CL6" s="188">
        <v>932</v>
      </c>
      <c r="CM6" s="183">
        <v>2</v>
      </c>
      <c r="CN6" s="184">
        <v>2</v>
      </c>
      <c r="CO6" s="189">
        <v>4</v>
      </c>
      <c r="CP6" s="186">
        <v>0</v>
      </c>
      <c r="CQ6" s="184">
        <v>25</v>
      </c>
      <c r="CR6" s="184">
        <v>48</v>
      </c>
      <c r="CS6" s="184">
        <v>54</v>
      </c>
      <c r="CT6" s="184">
        <v>47</v>
      </c>
      <c r="CU6" s="184">
        <v>29</v>
      </c>
      <c r="CV6" s="189">
        <v>203</v>
      </c>
      <c r="CW6" s="188">
        <v>207</v>
      </c>
      <c r="CX6" s="183">
        <v>0</v>
      </c>
      <c r="CY6" s="184">
        <v>0</v>
      </c>
      <c r="CZ6" s="189">
        <v>0</v>
      </c>
      <c r="DA6" s="186">
        <v>0</v>
      </c>
      <c r="DB6" s="184">
        <v>0</v>
      </c>
      <c r="DC6" s="184">
        <v>0</v>
      </c>
      <c r="DD6" s="184">
        <v>0</v>
      </c>
      <c r="DE6" s="184">
        <v>0</v>
      </c>
      <c r="DF6" s="184">
        <v>0</v>
      </c>
      <c r="DG6" s="189">
        <v>0</v>
      </c>
      <c r="DH6" s="188">
        <v>0</v>
      </c>
      <c r="DI6" s="183">
        <v>0</v>
      </c>
      <c r="DJ6" s="184">
        <v>0</v>
      </c>
      <c r="DK6" s="189">
        <v>0</v>
      </c>
      <c r="DL6" s="186">
        <v>0</v>
      </c>
      <c r="DM6" s="184">
        <v>0</v>
      </c>
      <c r="DN6" s="184">
        <v>0</v>
      </c>
      <c r="DO6" s="184">
        <v>0</v>
      </c>
      <c r="DP6" s="184">
        <v>0</v>
      </c>
      <c r="DQ6" s="184">
        <v>0</v>
      </c>
      <c r="DR6" s="189">
        <v>0</v>
      </c>
      <c r="DS6" s="188">
        <v>0</v>
      </c>
      <c r="DT6" s="183">
        <v>669</v>
      </c>
      <c r="DU6" s="184">
        <v>1463</v>
      </c>
      <c r="DV6" s="189">
        <v>2132</v>
      </c>
      <c r="DW6" s="186">
        <v>0</v>
      </c>
      <c r="DX6" s="184">
        <v>1706</v>
      </c>
      <c r="DY6" s="184">
        <v>3011</v>
      </c>
      <c r="DZ6" s="184">
        <v>1707</v>
      </c>
      <c r="EA6" s="184">
        <v>1248</v>
      </c>
      <c r="EB6" s="184">
        <v>776</v>
      </c>
      <c r="EC6" s="189">
        <v>8448</v>
      </c>
      <c r="ED6" s="188">
        <v>10580</v>
      </c>
      <c r="EE6" s="183">
        <v>238</v>
      </c>
      <c r="EF6" s="184">
        <v>183</v>
      </c>
      <c r="EG6" s="189">
        <v>421</v>
      </c>
      <c r="EH6" s="186">
        <v>0</v>
      </c>
      <c r="EI6" s="184">
        <v>694</v>
      </c>
      <c r="EJ6" s="184">
        <v>728</v>
      </c>
      <c r="EK6" s="184">
        <v>591</v>
      </c>
      <c r="EL6" s="184">
        <v>652</v>
      </c>
      <c r="EM6" s="184">
        <v>433</v>
      </c>
      <c r="EN6" s="189">
        <v>3098</v>
      </c>
      <c r="EO6" s="188">
        <v>3519</v>
      </c>
      <c r="EP6" s="183">
        <v>996</v>
      </c>
      <c r="EQ6" s="184">
        <v>1876</v>
      </c>
      <c r="ER6" s="189">
        <v>2872</v>
      </c>
      <c r="ES6" s="186">
        <v>0</v>
      </c>
      <c r="ET6" s="184">
        <v>3945</v>
      </c>
      <c r="EU6" s="184">
        <v>4203</v>
      </c>
      <c r="EV6" s="184">
        <v>2029</v>
      </c>
      <c r="EW6" s="184">
        <v>1381</v>
      </c>
      <c r="EX6" s="184">
        <v>790</v>
      </c>
      <c r="EY6" s="189">
        <v>12348</v>
      </c>
      <c r="EZ6" s="188">
        <v>15220</v>
      </c>
    </row>
    <row r="7" spans="2:156" ht="21" customHeight="1" x14ac:dyDescent="0.2">
      <c r="B7" s="95" t="s">
        <v>5</v>
      </c>
      <c r="C7" s="190">
        <v>0</v>
      </c>
      <c r="D7" s="191">
        <v>0</v>
      </c>
      <c r="E7" s="192">
        <v>0</v>
      </c>
      <c r="F7" s="193">
        <v>0</v>
      </c>
      <c r="G7" s="191">
        <v>461</v>
      </c>
      <c r="H7" s="191">
        <v>696</v>
      </c>
      <c r="I7" s="191">
        <v>337</v>
      </c>
      <c r="J7" s="191">
        <v>264</v>
      </c>
      <c r="K7" s="191">
        <v>207</v>
      </c>
      <c r="L7" s="194">
        <v>1965</v>
      </c>
      <c r="M7" s="195">
        <v>1965</v>
      </c>
      <c r="N7" s="190">
        <v>0</v>
      </c>
      <c r="O7" s="191">
        <v>2</v>
      </c>
      <c r="P7" s="196">
        <v>2</v>
      </c>
      <c r="Q7" s="193">
        <v>0</v>
      </c>
      <c r="R7" s="191">
        <v>3</v>
      </c>
      <c r="S7" s="191">
        <v>10</v>
      </c>
      <c r="T7" s="191">
        <v>18</v>
      </c>
      <c r="U7" s="191">
        <v>56</v>
      </c>
      <c r="V7" s="191">
        <v>114</v>
      </c>
      <c r="W7" s="196">
        <v>201</v>
      </c>
      <c r="X7" s="195">
        <v>203</v>
      </c>
      <c r="Y7" s="190">
        <v>114</v>
      </c>
      <c r="Z7" s="191">
        <v>302</v>
      </c>
      <c r="AA7" s="196">
        <v>416</v>
      </c>
      <c r="AB7" s="193">
        <v>0</v>
      </c>
      <c r="AC7" s="191">
        <v>363</v>
      </c>
      <c r="AD7" s="191">
        <v>750</v>
      </c>
      <c r="AE7" s="191">
        <v>379</v>
      </c>
      <c r="AF7" s="191">
        <v>293</v>
      </c>
      <c r="AG7" s="191">
        <v>189</v>
      </c>
      <c r="AH7" s="196">
        <v>1974</v>
      </c>
      <c r="AI7" s="195">
        <v>2390</v>
      </c>
      <c r="AJ7" s="190">
        <v>12</v>
      </c>
      <c r="AK7" s="191">
        <v>46</v>
      </c>
      <c r="AL7" s="196">
        <v>58</v>
      </c>
      <c r="AM7" s="193">
        <v>0</v>
      </c>
      <c r="AN7" s="191">
        <v>33</v>
      </c>
      <c r="AO7" s="191">
        <v>67</v>
      </c>
      <c r="AP7" s="191">
        <v>32</v>
      </c>
      <c r="AQ7" s="191">
        <v>38</v>
      </c>
      <c r="AR7" s="191">
        <v>25</v>
      </c>
      <c r="AS7" s="196">
        <v>195</v>
      </c>
      <c r="AT7" s="195">
        <v>253</v>
      </c>
      <c r="AU7" s="190">
        <v>168</v>
      </c>
      <c r="AV7" s="191">
        <v>211</v>
      </c>
      <c r="AW7" s="196">
        <v>379</v>
      </c>
      <c r="AX7" s="193">
        <v>0</v>
      </c>
      <c r="AY7" s="191">
        <v>560</v>
      </c>
      <c r="AZ7" s="191">
        <v>854</v>
      </c>
      <c r="BA7" s="191">
        <v>671</v>
      </c>
      <c r="BB7" s="191">
        <v>685</v>
      </c>
      <c r="BC7" s="191">
        <v>474</v>
      </c>
      <c r="BD7" s="194">
        <v>3244</v>
      </c>
      <c r="BE7" s="195">
        <v>3623</v>
      </c>
      <c r="BF7" s="190">
        <v>0</v>
      </c>
      <c r="BG7" s="191">
        <v>0</v>
      </c>
      <c r="BH7" s="196">
        <v>0</v>
      </c>
      <c r="BI7" s="193">
        <v>0</v>
      </c>
      <c r="BJ7" s="191">
        <v>488</v>
      </c>
      <c r="BK7" s="191">
        <v>551</v>
      </c>
      <c r="BL7" s="191">
        <v>247</v>
      </c>
      <c r="BM7" s="191">
        <v>114</v>
      </c>
      <c r="BN7" s="191">
        <v>48</v>
      </c>
      <c r="BO7" s="196">
        <v>1448</v>
      </c>
      <c r="BP7" s="195">
        <v>1448</v>
      </c>
      <c r="BQ7" s="190">
        <v>62</v>
      </c>
      <c r="BR7" s="191">
        <v>93</v>
      </c>
      <c r="BS7" s="196">
        <v>155</v>
      </c>
      <c r="BT7" s="193">
        <v>0</v>
      </c>
      <c r="BU7" s="191">
        <v>110</v>
      </c>
      <c r="BV7" s="191">
        <v>228</v>
      </c>
      <c r="BW7" s="191">
        <v>147</v>
      </c>
      <c r="BX7" s="191">
        <v>80</v>
      </c>
      <c r="BY7" s="191">
        <v>27</v>
      </c>
      <c r="BZ7" s="196">
        <v>592</v>
      </c>
      <c r="CA7" s="195">
        <v>747</v>
      </c>
      <c r="CB7" s="190">
        <v>0</v>
      </c>
      <c r="CC7" s="191">
        <v>8</v>
      </c>
      <c r="CD7" s="196">
        <v>8</v>
      </c>
      <c r="CE7" s="193">
        <v>0</v>
      </c>
      <c r="CF7" s="191">
        <v>50</v>
      </c>
      <c r="CG7" s="191">
        <v>101</v>
      </c>
      <c r="CH7" s="191">
        <v>90</v>
      </c>
      <c r="CI7" s="191">
        <v>66</v>
      </c>
      <c r="CJ7" s="191">
        <v>36</v>
      </c>
      <c r="CK7" s="196">
        <v>343</v>
      </c>
      <c r="CL7" s="195">
        <v>351</v>
      </c>
      <c r="CM7" s="190">
        <v>2</v>
      </c>
      <c r="CN7" s="191">
        <v>2</v>
      </c>
      <c r="CO7" s="196">
        <v>4</v>
      </c>
      <c r="CP7" s="193">
        <v>0</v>
      </c>
      <c r="CQ7" s="191">
        <v>7</v>
      </c>
      <c r="CR7" s="191">
        <v>29</v>
      </c>
      <c r="CS7" s="191">
        <v>29</v>
      </c>
      <c r="CT7" s="191">
        <v>29</v>
      </c>
      <c r="CU7" s="191">
        <v>16</v>
      </c>
      <c r="CV7" s="196">
        <v>110</v>
      </c>
      <c r="CW7" s="195">
        <v>114</v>
      </c>
      <c r="CX7" s="190">
        <v>0</v>
      </c>
      <c r="CY7" s="191">
        <v>0</v>
      </c>
      <c r="CZ7" s="196">
        <v>0</v>
      </c>
      <c r="DA7" s="193">
        <v>0</v>
      </c>
      <c r="DB7" s="191">
        <v>0</v>
      </c>
      <c r="DC7" s="191">
        <v>0</v>
      </c>
      <c r="DD7" s="191">
        <v>0</v>
      </c>
      <c r="DE7" s="191">
        <v>0</v>
      </c>
      <c r="DF7" s="191">
        <v>0</v>
      </c>
      <c r="DG7" s="196">
        <v>0</v>
      </c>
      <c r="DH7" s="195">
        <v>0</v>
      </c>
      <c r="DI7" s="190">
        <v>0</v>
      </c>
      <c r="DJ7" s="191">
        <v>0</v>
      </c>
      <c r="DK7" s="196">
        <v>0</v>
      </c>
      <c r="DL7" s="193">
        <v>0</v>
      </c>
      <c r="DM7" s="191">
        <v>0</v>
      </c>
      <c r="DN7" s="191">
        <v>0</v>
      </c>
      <c r="DO7" s="191">
        <v>0</v>
      </c>
      <c r="DP7" s="191">
        <v>0</v>
      </c>
      <c r="DQ7" s="191">
        <v>0</v>
      </c>
      <c r="DR7" s="196">
        <v>0</v>
      </c>
      <c r="DS7" s="195">
        <v>0</v>
      </c>
      <c r="DT7" s="190">
        <v>232</v>
      </c>
      <c r="DU7" s="191">
        <v>694</v>
      </c>
      <c r="DV7" s="196">
        <v>926</v>
      </c>
      <c r="DW7" s="193">
        <v>0</v>
      </c>
      <c r="DX7" s="191">
        <v>546</v>
      </c>
      <c r="DY7" s="191">
        <v>1409</v>
      </c>
      <c r="DZ7" s="191">
        <v>761</v>
      </c>
      <c r="EA7" s="191">
        <v>556</v>
      </c>
      <c r="EB7" s="191">
        <v>339</v>
      </c>
      <c r="EC7" s="196">
        <v>3611</v>
      </c>
      <c r="ED7" s="195">
        <v>4537</v>
      </c>
      <c r="EE7" s="190">
        <v>111</v>
      </c>
      <c r="EF7" s="191">
        <v>97</v>
      </c>
      <c r="EG7" s="196">
        <v>208</v>
      </c>
      <c r="EH7" s="193">
        <v>0</v>
      </c>
      <c r="EI7" s="191">
        <v>277</v>
      </c>
      <c r="EJ7" s="191">
        <v>361</v>
      </c>
      <c r="EK7" s="191">
        <v>281</v>
      </c>
      <c r="EL7" s="191">
        <v>306</v>
      </c>
      <c r="EM7" s="191">
        <v>184</v>
      </c>
      <c r="EN7" s="196">
        <v>1409</v>
      </c>
      <c r="EO7" s="195">
        <v>1617</v>
      </c>
      <c r="EP7" s="190">
        <v>380</v>
      </c>
      <c r="EQ7" s="191">
        <v>941</v>
      </c>
      <c r="ER7" s="196">
        <v>1321</v>
      </c>
      <c r="ES7" s="193">
        <v>0</v>
      </c>
      <c r="ET7" s="191">
        <v>1400</v>
      </c>
      <c r="EU7" s="191">
        <v>2019</v>
      </c>
      <c r="EV7" s="191">
        <v>932</v>
      </c>
      <c r="EW7" s="191">
        <v>610</v>
      </c>
      <c r="EX7" s="191">
        <v>361</v>
      </c>
      <c r="EY7" s="196">
        <v>5322</v>
      </c>
      <c r="EZ7" s="195">
        <v>6643</v>
      </c>
    </row>
    <row r="8" spans="2:156" ht="21" customHeight="1" x14ac:dyDescent="0.2">
      <c r="B8" s="106" t="s">
        <v>6</v>
      </c>
      <c r="C8" s="190">
        <v>0</v>
      </c>
      <c r="D8" s="191">
        <v>0</v>
      </c>
      <c r="E8" s="192">
        <v>0</v>
      </c>
      <c r="F8" s="193">
        <v>0</v>
      </c>
      <c r="G8" s="191">
        <v>233</v>
      </c>
      <c r="H8" s="191">
        <v>208</v>
      </c>
      <c r="I8" s="191">
        <v>97</v>
      </c>
      <c r="J8" s="191">
        <v>95</v>
      </c>
      <c r="K8" s="191">
        <v>82</v>
      </c>
      <c r="L8" s="194">
        <v>715</v>
      </c>
      <c r="M8" s="195">
        <v>715</v>
      </c>
      <c r="N8" s="190">
        <v>0</v>
      </c>
      <c r="O8" s="191">
        <v>0</v>
      </c>
      <c r="P8" s="196">
        <v>0</v>
      </c>
      <c r="Q8" s="193">
        <v>0</v>
      </c>
      <c r="R8" s="191">
        <v>2</v>
      </c>
      <c r="S8" s="191">
        <v>3</v>
      </c>
      <c r="T8" s="191">
        <v>10</v>
      </c>
      <c r="U8" s="191">
        <v>26</v>
      </c>
      <c r="V8" s="191">
        <v>24</v>
      </c>
      <c r="W8" s="196">
        <v>65</v>
      </c>
      <c r="X8" s="195">
        <v>65</v>
      </c>
      <c r="Y8" s="190">
        <v>49</v>
      </c>
      <c r="Z8" s="191">
        <v>84</v>
      </c>
      <c r="AA8" s="196">
        <v>133</v>
      </c>
      <c r="AB8" s="193">
        <v>0</v>
      </c>
      <c r="AC8" s="191">
        <v>226</v>
      </c>
      <c r="AD8" s="191">
        <v>223</v>
      </c>
      <c r="AE8" s="191">
        <v>136</v>
      </c>
      <c r="AF8" s="191">
        <v>110</v>
      </c>
      <c r="AG8" s="191">
        <v>74</v>
      </c>
      <c r="AH8" s="196">
        <v>769</v>
      </c>
      <c r="AI8" s="195">
        <v>902</v>
      </c>
      <c r="AJ8" s="190">
        <v>1</v>
      </c>
      <c r="AK8" s="191">
        <v>6</v>
      </c>
      <c r="AL8" s="196">
        <v>7</v>
      </c>
      <c r="AM8" s="193">
        <v>0</v>
      </c>
      <c r="AN8" s="191">
        <v>19</v>
      </c>
      <c r="AO8" s="191">
        <v>21</v>
      </c>
      <c r="AP8" s="191">
        <v>12</v>
      </c>
      <c r="AQ8" s="191">
        <v>14</v>
      </c>
      <c r="AR8" s="191">
        <v>5</v>
      </c>
      <c r="AS8" s="196">
        <v>71</v>
      </c>
      <c r="AT8" s="195">
        <v>78</v>
      </c>
      <c r="AU8" s="190">
        <v>56</v>
      </c>
      <c r="AV8" s="191">
        <v>57</v>
      </c>
      <c r="AW8" s="196">
        <v>113</v>
      </c>
      <c r="AX8" s="193">
        <v>0</v>
      </c>
      <c r="AY8" s="191">
        <v>319</v>
      </c>
      <c r="AZ8" s="191">
        <v>333</v>
      </c>
      <c r="BA8" s="191">
        <v>249</v>
      </c>
      <c r="BB8" s="191">
        <v>272</v>
      </c>
      <c r="BC8" s="191">
        <v>219</v>
      </c>
      <c r="BD8" s="194">
        <v>1392</v>
      </c>
      <c r="BE8" s="195">
        <v>1505</v>
      </c>
      <c r="BF8" s="190">
        <v>0</v>
      </c>
      <c r="BG8" s="191">
        <v>0</v>
      </c>
      <c r="BH8" s="196">
        <v>0</v>
      </c>
      <c r="BI8" s="193">
        <v>0</v>
      </c>
      <c r="BJ8" s="191">
        <v>275</v>
      </c>
      <c r="BK8" s="191">
        <v>199</v>
      </c>
      <c r="BL8" s="191">
        <v>90</v>
      </c>
      <c r="BM8" s="191">
        <v>54</v>
      </c>
      <c r="BN8" s="191">
        <v>24</v>
      </c>
      <c r="BO8" s="196">
        <v>642</v>
      </c>
      <c r="BP8" s="195">
        <v>642</v>
      </c>
      <c r="BQ8" s="190">
        <v>12</v>
      </c>
      <c r="BR8" s="191">
        <v>14</v>
      </c>
      <c r="BS8" s="196">
        <v>26</v>
      </c>
      <c r="BT8" s="193">
        <v>0</v>
      </c>
      <c r="BU8" s="191">
        <v>67</v>
      </c>
      <c r="BV8" s="191">
        <v>63</v>
      </c>
      <c r="BW8" s="191">
        <v>34</v>
      </c>
      <c r="BX8" s="191">
        <v>24</v>
      </c>
      <c r="BY8" s="191">
        <v>5</v>
      </c>
      <c r="BZ8" s="196">
        <v>193</v>
      </c>
      <c r="CA8" s="195">
        <v>219</v>
      </c>
      <c r="CB8" s="190">
        <v>0</v>
      </c>
      <c r="CC8" s="191">
        <v>2</v>
      </c>
      <c r="CD8" s="196">
        <v>2</v>
      </c>
      <c r="CE8" s="193">
        <v>0</v>
      </c>
      <c r="CF8" s="191">
        <v>23</v>
      </c>
      <c r="CG8" s="191">
        <v>48</v>
      </c>
      <c r="CH8" s="191">
        <v>35</v>
      </c>
      <c r="CI8" s="191">
        <v>30</v>
      </c>
      <c r="CJ8" s="191">
        <v>13</v>
      </c>
      <c r="CK8" s="196">
        <v>149</v>
      </c>
      <c r="CL8" s="195">
        <v>151</v>
      </c>
      <c r="CM8" s="190">
        <v>0</v>
      </c>
      <c r="CN8" s="191">
        <v>0</v>
      </c>
      <c r="CO8" s="196">
        <v>0</v>
      </c>
      <c r="CP8" s="193">
        <v>0</v>
      </c>
      <c r="CQ8" s="191">
        <v>3</v>
      </c>
      <c r="CR8" s="191">
        <v>8</v>
      </c>
      <c r="CS8" s="191">
        <v>9</v>
      </c>
      <c r="CT8" s="191">
        <v>7</v>
      </c>
      <c r="CU8" s="191">
        <v>4</v>
      </c>
      <c r="CV8" s="196">
        <v>31</v>
      </c>
      <c r="CW8" s="195">
        <v>31</v>
      </c>
      <c r="CX8" s="190">
        <v>0</v>
      </c>
      <c r="CY8" s="191">
        <v>0</v>
      </c>
      <c r="CZ8" s="196">
        <v>0</v>
      </c>
      <c r="DA8" s="193">
        <v>0</v>
      </c>
      <c r="DB8" s="191">
        <v>0</v>
      </c>
      <c r="DC8" s="191">
        <v>0</v>
      </c>
      <c r="DD8" s="191">
        <v>0</v>
      </c>
      <c r="DE8" s="191">
        <v>0</v>
      </c>
      <c r="DF8" s="191">
        <v>0</v>
      </c>
      <c r="DG8" s="196">
        <v>0</v>
      </c>
      <c r="DH8" s="195">
        <v>0</v>
      </c>
      <c r="DI8" s="190">
        <v>0</v>
      </c>
      <c r="DJ8" s="191">
        <v>0</v>
      </c>
      <c r="DK8" s="196">
        <v>0</v>
      </c>
      <c r="DL8" s="193">
        <v>0</v>
      </c>
      <c r="DM8" s="191">
        <v>0</v>
      </c>
      <c r="DN8" s="191">
        <v>0</v>
      </c>
      <c r="DO8" s="191">
        <v>0</v>
      </c>
      <c r="DP8" s="191">
        <v>0</v>
      </c>
      <c r="DQ8" s="191">
        <v>0</v>
      </c>
      <c r="DR8" s="196">
        <v>0</v>
      </c>
      <c r="DS8" s="195">
        <v>0</v>
      </c>
      <c r="DT8" s="190">
        <v>122</v>
      </c>
      <c r="DU8" s="191">
        <v>199</v>
      </c>
      <c r="DV8" s="196">
        <v>321</v>
      </c>
      <c r="DW8" s="193">
        <v>0</v>
      </c>
      <c r="DX8" s="191">
        <v>354</v>
      </c>
      <c r="DY8" s="191">
        <v>465</v>
      </c>
      <c r="DZ8" s="191">
        <v>259</v>
      </c>
      <c r="EA8" s="191">
        <v>209</v>
      </c>
      <c r="EB8" s="191">
        <v>144</v>
      </c>
      <c r="EC8" s="196">
        <v>1431</v>
      </c>
      <c r="ED8" s="195">
        <v>1752</v>
      </c>
      <c r="EE8" s="190">
        <v>35</v>
      </c>
      <c r="EF8" s="191">
        <v>18</v>
      </c>
      <c r="EG8" s="196">
        <v>53</v>
      </c>
      <c r="EH8" s="193">
        <v>0</v>
      </c>
      <c r="EI8" s="191">
        <v>139</v>
      </c>
      <c r="EJ8" s="191">
        <v>121</v>
      </c>
      <c r="EK8" s="191">
        <v>100</v>
      </c>
      <c r="EL8" s="191">
        <v>124</v>
      </c>
      <c r="EM8" s="191">
        <v>82</v>
      </c>
      <c r="EN8" s="196">
        <v>566</v>
      </c>
      <c r="EO8" s="195">
        <v>619</v>
      </c>
      <c r="EP8" s="190">
        <v>170</v>
      </c>
      <c r="EQ8" s="191">
        <v>253</v>
      </c>
      <c r="ER8" s="196">
        <v>423</v>
      </c>
      <c r="ES8" s="193">
        <v>0</v>
      </c>
      <c r="ET8" s="191">
        <v>765</v>
      </c>
      <c r="EU8" s="191">
        <v>631</v>
      </c>
      <c r="EV8" s="191">
        <v>292</v>
      </c>
      <c r="EW8" s="191">
        <v>228</v>
      </c>
      <c r="EX8" s="191">
        <v>135</v>
      </c>
      <c r="EY8" s="196">
        <v>2051</v>
      </c>
      <c r="EZ8" s="195">
        <v>2474</v>
      </c>
    </row>
    <row r="9" spans="2:156" ht="21" customHeight="1" x14ac:dyDescent="0.2">
      <c r="B9" s="106" t="s">
        <v>14</v>
      </c>
      <c r="C9" s="190">
        <v>0</v>
      </c>
      <c r="D9" s="191">
        <v>0</v>
      </c>
      <c r="E9" s="192">
        <v>0</v>
      </c>
      <c r="F9" s="193">
        <v>0</v>
      </c>
      <c r="G9" s="191">
        <v>53</v>
      </c>
      <c r="H9" s="191">
        <v>84</v>
      </c>
      <c r="I9" s="191">
        <v>43</v>
      </c>
      <c r="J9" s="191">
        <v>30</v>
      </c>
      <c r="K9" s="191">
        <v>35</v>
      </c>
      <c r="L9" s="194">
        <v>245</v>
      </c>
      <c r="M9" s="195">
        <v>245</v>
      </c>
      <c r="N9" s="190">
        <v>0</v>
      </c>
      <c r="O9" s="191">
        <v>0</v>
      </c>
      <c r="P9" s="196">
        <v>0</v>
      </c>
      <c r="Q9" s="193">
        <v>0</v>
      </c>
      <c r="R9" s="191">
        <v>0</v>
      </c>
      <c r="S9" s="191">
        <v>1</v>
      </c>
      <c r="T9" s="191">
        <v>4</v>
      </c>
      <c r="U9" s="191">
        <v>13</v>
      </c>
      <c r="V9" s="191">
        <v>9</v>
      </c>
      <c r="W9" s="196">
        <v>27</v>
      </c>
      <c r="X9" s="195">
        <v>27</v>
      </c>
      <c r="Y9" s="190">
        <v>5</v>
      </c>
      <c r="Z9" s="191">
        <v>22</v>
      </c>
      <c r="AA9" s="196">
        <v>27</v>
      </c>
      <c r="AB9" s="193">
        <v>0</v>
      </c>
      <c r="AC9" s="191">
        <v>44</v>
      </c>
      <c r="AD9" s="191">
        <v>68</v>
      </c>
      <c r="AE9" s="191">
        <v>45</v>
      </c>
      <c r="AF9" s="191">
        <v>34</v>
      </c>
      <c r="AG9" s="191">
        <v>25</v>
      </c>
      <c r="AH9" s="196">
        <v>216</v>
      </c>
      <c r="AI9" s="195">
        <v>243</v>
      </c>
      <c r="AJ9" s="190">
        <v>0</v>
      </c>
      <c r="AK9" s="191">
        <v>3</v>
      </c>
      <c r="AL9" s="196">
        <v>3</v>
      </c>
      <c r="AM9" s="193">
        <v>0</v>
      </c>
      <c r="AN9" s="191">
        <v>0</v>
      </c>
      <c r="AO9" s="191">
        <v>6</v>
      </c>
      <c r="AP9" s="191">
        <v>1</v>
      </c>
      <c r="AQ9" s="191">
        <v>2</v>
      </c>
      <c r="AR9" s="191">
        <v>3</v>
      </c>
      <c r="AS9" s="196">
        <v>12</v>
      </c>
      <c r="AT9" s="195">
        <v>15</v>
      </c>
      <c r="AU9" s="190">
        <v>12</v>
      </c>
      <c r="AV9" s="191">
        <v>25</v>
      </c>
      <c r="AW9" s="196">
        <v>37</v>
      </c>
      <c r="AX9" s="193">
        <v>0</v>
      </c>
      <c r="AY9" s="191">
        <v>70</v>
      </c>
      <c r="AZ9" s="191">
        <v>111</v>
      </c>
      <c r="BA9" s="191">
        <v>90</v>
      </c>
      <c r="BB9" s="191">
        <v>85</v>
      </c>
      <c r="BC9" s="191">
        <v>70</v>
      </c>
      <c r="BD9" s="194">
        <v>426</v>
      </c>
      <c r="BE9" s="195">
        <v>463</v>
      </c>
      <c r="BF9" s="190">
        <v>0</v>
      </c>
      <c r="BG9" s="191">
        <v>0</v>
      </c>
      <c r="BH9" s="196">
        <v>0</v>
      </c>
      <c r="BI9" s="193">
        <v>0</v>
      </c>
      <c r="BJ9" s="191">
        <v>90</v>
      </c>
      <c r="BK9" s="191">
        <v>102</v>
      </c>
      <c r="BL9" s="191">
        <v>58</v>
      </c>
      <c r="BM9" s="191">
        <v>30</v>
      </c>
      <c r="BN9" s="191">
        <v>17</v>
      </c>
      <c r="BO9" s="196">
        <v>297</v>
      </c>
      <c r="BP9" s="195">
        <v>297</v>
      </c>
      <c r="BQ9" s="190">
        <v>7</v>
      </c>
      <c r="BR9" s="191">
        <v>8</v>
      </c>
      <c r="BS9" s="196">
        <v>15</v>
      </c>
      <c r="BT9" s="193">
        <v>0</v>
      </c>
      <c r="BU9" s="191">
        <v>8</v>
      </c>
      <c r="BV9" s="191">
        <v>19</v>
      </c>
      <c r="BW9" s="191">
        <v>13</v>
      </c>
      <c r="BX9" s="191">
        <v>11</v>
      </c>
      <c r="BY9" s="191">
        <v>2</v>
      </c>
      <c r="BZ9" s="196">
        <v>53</v>
      </c>
      <c r="CA9" s="195">
        <v>68</v>
      </c>
      <c r="CB9" s="190">
        <v>0</v>
      </c>
      <c r="CC9" s="191">
        <v>0</v>
      </c>
      <c r="CD9" s="196">
        <v>0</v>
      </c>
      <c r="CE9" s="193">
        <v>0</v>
      </c>
      <c r="CF9" s="191">
        <v>9</v>
      </c>
      <c r="CG9" s="191">
        <v>13</v>
      </c>
      <c r="CH9" s="191">
        <v>16</v>
      </c>
      <c r="CI9" s="191">
        <v>19</v>
      </c>
      <c r="CJ9" s="191">
        <v>8</v>
      </c>
      <c r="CK9" s="196">
        <v>65</v>
      </c>
      <c r="CL9" s="195">
        <v>65</v>
      </c>
      <c r="CM9" s="190">
        <v>0</v>
      </c>
      <c r="CN9" s="191">
        <v>0</v>
      </c>
      <c r="CO9" s="196">
        <v>0</v>
      </c>
      <c r="CP9" s="193">
        <v>0</v>
      </c>
      <c r="CQ9" s="191">
        <v>1</v>
      </c>
      <c r="CR9" s="191">
        <v>1</v>
      </c>
      <c r="CS9" s="191">
        <v>1</v>
      </c>
      <c r="CT9" s="191">
        <v>0</v>
      </c>
      <c r="CU9" s="191">
        <v>0</v>
      </c>
      <c r="CV9" s="196">
        <v>3</v>
      </c>
      <c r="CW9" s="195">
        <v>3</v>
      </c>
      <c r="CX9" s="190">
        <v>0</v>
      </c>
      <c r="CY9" s="191">
        <v>0</v>
      </c>
      <c r="CZ9" s="196">
        <v>0</v>
      </c>
      <c r="DA9" s="193">
        <v>0</v>
      </c>
      <c r="DB9" s="191">
        <v>0</v>
      </c>
      <c r="DC9" s="191">
        <v>0</v>
      </c>
      <c r="DD9" s="191">
        <v>0</v>
      </c>
      <c r="DE9" s="191">
        <v>0</v>
      </c>
      <c r="DF9" s="191">
        <v>0</v>
      </c>
      <c r="DG9" s="196">
        <v>0</v>
      </c>
      <c r="DH9" s="195">
        <v>0</v>
      </c>
      <c r="DI9" s="190">
        <v>0</v>
      </c>
      <c r="DJ9" s="191">
        <v>0</v>
      </c>
      <c r="DK9" s="196">
        <v>0</v>
      </c>
      <c r="DL9" s="193">
        <v>0</v>
      </c>
      <c r="DM9" s="191">
        <v>0</v>
      </c>
      <c r="DN9" s="191">
        <v>0</v>
      </c>
      <c r="DO9" s="191">
        <v>0</v>
      </c>
      <c r="DP9" s="191">
        <v>0</v>
      </c>
      <c r="DQ9" s="191">
        <v>0</v>
      </c>
      <c r="DR9" s="196">
        <v>0</v>
      </c>
      <c r="DS9" s="195">
        <v>0</v>
      </c>
      <c r="DT9" s="190">
        <v>37</v>
      </c>
      <c r="DU9" s="191">
        <v>91</v>
      </c>
      <c r="DV9" s="196">
        <v>128</v>
      </c>
      <c r="DW9" s="193">
        <v>0</v>
      </c>
      <c r="DX9" s="191">
        <v>87</v>
      </c>
      <c r="DY9" s="191">
        <v>200</v>
      </c>
      <c r="DZ9" s="191">
        <v>118</v>
      </c>
      <c r="EA9" s="191">
        <v>81</v>
      </c>
      <c r="EB9" s="191">
        <v>59</v>
      </c>
      <c r="EC9" s="196">
        <v>545</v>
      </c>
      <c r="ED9" s="195">
        <v>673</v>
      </c>
      <c r="EE9" s="190">
        <v>9</v>
      </c>
      <c r="EF9" s="191">
        <v>10</v>
      </c>
      <c r="EG9" s="196">
        <v>19</v>
      </c>
      <c r="EH9" s="193">
        <v>0</v>
      </c>
      <c r="EI9" s="191">
        <v>28</v>
      </c>
      <c r="EJ9" s="191">
        <v>38</v>
      </c>
      <c r="EK9" s="191">
        <v>26</v>
      </c>
      <c r="EL9" s="191">
        <v>31</v>
      </c>
      <c r="EM9" s="191">
        <v>21</v>
      </c>
      <c r="EN9" s="196">
        <v>144</v>
      </c>
      <c r="EO9" s="195">
        <v>163</v>
      </c>
      <c r="EP9" s="190">
        <v>44</v>
      </c>
      <c r="EQ9" s="191">
        <v>106</v>
      </c>
      <c r="ER9" s="196">
        <v>150</v>
      </c>
      <c r="ES9" s="193">
        <v>0</v>
      </c>
      <c r="ET9" s="191">
        <v>197</v>
      </c>
      <c r="EU9" s="191">
        <v>289</v>
      </c>
      <c r="EV9" s="191">
        <v>137</v>
      </c>
      <c r="EW9" s="191">
        <v>92</v>
      </c>
      <c r="EX9" s="191">
        <v>59</v>
      </c>
      <c r="EY9" s="196">
        <v>774</v>
      </c>
      <c r="EZ9" s="195">
        <v>924</v>
      </c>
    </row>
    <row r="10" spans="2:156" ht="21" customHeight="1" x14ac:dyDescent="0.2">
      <c r="B10" s="106" t="s">
        <v>7</v>
      </c>
      <c r="C10" s="190">
        <v>0</v>
      </c>
      <c r="D10" s="191">
        <v>0</v>
      </c>
      <c r="E10" s="192">
        <v>0</v>
      </c>
      <c r="F10" s="193">
        <v>0</v>
      </c>
      <c r="G10" s="191">
        <v>65</v>
      </c>
      <c r="H10" s="191">
        <v>34</v>
      </c>
      <c r="I10" s="191">
        <v>26</v>
      </c>
      <c r="J10" s="191">
        <v>20</v>
      </c>
      <c r="K10" s="191">
        <v>11</v>
      </c>
      <c r="L10" s="194">
        <v>156</v>
      </c>
      <c r="M10" s="195">
        <v>156</v>
      </c>
      <c r="N10" s="190">
        <v>0</v>
      </c>
      <c r="O10" s="191">
        <v>0</v>
      </c>
      <c r="P10" s="196">
        <v>0</v>
      </c>
      <c r="Q10" s="193">
        <v>0</v>
      </c>
      <c r="R10" s="191">
        <v>1</v>
      </c>
      <c r="S10" s="191">
        <v>0</v>
      </c>
      <c r="T10" s="191">
        <v>2</v>
      </c>
      <c r="U10" s="191">
        <v>8</v>
      </c>
      <c r="V10" s="191">
        <v>10</v>
      </c>
      <c r="W10" s="196">
        <v>21</v>
      </c>
      <c r="X10" s="195">
        <v>21</v>
      </c>
      <c r="Y10" s="190">
        <v>0</v>
      </c>
      <c r="Z10" s="191">
        <v>4</v>
      </c>
      <c r="AA10" s="196">
        <v>4</v>
      </c>
      <c r="AB10" s="193">
        <v>0</v>
      </c>
      <c r="AC10" s="191">
        <v>34</v>
      </c>
      <c r="AD10" s="191">
        <v>23</v>
      </c>
      <c r="AE10" s="191">
        <v>25</v>
      </c>
      <c r="AF10" s="191">
        <v>19</v>
      </c>
      <c r="AG10" s="191">
        <v>12</v>
      </c>
      <c r="AH10" s="196">
        <v>113</v>
      </c>
      <c r="AI10" s="195">
        <v>117</v>
      </c>
      <c r="AJ10" s="190">
        <v>1</v>
      </c>
      <c r="AK10" s="191">
        <v>1</v>
      </c>
      <c r="AL10" s="196">
        <v>2</v>
      </c>
      <c r="AM10" s="193">
        <v>0</v>
      </c>
      <c r="AN10" s="191">
        <v>4</v>
      </c>
      <c r="AO10" s="191">
        <v>5</v>
      </c>
      <c r="AP10" s="191">
        <v>2</v>
      </c>
      <c r="AQ10" s="191">
        <v>4</v>
      </c>
      <c r="AR10" s="191">
        <v>0</v>
      </c>
      <c r="AS10" s="196">
        <v>15</v>
      </c>
      <c r="AT10" s="195">
        <v>17</v>
      </c>
      <c r="AU10" s="190">
        <v>17</v>
      </c>
      <c r="AV10" s="191">
        <v>13</v>
      </c>
      <c r="AW10" s="196">
        <v>30</v>
      </c>
      <c r="AX10" s="193">
        <v>0</v>
      </c>
      <c r="AY10" s="191">
        <v>76</v>
      </c>
      <c r="AZ10" s="191">
        <v>52</v>
      </c>
      <c r="BA10" s="191">
        <v>48</v>
      </c>
      <c r="BB10" s="191">
        <v>54</v>
      </c>
      <c r="BC10" s="191">
        <v>25</v>
      </c>
      <c r="BD10" s="194">
        <v>255</v>
      </c>
      <c r="BE10" s="195">
        <v>285</v>
      </c>
      <c r="BF10" s="190">
        <v>0</v>
      </c>
      <c r="BG10" s="191">
        <v>0</v>
      </c>
      <c r="BH10" s="196">
        <v>0</v>
      </c>
      <c r="BI10" s="193">
        <v>0</v>
      </c>
      <c r="BJ10" s="191">
        <v>84</v>
      </c>
      <c r="BK10" s="191">
        <v>33</v>
      </c>
      <c r="BL10" s="191">
        <v>19</v>
      </c>
      <c r="BM10" s="191">
        <v>9</v>
      </c>
      <c r="BN10" s="191">
        <v>4</v>
      </c>
      <c r="BO10" s="196">
        <v>149</v>
      </c>
      <c r="BP10" s="195">
        <v>149</v>
      </c>
      <c r="BQ10" s="190">
        <v>0</v>
      </c>
      <c r="BR10" s="191">
        <v>2</v>
      </c>
      <c r="BS10" s="196">
        <v>2</v>
      </c>
      <c r="BT10" s="193">
        <v>0</v>
      </c>
      <c r="BU10" s="191">
        <v>18</v>
      </c>
      <c r="BV10" s="191">
        <v>10</v>
      </c>
      <c r="BW10" s="191">
        <v>6</v>
      </c>
      <c r="BX10" s="191">
        <v>4</v>
      </c>
      <c r="BY10" s="191">
        <v>0</v>
      </c>
      <c r="BZ10" s="196">
        <v>38</v>
      </c>
      <c r="CA10" s="195">
        <v>40</v>
      </c>
      <c r="CB10" s="190">
        <v>0</v>
      </c>
      <c r="CC10" s="191">
        <v>0</v>
      </c>
      <c r="CD10" s="196">
        <v>0</v>
      </c>
      <c r="CE10" s="193">
        <v>0</v>
      </c>
      <c r="CF10" s="191">
        <v>13</v>
      </c>
      <c r="CG10" s="191">
        <v>5</v>
      </c>
      <c r="CH10" s="191">
        <v>5</v>
      </c>
      <c r="CI10" s="191">
        <v>7</v>
      </c>
      <c r="CJ10" s="191">
        <v>3</v>
      </c>
      <c r="CK10" s="196">
        <v>33</v>
      </c>
      <c r="CL10" s="195">
        <v>33</v>
      </c>
      <c r="CM10" s="190">
        <v>0</v>
      </c>
      <c r="CN10" s="191">
        <v>0</v>
      </c>
      <c r="CO10" s="196">
        <v>0</v>
      </c>
      <c r="CP10" s="193">
        <v>0</v>
      </c>
      <c r="CQ10" s="191">
        <v>0</v>
      </c>
      <c r="CR10" s="191">
        <v>2</v>
      </c>
      <c r="CS10" s="191">
        <v>1</v>
      </c>
      <c r="CT10" s="191">
        <v>0</v>
      </c>
      <c r="CU10" s="191">
        <v>0</v>
      </c>
      <c r="CV10" s="196">
        <v>3</v>
      </c>
      <c r="CW10" s="195">
        <v>3</v>
      </c>
      <c r="CX10" s="190">
        <v>0</v>
      </c>
      <c r="CY10" s="191">
        <v>0</v>
      </c>
      <c r="CZ10" s="196">
        <v>0</v>
      </c>
      <c r="DA10" s="193">
        <v>0</v>
      </c>
      <c r="DB10" s="191">
        <v>0</v>
      </c>
      <c r="DC10" s="191">
        <v>0</v>
      </c>
      <c r="DD10" s="191">
        <v>0</v>
      </c>
      <c r="DE10" s="191">
        <v>0</v>
      </c>
      <c r="DF10" s="191">
        <v>0</v>
      </c>
      <c r="DG10" s="196">
        <v>0</v>
      </c>
      <c r="DH10" s="195">
        <v>0</v>
      </c>
      <c r="DI10" s="190">
        <v>0</v>
      </c>
      <c r="DJ10" s="191">
        <v>0</v>
      </c>
      <c r="DK10" s="196">
        <v>0</v>
      </c>
      <c r="DL10" s="193">
        <v>0</v>
      </c>
      <c r="DM10" s="191">
        <v>0</v>
      </c>
      <c r="DN10" s="191">
        <v>0</v>
      </c>
      <c r="DO10" s="191">
        <v>0</v>
      </c>
      <c r="DP10" s="191">
        <v>0</v>
      </c>
      <c r="DQ10" s="191">
        <v>0</v>
      </c>
      <c r="DR10" s="196">
        <v>0</v>
      </c>
      <c r="DS10" s="195">
        <v>0</v>
      </c>
      <c r="DT10" s="190">
        <v>21</v>
      </c>
      <c r="DU10" s="191">
        <v>23</v>
      </c>
      <c r="DV10" s="196">
        <v>44</v>
      </c>
      <c r="DW10" s="193">
        <v>0</v>
      </c>
      <c r="DX10" s="191">
        <v>95</v>
      </c>
      <c r="DY10" s="191">
        <v>89</v>
      </c>
      <c r="DZ10" s="191">
        <v>50</v>
      </c>
      <c r="EA10" s="191">
        <v>41</v>
      </c>
      <c r="EB10" s="191">
        <v>19</v>
      </c>
      <c r="EC10" s="196">
        <v>294</v>
      </c>
      <c r="ED10" s="195">
        <v>338</v>
      </c>
      <c r="EE10" s="190">
        <v>13</v>
      </c>
      <c r="EF10" s="191">
        <v>8</v>
      </c>
      <c r="EG10" s="196">
        <v>21</v>
      </c>
      <c r="EH10" s="193">
        <v>0</v>
      </c>
      <c r="EI10" s="191">
        <v>32</v>
      </c>
      <c r="EJ10" s="191">
        <v>24</v>
      </c>
      <c r="EK10" s="191">
        <v>22</v>
      </c>
      <c r="EL10" s="191">
        <v>24</v>
      </c>
      <c r="EM10" s="191">
        <v>11</v>
      </c>
      <c r="EN10" s="196">
        <v>113</v>
      </c>
      <c r="EO10" s="195">
        <v>134</v>
      </c>
      <c r="EP10" s="190">
        <v>22</v>
      </c>
      <c r="EQ10" s="191">
        <v>27</v>
      </c>
      <c r="ER10" s="196">
        <v>49</v>
      </c>
      <c r="ES10" s="193">
        <v>0</v>
      </c>
      <c r="ET10" s="191">
        <v>212</v>
      </c>
      <c r="EU10" s="191">
        <v>116</v>
      </c>
      <c r="EV10" s="191">
        <v>59</v>
      </c>
      <c r="EW10" s="191">
        <v>43</v>
      </c>
      <c r="EX10" s="191">
        <v>20</v>
      </c>
      <c r="EY10" s="196">
        <v>450</v>
      </c>
      <c r="EZ10" s="195">
        <v>499</v>
      </c>
    </row>
    <row r="11" spans="2:156" ht="21" customHeight="1" x14ac:dyDescent="0.2">
      <c r="B11" s="106" t="s">
        <v>8</v>
      </c>
      <c r="C11" s="190">
        <v>0</v>
      </c>
      <c r="D11" s="191">
        <v>0</v>
      </c>
      <c r="E11" s="192">
        <v>0</v>
      </c>
      <c r="F11" s="193">
        <v>0</v>
      </c>
      <c r="G11" s="191">
        <v>17</v>
      </c>
      <c r="H11" s="191">
        <v>24</v>
      </c>
      <c r="I11" s="191">
        <v>21</v>
      </c>
      <c r="J11" s="191">
        <v>14</v>
      </c>
      <c r="K11" s="191">
        <v>12</v>
      </c>
      <c r="L11" s="194">
        <v>88</v>
      </c>
      <c r="M11" s="195">
        <v>88</v>
      </c>
      <c r="N11" s="190">
        <v>0</v>
      </c>
      <c r="O11" s="191">
        <v>0</v>
      </c>
      <c r="P11" s="196">
        <v>0</v>
      </c>
      <c r="Q11" s="193">
        <v>0</v>
      </c>
      <c r="R11" s="191">
        <v>0</v>
      </c>
      <c r="S11" s="191">
        <v>1</v>
      </c>
      <c r="T11" s="191">
        <v>1</v>
      </c>
      <c r="U11" s="191">
        <v>2</v>
      </c>
      <c r="V11" s="191">
        <v>4</v>
      </c>
      <c r="W11" s="196">
        <v>8</v>
      </c>
      <c r="X11" s="195">
        <v>8</v>
      </c>
      <c r="Y11" s="190">
        <v>6</v>
      </c>
      <c r="Z11" s="191">
        <v>7</v>
      </c>
      <c r="AA11" s="196">
        <v>13</v>
      </c>
      <c r="AB11" s="193">
        <v>0</v>
      </c>
      <c r="AC11" s="191">
        <v>16</v>
      </c>
      <c r="AD11" s="191">
        <v>25</v>
      </c>
      <c r="AE11" s="191">
        <v>12</v>
      </c>
      <c r="AF11" s="191">
        <v>15</v>
      </c>
      <c r="AG11" s="191">
        <v>13</v>
      </c>
      <c r="AH11" s="196">
        <v>81</v>
      </c>
      <c r="AI11" s="195">
        <v>94</v>
      </c>
      <c r="AJ11" s="190">
        <v>0</v>
      </c>
      <c r="AK11" s="191">
        <v>1</v>
      </c>
      <c r="AL11" s="196">
        <v>1</v>
      </c>
      <c r="AM11" s="193">
        <v>0</v>
      </c>
      <c r="AN11" s="191">
        <v>6</v>
      </c>
      <c r="AO11" s="191">
        <v>4</v>
      </c>
      <c r="AP11" s="191">
        <v>2</v>
      </c>
      <c r="AQ11" s="191">
        <v>2</v>
      </c>
      <c r="AR11" s="191">
        <v>1</v>
      </c>
      <c r="AS11" s="196">
        <v>15</v>
      </c>
      <c r="AT11" s="195">
        <v>16</v>
      </c>
      <c r="AU11" s="190">
        <v>4</v>
      </c>
      <c r="AV11" s="191">
        <v>3</v>
      </c>
      <c r="AW11" s="196">
        <v>7</v>
      </c>
      <c r="AX11" s="193">
        <v>0</v>
      </c>
      <c r="AY11" s="191">
        <v>34</v>
      </c>
      <c r="AZ11" s="191">
        <v>34</v>
      </c>
      <c r="BA11" s="191">
        <v>31</v>
      </c>
      <c r="BB11" s="191">
        <v>30</v>
      </c>
      <c r="BC11" s="191">
        <v>23</v>
      </c>
      <c r="BD11" s="194">
        <v>152</v>
      </c>
      <c r="BE11" s="195">
        <v>159</v>
      </c>
      <c r="BF11" s="190">
        <v>0</v>
      </c>
      <c r="BG11" s="191">
        <v>0</v>
      </c>
      <c r="BH11" s="196">
        <v>0</v>
      </c>
      <c r="BI11" s="193">
        <v>0</v>
      </c>
      <c r="BJ11" s="191">
        <v>27</v>
      </c>
      <c r="BK11" s="191">
        <v>27</v>
      </c>
      <c r="BL11" s="191">
        <v>16</v>
      </c>
      <c r="BM11" s="191">
        <v>7</v>
      </c>
      <c r="BN11" s="191">
        <v>6</v>
      </c>
      <c r="BO11" s="196">
        <v>83</v>
      </c>
      <c r="BP11" s="195">
        <v>83</v>
      </c>
      <c r="BQ11" s="190">
        <v>4</v>
      </c>
      <c r="BR11" s="191">
        <v>3</v>
      </c>
      <c r="BS11" s="196">
        <v>7</v>
      </c>
      <c r="BT11" s="193">
        <v>0</v>
      </c>
      <c r="BU11" s="191">
        <v>15</v>
      </c>
      <c r="BV11" s="191">
        <v>7</v>
      </c>
      <c r="BW11" s="191">
        <v>13</v>
      </c>
      <c r="BX11" s="191">
        <v>4</v>
      </c>
      <c r="BY11" s="191">
        <v>3</v>
      </c>
      <c r="BZ11" s="196">
        <v>42</v>
      </c>
      <c r="CA11" s="195">
        <v>49</v>
      </c>
      <c r="CB11" s="190">
        <v>1</v>
      </c>
      <c r="CC11" s="191">
        <v>0</v>
      </c>
      <c r="CD11" s="196">
        <v>1</v>
      </c>
      <c r="CE11" s="193">
        <v>0</v>
      </c>
      <c r="CF11" s="191">
        <v>5</v>
      </c>
      <c r="CG11" s="191">
        <v>9</v>
      </c>
      <c r="CH11" s="191">
        <v>11</v>
      </c>
      <c r="CI11" s="191">
        <v>4</v>
      </c>
      <c r="CJ11" s="191">
        <v>3</v>
      </c>
      <c r="CK11" s="196">
        <v>32</v>
      </c>
      <c r="CL11" s="195">
        <v>33</v>
      </c>
      <c r="CM11" s="190">
        <v>0</v>
      </c>
      <c r="CN11" s="191">
        <v>0</v>
      </c>
      <c r="CO11" s="196">
        <v>0</v>
      </c>
      <c r="CP11" s="193">
        <v>0</v>
      </c>
      <c r="CQ11" s="191">
        <v>0</v>
      </c>
      <c r="CR11" s="191">
        <v>0</v>
      </c>
      <c r="CS11" s="191">
        <v>1</v>
      </c>
      <c r="CT11" s="191">
        <v>1</v>
      </c>
      <c r="CU11" s="191">
        <v>1</v>
      </c>
      <c r="CV11" s="196">
        <v>3</v>
      </c>
      <c r="CW11" s="195">
        <v>3</v>
      </c>
      <c r="CX11" s="190">
        <v>0</v>
      </c>
      <c r="CY11" s="191">
        <v>0</v>
      </c>
      <c r="CZ11" s="196">
        <v>0</v>
      </c>
      <c r="DA11" s="193">
        <v>0</v>
      </c>
      <c r="DB11" s="191">
        <v>0</v>
      </c>
      <c r="DC11" s="191">
        <v>0</v>
      </c>
      <c r="DD11" s="191">
        <v>0</v>
      </c>
      <c r="DE11" s="191">
        <v>0</v>
      </c>
      <c r="DF11" s="191">
        <v>0</v>
      </c>
      <c r="DG11" s="196">
        <v>0</v>
      </c>
      <c r="DH11" s="195">
        <v>0</v>
      </c>
      <c r="DI11" s="190">
        <v>0</v>
      </c>
      <c r="DJ11" s="191">
        <v>0</v>
      </c>
      <c r="DK11" s="196">
        <v>0</v>
      </c>
      <c r="DL11" s="193">
        <v>0</v>
      </c>
      <c r="DM11" s="191">
        <v>0</v>
      </c>
      <c r="DN11" s="191">
        <v>0</v>
      </c>
      <c r="DO11" s="191">
        <v>0</v>
      </c>
      <c r="DP11" s="191">
        <v>0</v>
      </c>
      <c r="DQ11" s="191">
        <v>0</v>
      </c>
      <c r="DR11" s="196">
        <v>0</v>
      </c>
      <c r="DS11" s="195">
        <v>0</v>
      </c>
      <c r="DT11" s="190">
        <v>19</v>
      </c>
      <c r="DU11" s="191">
        <v>22</v>
      </c>
      <c r="DV11" s="196">
        <v>41</v>
      </c>
      <c r="DW11" s="193">
        <v>0</v>
      </c>
      <c r="DX11" s="191">
        <v>49</v>
      </c>
      <c r="DY11" s="191">
        <v>69</v>
      </c>
      <c r="DZ11" s="191">
        <v>48</v>
      </c>
      <c r="EA11" s="191">
        <v>24</v>
      </c>
      <c r="EB11" s="191">
        <v>17</v>
      </c>
      <c r="EC11" s="196">
        <v>207</v>
      </c>
      <c r="ED11" s="195">
        <v>248</v>
      </c>
      <c r="EE11" s="190">
        <v>4</v>
      </c>
      <c r="EF11" s="191">
        <v>2</v>
      </c>
      <c r="EG11" s="196">
        <v>6</v>
      </c>
      <c r="EH11" s="193">
        <v>0</v>
      </c>
      <c r="EI11" s="191">
        <v>12</v>
      </c>
      <c r="EJ11" s="191">
        <v>15</v>
      </c>
      <c r="EK11" s="191">
        <v>5</v>
      </c>
      <c r="EL11" s="191">
        <v>13</v>
      </c>
      <c r="EM11" s="191">
        <v>6</v>
      </c>
      <c r="EN11" s="196">
        <v>51</v>
      </c>
      <c r="EO11" s="195">
        <v>57</v>
      </c>
      <c r="EP11" s="190">
        <v>29</v>
      </c>
      <c r="EQ11" s="191">
        <v>25</v>
      </c>
      <c r="ER11" s="196">
        <v>54</v>
      </c>
      <c r="ES11" s="193">
        <v>0</v>
      </c>
      <c r="ET11" s="191">
        <v>106</v>
      </c>
      <c r="EU11" s="191">
        <v>83</v>
      </c>
      <c r="EV11" s="191">
        <v>54</v>
      </c>
      <c r="EW11" s="191">
        <v>25</v>
      </c>
      <c r="EX11" s="191">
        <v>21</v>
      </c>
      <c r="EY11" s="196">
        <v>289</v>
      </c>
      <c r="EZ11" s="195">
        <v>343</v>
      </c>
    </row>
    <row r="12" spans="2:156" ht="21" customHeight="1" x14ac:dyDescent="0.2">
      <c r="B12" s="106" t="s">
        <v>9</v>
      </c>
      <c r="C12" s="190">
        <v>0</v>
      </c>
      <c r="D12" s="191">
        <v>0</v>
      </c>
      <c r="E12" s="192">
        <v>0</v>
      </c>
      <c r="F12" s="193">
        <v>0</v>
      </c>
      <c r="G12" s="191">
        <v>66</v>
      </c>
      <c r="H12" s="191">
        <v>62</v>
      </c>
      <c r="I12" s="191">
        <v>48</v>
      </c>
      <c r="J12" s="191">
        <v>36</v>
      </c>
      <c r="K12" s="191">
        <v>17</v>
      </c>
      <c r="L12" s="194">
        <v>229</v>
      </c>
      <c r="M12" s="195">
        <v>229</v>
      </c>
      <c r="N12" s="190">
        <v>0</v>
      </c>
      <c r="O12" s="191">
        <v>0</v>
      </c>
      <c r="P12" s="196">
        <v>0</v>
      </c>
      <c r="Q12" s="193">
        <v>0</v>
      </c>
      <c r="R12" s="191">
        <v>2</v>
      </c>
      <c r="S12" s="191">
        <v>0</v>
      </c>
      <c r="T12" s="191">
        <v>1</v>
      </c>
      <c r="U12" s="191">
        <v>8</v>
      </c>
      <c r="V12" s="191">
        <v>6</v>
      </c>
      <c r="W12" s="196">
        <v>17</v>
      </c>
      <c r="X12" s="195">
        <v>17</v>
      </c>
      <c r="Y12" s="190">
        <v>11</v>
      </c>
      <c r="Z12" s="191">
        <v>18</v>
      </c>
      <c r="AA12" s="196">
        <v>29</v>
      </c>
      <c r="AB12" s="193">
        <v>0</v>
      </c>
      <c r="AC12" s="191">
        <v>46</v>
      </c>
      <c r="AD12" s="191">
        <v>53</v>
      </c>
      <c r="AE12" s="191">
        <v>31</v>
      </c>
      <c r="AF12" s="191">
        <v>31</v>
      </c>
      <c r="AG12" s="191">
        <v>16</v>
      </c>
      <c r="AH12" s="196">
        <v>177</v>
      </c>
      <c r="AI12" s="195">
        <v>206</v>
      </c>
      <c r="AJ12" s="190">
        <v>0</v>
      </c>
      <c r="AK12" s="191">
        <v>0</v>
      </c>
      <c r="AL12" s="196">
        <v>0</v>
      </c>
      <c r="AM12" s="193">
        <v>0</v>
      </c>
      <c r="AN12" s="191">
        <v>4</v>
      </c>
      <c r="AO12" s="191">
        <v>9</v>
      </c>
      <c r="AP12" s="191">
        <v>3</v>
      </c>
      <c r="AQ12" s="191">
        <v>5</v>
      </c>
      <c r="AR12" s="191">
        <v>4</v>
      </c>
      <c r="AS12" s="196">
        <v>25</v>
      </c>
      <c r="AT12" s="195">
        <v>25</v>
      </c>
      <c r="AU12" s="190">
        <v>17</v>
      </c>
      <c r="AV12" s="191">
        <v>11</v>
      </c>
      <c r="AW12" s="196">
        <v>28</v>
      </c>
      <c r="AX12" s="193">
        <v>0</v>
      </c>
      <c r="AY12" s="191">
        <v>71</v>
      </c>
      <c r="AZ12" s="191">
        <v>73</v>
      </c>
      <c r="BA12" s="191">
        <v>61</v>
      </c>
      <c r="BB12" s="191">
        <v>74</v>
      </c>
      <c r="BC12" s="191">
        <v>42</v>
      </c>
      <c r="BD12" s="194">
        <v>321</v>
      </c>
      <c r="BE12" s="195">
        <v>349</v>
      </c>
      <c r="BF12" s="190">
        <v>0</v>
      </c>
      <c r="BG12" s="191">
        <v>0</v>
      </c>
      <c r="BH12" s="196">
        <v>0</v>
      </c>
      <c r="BI12" s="193">
        <v>0</v>
      </c>
      <c r="BJ12" s="191">
        <v>66</v>
      </c>
      <c r="BK12" s="191">
        <v>48</v>
      </c>
      <c r="BL12" s="191">
        <v>30</v>
      </c>
      <c r="BM12" s="191">
        <v>14</v>
      </c>
      <c r="BN12" s="191">
        <v>3</v>
      </c>
      <c r="BO12" s="196">
        <v>161</v>
      </c>
      <c r="BP12" s="195">
        <v>161</v>
      </c>
      <c r="BQ12" s="190">
        <v>6</v>
      </c>
      <c r="BR12" s="191">
        <v>12</v>
      </c>
      <c r="BS12" s="196">
        <v>18</v>
      </c>
      <c r="BT12" s="193">
        <v>0</v>
      </c>
      <c r="BU12" s="191">
        <v>21</v>
      </c>
      <c r="BV12" s="191">
        <v>9</v>
      </c>
      <c r="BW12" s="191">
        <v>11</v>
      </c>
      <c r="BX12" s="191">
        <v>9</v>
      </c>
      <c r="BY12" s="191">
        <v>4</v>
      </c>
      <c r="BZ12" s="196">
        <v>54</v>
      </c>
      <c r="CA12" s="195">
        <v>72</v>
      </c>
      <c r="CB12" s="190">
        <v>1</v>
      </c>
      <c r="CC12" s="191">
        <v>1</v>
      </c>
      <c r="CD12" s="196">
        <v>2</v>
      </c>
      <c r="CE12" s="193">
        <v>0</v>
      </c>
      <c r="CF12" s="191">
        <v>4</v>
      </c>
      <c r="CG12" s="191">
        <v>6</v>
      </c>
      <c r="CH12" s="191">
        <v>12</v>
      </c>
      <c r="CI12" s="191">
        <v>11</v>
      </c>
      <c r="CJ12" s="191">
        <v>2</v>
      </c>
      <c r="CK12" s="196">
        <v>35</v>
      </c>
      <c r="CL12" s="195">
        <v>37</v>
      </c>
      <c r="CM12" s="190">
        <v>0</v>
      </c>
      <c r="CN12" s="191">
        <v>0</v>
      </c>
      <c r="CO12" s="196">
        <v>0</v>
      </c>
      <c r="CP12" s="193">
        <v>0</v>
      </c>
      <c r="CQ12" s="191">
        <v>0</v>
      </c>
      <c r="CR12" s="191">
        <v>2</v>
      </c>
      <c r="CS12" s="191">
        <v>3</v>
      </c>
      <c r="CT12" s="191">
        <v>2</v>
      </c>
      <c r="CU12" s="191">
        <v>2</v>
      </c>
      <c r="CV12" s="196">
        <v>9</v>
      </c>
      <c r="CW12" s="195">
        <v>9</v>
      </c>
      <c r="CX12" s="190">
        <v>0</v>
      </c>
      <c r="CY12" s="191">
        <v>0</v>
      </c>
      <c r="CZ12" s="196">
        <v>0</v>
      </c>
      <c r="DA12" s="193">
        <v>0</v>
      </c>
      <c r="DB12" s="191">
        <v>0</v>
      </c>
      <c r="DC12" s="191">
        <v>0</v>
      </c>
      <c r="DD12" s="191">
        <v>0</v>
      </c>
      <c r="DE12" s="191">
        <v>0</v>
      </c>
      <c r="DF12" s="191">
        <v>0</v>
      </c>
      <c r="DG12" s="196">
        <v>0</v>
      </c>
      <c r="DH12" s="195">
        <v>0</v>
      </c>
      <c r="DI12" s="190">
        <v>0</v>
      </c>
      <c r="DJ12" s="191">
        <v>0</v>
      </c>
      <c r="DK12" s="196">
        <v>0</v>
      </c>
      <c r="DL12" s="193">
        <v>0</v>
      </c>
      <c r="DM12" s="191">
        <v>0</v>
      </c>
      <c r="DN12" s="191">
        <v>0</v>
      </c>
      <c r="DO12" s="191">
        <v>0</v>
      </c>
      <c r="DP12" s="191">
        <v>0</v>
      </c>
      <c r="DQ12" s="191">
        <v>0</v>
      </c>
      <c r="DR12" s="196">
        <v>0</v>
      </c>
      <c r="DS12" s="195">
        <v>0</v>
      </c>
      <c r="DT12" s="190">
        <v>28</v>
      </c>
      <c r="DU12" s="191">
        <v>45</v>
      </c>
      <c r="DV12" s="196">
        <v>73</v>
      </c>
      <c r="DW12" s="193">
        <v>0</v>
      </c>
      <c r="DX12" s="191">
        <v>99</v>
      </c>
      <c r="DY12" s="191">
        <v>121</v>
      </c>
      <c r="DZ12" s="191">
        <v>69</v>
      </c>
      <c r="EA12" s="191">
        <v>57</v>
      </c>
      <c r="EB12" s="191">
        <v>26</v>
      </c>
      <c r="EC12" s="196">
        <v>372</v>
      </c>
      <c r="ED12" s="195">
        <v>445</v>
      </c>
      <c r="EE12" s="190">
        <v>16</v>
      </c>
      <c r="EF12" s="191">
        <v>8</v>
      </c>
      <c r="EG12" s="196">
        <v>24</v>
      </c>
      <c r="EH12" s="193">
        <v>0</v>
      </c>
      <c r="EI12" s="191">
        <v>43</v>
      </c>
      <c r="EJ12" s="191">
        <v>31</v>
      </c>
      <c r="EK12" s="191">
        <v>27</v>
      </c>
      <c r="EL12" s="191">
        <v>23</v>
      </c>
      <c r="EM12" s="191">
        <v>17</v>
      </c>
      <c r="EN12" s="196">
        <v>141</v>
      </c>
      <c r="EO12" s="195">
        <v>165</v>
      </c>
      <c r="EP12" s="190">
        <v>44</v>
      </c>
      <c r="EQ12" s="191">
        <v>59</v>
      </c>
      <c r="ER12" s="196">
        <v>103</v>
      </c>
      <c r="ES12" s="193">
        <v>0</v>
      </c>
      <c r="ET12" s="191">
        <v>188</v>
      </c>
      <c r="EU12" s="191">
        <v>157</v>
      </c>
      <c r="EV12" s="191">
        <v>85</v>
      </c>
      <c r="EW12" s="191">
        <v>68</v>
      </c>
      <c r="EX12" s="191">
        <v>24</v>
      </c>
      <c r="EY12" s="196">
        <v>522</v>
      </c>
      <c r="EZ12" s="195">
        <v>625</v>
      </c>
    </row>
    <row r="13" spans="2:156" ht="21" customHeight="1" x14ac:dyDescent="0.2">
      <c r="B13" s="106" t="s">
        <v>10</v>
      </c>
      <c r="C13" s="190">
        <v>0</v>
      </c>
      <c r="D13" s="191">
        <v>0</v>
      </c>
      <c r="E13" s="192">
        <v>0</v>
      </c>
      <c r="F13" s="193">
        <v>0</v>
      </c>
      <c r="G13" s="191">
        <v>91</v>
      </c>
      <c r="H13" s="191">
        <v>64</v>
      </c>
      <c r="I13" s="191">
        <v>42</v>
      </c>
      <c r="J13" s="191">
        <v>35</v>
      </c>
      <c r="K13" s="191">
        <v>20</v>
      </c>
      <c r="L13" s="194">
        <v>252</v>
      </c>
      <c r="M13" s="195">
        <v>252</v>
      </c>
      <c r="N13" s="190">
        <v>0</v>
      </c>
      <c r="O13" s="191">
        <v>0</v>
      </c>
      <c r="P13" s="196">
        <v>0</v>
      </c>
      <c r="Q13" s="193">
        <v>0</v>
      </c>
      <c r="R13" s="191">
        <v>1</v>
      </c>
      <c r="S13" s="191">
        <v>2</v>
      </c>
      <c r="T13" s="191">
        <v>3</v>
      </c>
      <c r="U13" s="191">
        <v>5</v>
      </c>
      <c r="V13" s="191">
        <v>5</v>
      </c>
      <c r="W13" s="196">
        <v>16</v>
      </c>
      <c r="X13" s="195">
        <v>16</v>
      </c>
      <c r="Y13" s="190">
        <v>18</v>
      </c>
      <c r="Z13" s="191">
        <v>33</v>
      </c>
      <c r="AA13" s="196">
        <v>51</v>
      </c>
      <c r="AB13" s="193">
        <v>0</v>
      </c>
      <c r="AC13" s="191">
        <v>73</v>
      </c>
      <c r="AD13" s="191">
        <v>45</v>
      </c>
      <c r="AE13" s="191">
        <v>28</v>
      </c>
      <c r="AF13" s="191">
        <v>29</v>
      </c>
      <c r="AG13" s="191">
        <v>11</v>
      </c>
      <c r="AH13" s="196">
        <v>186</v>
      </c>
      <c r="AI13" s="195">
        <v>237</v>
      </c>
      <c r="AJ13" s="190">
        <v>1</v>
      </c>
      <c r="AK13" s="191">
        <v>5</v>
      </c>
      <c r="AL13" s="196">
        <v>6</v>
      </c>
      <c r="AM13" s="193">
        <v>0</v>
      </c>
      <c r="AN13" s="191">
        <v>13</v>
      </c>
      <c r="AO13" s="191">
        <v>9</v>
      </c>
      <c r="AP13" s="191">
        <v>3</v>
      </c>
      <c r="AQ13" s="191">
        <v>5</v>
      </c>
      <c r="AR13" s="191">
        <v>2</v>
      </c>
      <c r="AS13" s="196">
        <v>32</v>
      </c>
      <c r="AT13" s="195">
        <v>38</v>
      </c>
      <c r="AU13" s="190">
        <v>22</v>
      </c>
      <c r="AV13" s="191">
        <v>30</v>
      </c>
      <c r="AW13" s="196">
        <v>52</v>
      </c>
      <c r="AX13" s="193">
        <v>0</v>
      </c>
      <c r="AY13" s="191">
        <v>98</v>
      </c>
      <c r="AZ13" s="191">
        <v>88</v>
      </c>
      <c r="BA13" s="191">
        <v>83</v>
      </c>
      <c r="BB13" s="191">
        <v>77</v>
      </c>
      <c r="BC13" s="191">
        <v>61</v>
      </c>
      <c r="BD13" s="194">
        <v>407</v>
      </c>
      <c r="BE13" s="195">
        <v>459</v>
      </c>
      <c r="BF13" s="190">
        <v>0</v>
      </c>
      <c r="BG13" s="191">
        <v>0</v>
      </c>
      <c r="BH13" s="196">
        <v>0</v>
      </c>
      <c r="BI13" s="193">
        <v>0</v>
      </c>
      <c r="BJ13" s="191">
        <v>123</v>
      </c>
      <c r="BK13" s="191">
        <v>54</v>
      </c>
      <c r="BL13" s="191">
        <v>38</v>
      </c>
      <c r="BM13" s="191">
        <v>18</v>
      </c>
      <c r="BN13" s="191">
        <v>10</v>
      </c>
      <c r="BO13" s="196">
        <v>243</v>
      </c>
      <c r="BP13" s="195">
        <v>243</v>
      </c>
      <c r="BQ13" s="190">
        <v>5</v>
      </c>
      <c r="BR13" s="191">
        <v>3</v>
      </c>
      <c r="BS13" s="196">
        <v>8</v>
      </c>
      <c r="BT13" s="193">
        <v>0</v>
      </c>
      <c r="BU13" s="191">
        <v>24</v>
      </c>
      <c r="BV13" s="191">
        <v>19</v>
      </c>
      <c r="BW13" s="191">
        <v>12</v>
      </c>
      <c r="BX13" s="191">
        <v>5</v>
      </c>
      <c r="BY13" s="191">
        <v>1</v>
      </c>
      <c r="BZ13" s="196">
        <v>61</v>
      </c>
      <c r="CA13" s="195">
        <v>69</v>
      </c>
      <c r="CB13" s="190">
        <v>0</v>
      </c>
      <c r="CC13" s="191">
        <v>2</v>
      </c>
      <c r="CD13" s="196">
        <v>2</v>
      </c>
      <c r="CE13" s="193">
        <v>0</v>
      </c>
      <c r="CF13" s="191">
        <v>10</v>
      </c>
      <c r="CG13" s="191">
        <v>15</v>
      </c>
      <c r="CH13" s="191">
        <v>10</v>
      </c>
      <c r="CI13" s="191">
        <v>10</v>
      </c>
      <c r="CJ13" s="191">
        <v>4</v>
      </c>
      <c r="CK13" s="196">
        <v>49</v>
      </c>
      <c r="CL13" s="195">
        <v>51</v>
      </c>
      <c r="CM13" s="190">
        <v>0</v>
      </c>
      <c r="CN13" s="191">
        <v>0</v>
      </c>
      <c r="CO13" s="196">
        <v>0</v>
      </c>
      <c r="CP13" s="193">
        <v>0</v>
      </c>
      <c r="CQ13" s="191">
        <v>0</v>
      </c>
      <c r="CR13" s="191">
        <v>0</v>
      </c>
      <c r="CS13" s="191">
        <v>2</v>
      </c>
      <c r="CT13" s="191">
        <v>1</v>
      </c>
      <c r="CU13" s="191">
        <v>1</v>
      </c>
      <c r="CV13" s="196">
        <v>4</v>
      </c>
      <c r="CW13" s="195">
        <v>4</v>
      </c>
      <c r="CX13" s="190">
        <v>0</v>
      </c>
      <c r="CY13" s="191">
        <v>0</v>
      </c>
      <c r="CZ13" s="196">
        <v>0</v>
      </c>
      <c r="DA13" s="193">
        <v>0</v>
      </c>
      <c r="DB13" s="191">
        <v>0</v>
      </c>
      <c r="DC13" s="191">
        <v>0</v>
      </c>
      <c r="DD13" s="191">
        <v>0</v>
      </c>
      <c r="DE13" s="191">
        <v>0</v>
      </c>
      <c r="DF13" s="191">
        <v>0</v>
      </c>
      <c r="DG13" s="196">
        <v>0</v>
      </c>
      <c r="DH13" s="195">
        <v>0</v>
      </c>
      <c r="DI13" s="190">
        <v>0</v>
      </c>
      <c r="DJ13" s="191">
        <v>0</v>
      </c>
      <c r="DK13" s="196">
        <v>0</v>
      </c>
      <c r="DL13" s="193">
        <v>0</v>
      </c>
      <c r="DM13" s="191">
        <v>0</v>
      </c>
      <c r="DN13" s="191">
        <v>0</v>
      </c>
      <c r="DO13" s="191">
        <v>0</v>
      </c>
      <c r="DP13" s="191">
        <v>0</v>
      </c>
      <c r="DQ13" s="191">
        <v>0</v>
      </c>
      <c r="DR13" s="196">
        <v>0</v>
      </c>
      <c r="DS13" s="195">
        <v>0</v>
      </c>
      <c r="DT13" s="190">
        <v>64</v>
      </c>
      <c r="DU13" s="191">
        <v>104</v>
      </c>
      <c r="DV13" s="196">
        <v>168</v>
      </c>
      <c r="DW13" s="193">
        <v>0</v>
      </c>
      <c r="DX13" s="191">
        <v>130</v>
      </c>
      <c r="DY13" s="191">
        <v>106</v>
      </c>
      <c r="DZ13" s="191">
        <v>80</v>
      </c>
      <c r="EA13" s="191">
        <v>58</v>
      </c>
      <c r="EB13" s="191">
        <v>33</v>
      </c>
      <c r="EC13" s="196">
        <v>407</v>
      </c>
      <c r="ED13" s="195">
        <v>575</v>
      </c>
      <c r="EE13" s="190">
        <v>10</v>
      </c>
      <c r="EF13" s="191">
        <v>8</v>
      </c>
      <c r="EG13" s="196">
        <v>18</v>
      </c>
      <c r="EH13" s="193">
        <v>0</v>
      </c>
      <c r="EI13" s="191">
        <v>32</v>
      </c>
      <c r="EJ13" s="191">
        <v>28</v>
      </c>
      <c r="EK13" s="191">
        <v>24</v>
      </c>
      <c r="EL13" s="191">
        <v>21</v>
      </c>
      <c r="EM13" s="191">
        <v>21</v>
      </c>
      <c r="EN13" s="196">
        <v>126</v>
      </c>
      <c r="EO13" s="195">
        <v>144</v>
      </c>
      <c r="EP13" s="190">
        <v>79</v>
      </c>
      <c r="EQ13" s="191">
        <v>121</v>
      </c>
      <c r="ER13" s="196">
        <v>200</v>
      </c>
      <c r="ES13" s="193">
        <v>0</v>
      </c>
      <c r="ET13" s="191">
        <v>268</v>
      </c>
      <c r="EU13" s="191">
        <v>143</v>
      </c>
      <c r="EV13" s="191">
        <v>92</v>
      </c>
      <c r="EW13" s="191">
        <v>63</v>
      </c>
      <c r="EX13" s="191">
        <v>32</v>
      </c>
      <c r="EY13" s="196">
        <v>598</v>
      </c>
      <c r="EZ13" s="195">
        <v>798</v>
      </c>
    </row>
    <row r="14" spans="2:156" ht="21" customHeight="1" x14ac:dyDescent="0.2">
      <c r="B14" s="106" t="s">
        <v>11</v>
      </c>
      <c r="C14" s="190">
        <v>0</v>
      </c>
      <c r="D14" s="191">
        <v>0</v>
      </c>
      <c r="E14" s="192">
        <v>0</v>
      </c>
      <c r="F14" s="193">
        <v>0</v>
      </c>
      <c r="G14" s="191">
        <v>18</v>
      </c>
      <c r="H14" s="191">
        <v>15</v>
      </c>
      <c r="I14" s="191">
        <v>8</v>
      </c>
      <c r="J14" s="191">
        <v>6</v>
      </c>
      <c r="K14" s="191">
        <v>7</v>
      </c>
      <c r="L14" s="194">
        <v>54</v>
      </c>
      <c r="M14" s="195">
        <v>54</v>
      </c>
      <c r="N14" s="190">
        <v>0</v>
      </c>
      <c r="O14" s="191">
        <v>0</v>
      </c>
      <c r="P14" s="196">
        <v>0</v>
      </c>
      <c r="Q14" s="193">
        <v>0</v>
      </c>
      <c r="R14" s="191">
        <v>0</v>
      </c>
      <c r="S14" s="191">
        <v>1</v>
      </c>
      <c r="T14" s="191">
        <v>1</v>
      </c>
      <c r="U14" s="191">
        <v>3</v>
      </c>
      <c r="V14" s="191">
        <v>3</v>
      </c>
      <c r="W14" s="196">
        <v>8</v>
      </c>
      <c r="X14" s="195">
        <v>8</v>
      </c>
      <c r="Y14" s="190">
        <v>4</v>
      </c>
      <c r="Z14" s="191">
        <v>2</v>
      </c>
      <c r="AA14" s="196">
        <v>6</v>
      </c>
      <c r="AB14" s="193">
        <v>0</v>
      </c>
      <c r="AC14" s="191">
        <v>23</v>
      </c>
      <c r="AD14" s="191">
        <v>21</v>
      </c>
      <c r="AE14" s="191">
        <v>8</v>
      </c>
      <c r="AF14" s="191">
        <v>11</v>
      </c>
      <c r="AG14" s="191">
        <v>7</v>
      </c>
      <c r="AH14" s="196">
        <v>70</v>
      </c>
      <c r="AI14" s="195">
        <v>76</v>
      </c>
      <c r="AJ14" s="190">
        <v>0</v>
      </c>
      <c r="AK14" s="191">
        <v>0</v>
      </c>
      <c r="AL14" s="196">
        <v>0</v>
      </c>
      <c r="AM14" s="193">
        <v>0</v>
      </c>
      <c r="AN14" s="191">
        <v>1</v>
      </c>
      <c r="AO14" s="191">
        <v>4</v>
      </c>
      <c r="AP14" s="191">
        <v>3</v>
      </c>
      <c r="AQ14" s="191">
        <v>1</v>
      </c>
      <c r="AR14" s="191">
        <v>1</v>
      </c>
      <c r="AS14" s="196">
        <v>10</v>
      </c>
      <c r="AT14" s="195">
        <v>10</v>
      </c>
      <c r="AU14" s="190">
        <v>5</v>
      </c>
      <c r="AV14" s="191">
        <v>4</v>
      </c>
      <c r="AW14" s="196">
        <v>9</v>
      </c>
      <c r="AX14" s="193">
        <v>0</v>
      </c>
      <c r="AY14" s="191">
        <v>24</v>
      </c>
      <c r="AZ14" s="191">
        <v>28</v>
      </c>
      <c r="BA14" s="191">
        <v>23</v>
      </c>
      <c r="BB14" s="191">
        <v>21</v>
      </c>
      <c r="BC14" s="191">
        <v>19</v>
      </c>
      <c r="BD14" s="194">
        <v>115</v>
      </c>
      <c r="BE14" s="195">
        <v>124</v>
      </c>
      <c r="BF14" s="190">
        <v>0</v>
      </c>
      <c r="BG14" s="191">
        <v>0</v>
      </c>
      <c r="BH14" s="196">
        <v>0</v>
      </c>
      <c r="BI14" s="193">
        <v>0</v>
      </c>
      <c r="BJ14" s="191">
        <v>17</v>
      </c>
      <c r="BK14" s="191">
        <v>15</v>
      </c>
      <c r="BL14" s="191">
        <v>8</v>
      </c>
      <c r="BM14" s="191">
        <v>6</v>
      </c>
      <c r="BN14" s="191">
        <v>4</v>
      </c>
      <c r="BO14" s="196">
        <v>50</v>
      </c>
      <c r="BP14" s="195">
        <v>50</v>
      </c>
      <c r="BQ14" s="190">
        <v>1</v>
      </c>
      <c r="BR14" s="191">
        <v>5</v>
      </c>
      <c r="BS14" s="196">
        <v>6</v>
      </c>
      <c r="BT14" s="193">
        <v>0</v>
      </c>
      <c r="BU14" s="191">
        <v>10</v>
      </c>
      <c r="BV14" s="191">
        <v>9</v>
      </c>
      <c r="BW14" s="191">
        <v>5</v>
      </c>
      <c r="BX14" s="191">
        <v>4</v>
      </c>
      <c r="BY14" s="191">
        <v>1</v>
      </c>
      <c r="BZ14" s="196">
        <v>29</v>
      </c>
      <c r="CA14" s="195">
        <v>35</v>
      </c>
      <c r="CB14" s="190">
        <v>0</v>
      </c>
      <c r="CC14" s="191">
        <v>0</v>
      </c>
      <c r="CD14" s="196">
        <v>0</v>
      </c>
      <c r="CE14" s="193">
        <v>0</v>
      </c>
      <c r="CF14" s="191">
        <v>2</v>
      </c>
      <c r="CG14" s="191">
        <v>1</v>
      </c>
      <c r="CH14" s="191">
        <v>1</v>
      </c>
      <c r="CI14" s="191">
        <v>0</v>
      </c>
      <c r="CJ14" s="191">
        <v>4</v>
      </c>
      <c r="CK14" s="196">
        <v>8</v>
      </c>
      <c r="CL14" s="195">
        <v>8</v>
      </c>
      <c r="CM14" s="190">
        <v>0</v>
      </c>
      <c r="CN14" s="191">
        <v>0</v>
      </c>
      <c r="CO14" s="196">
        <v>0</v>
      </c>
      <c r="CP14" s="193">
        <v>0</v>
      </c>
      <c r="CQ14" s="191">
        <v>0</v>
      </c>
      <c r="CR14" s="191">
        <v>0</v>
      </c>
      <c r="CS14" s="191">
        <v>1</v>
      </c>
      <c r="CT14" s="191">
        <v>0</v>
      </c>
      <c r="CU14" s="191">
        <v>2</v>
      </c>
      <c r="CV14" s="196">
        <v>3</v>
      </c>
      <c r="CW14" s="195">
        <v>3</v>
      </c>
      <c r="CX14" s="190">
        <v>0</v>
      </c>
      <c r="CY14" s="191">
        <v>0</v>
      </c>
      <c r="CZ14" s="196">
        <v>0</v>
      </c>
      <c r="DA14" s="193">
        <v>0</v>
      </c>
      <c r="DB14" s="191">
        <v>0</v>
      </c>
      <c r="DC14" s="191">
        <v>0</v>
      </c>
      <c r="DD14" s="191">
        <v>0</v>
      </c>
      <c r="DE14" s="191">
        <v>0</v>
      </c>
      <c r="DF14" s="191">
        <v>0</v>
      </c>
      <c r="DG14" s="196">
        <v>0</v>
      </c>
      <c r="DH14" s="195">
        <v>0</v>
      </c>
      <c r="DI14" s="190">
        <v>0</v>
      </c>
      <c r="DJ14" s="191">
        <v>0</v>
      </c>
      <c r="DK14" s="196">
        <v>0</v>
      </c>
      <c r="DL14" s="193">
        <v>0</v>
      </c>
      <c r="DM14" s="191">
        <v>0</v>
      </c>
      <c r="DN14" s="191">
        <v>0</v>
      </c>
      <c r="DO14" s="191">
        <v>0</v>
      </c>
      <c r="DP14" s="191">
        <v>0</v>
      </c>
      <c r="DQ14" s="191">
        <v>0</v>
      </c>
      <c r="DR14" s="196">
        <v>0</v>
      </c>
      <c r="DS14" s="195">
        <v>0</v>
      </c>
      <c r="DT14" s="190">
        <v>23</v>
      </c>
      <c r="DU14" s="191">
        <v>18</v>
      </c>
      <c r="DV14" s="196">
        <v>41</v>
      </c>
      <c r="DW14" s="193">
        <v>0</v>
      </c>
      <c r="DX14" s="191">
        <v>44</v>
      </c>
      <c r="DY14" s="191">
        <v>48</v>
      </c>
      <c r="DZ14" s="191">
        <v>25</v>
      </c>
      <c r="EA14" s="191">
        <v>24</v>
      </c>
      <c r="EB14" s="191">
        <v>13</v>
      </c>
      <c r="EC14" s="196">
        <v>154</v>
      </c>
      <c r="ED14" s="195">
        <v>195</v>
      </c>
      <c r="EE14" s="190">
        <v>5</v>
      </c>
      <c r="EF14" s="191">
        <v>3</v>
      </c>
      <c r="EG14" s="196">
        <v>8</v>
      </c>
      <c r="EH14" s="193">
        <v>0</v>
      </c>
      <c r="EI14" s="191">
        <v>21</v>
      </c>
      <c r="EJ14" s="191">
        <v>12</v>
      </c>
      <c r="EK14" s="191">
        <v>7</v>
      </c>
      <c r="EL14" s="191">
        <v>17</v>
      </c>
      <c r="EM14" s="191">
        <v>11</v>
      </c>
      <c r="EN14" s="196">
        <v>68</v>
      </c>
      <c r="EO14" s="195">
        <v>76</v>
      </c>
      <c r="EP14" s="190">
        <v>27</v>
      </c>
      <c r="EQ14" s="191">
        <v>22</v>
      </c>
      <c r="ER14" s="196">
        <v>49</v>
      </c>
      <c r="ES14" s="193">
        <v>0</v>
      </c>
      <c r="ET14" s="191">
        <v>85</v>
      </c>
      <c r="EU14" s="191">
        <v>65</v>
      </c>
      <c r="EV14" s="191">
        <v>28</v>
      </c>
      <c r="EW14" s="191">
        <v>26</v>
      </c>
      <c r="EX14" s="191">
        <v>14</v>
      </c>
      <c r="EY14" s="196">
        <v>218</v>
      </c>
      <c r="EZ14" s="195">
        <v>267</v>
      </c>
    </row>
    <row r="15" spans="2:156" ht="21" customHeight="1" x14ac:dyDescent="0.2">
      <c r="B15" s="106" t="s">
        <v>12</v>
      </c>
      <c r="C15" s="190">
        <v>0</v>
      </c>
      <c r="D15" s="191">
        <v>0</v>
      </c>
      <c r="E15" s="192">
        <v>0</v>
      </c>
      <c r="F15" s="193">
        <v>0</v>
      </c>
      <c r="G15" s="191">
        <v>37</v>
      </c>
      <c r="H15" s="191">
        <v>31</v>
      </c>
      <c r="I15" s="191">
        <v>21</v>
      </c>
      <c r="J15" s="191">
        <v>11</v>
      </c>
      <c r="K15" s="191">
        <v>12</v>
      </c>
      <c r="L15" s="194">
        <v>112</v>
      </c>
      <c r="M15" s="195">
        <v>112</v>
      </c>
      <c r="N15" s="190">
        <v>0</v>
      </c>
      <c r="O15" s="191">
        <v>0</v>
      </c>
      <c r="P15" s="196">
        <v>0</v>
      </c>
      <c r="Q15" s="193">
        <v>0</v>
      </c>
      <c r="R15" s="191">
        <v>0</v>
      </c>
      <c r="S15" s="191">
        <v>1</v>
      </c>
      <c r="T15" s="191">
        <v>2</v>
      </c>
      <c r="U15" s="191">
        <v>2</v>
      </c>
      <c r="V15" s="191">
        <v>5</v>
      </c>
      <c r="W15" s="196">
        <v>10</v>
      </c>
      <c r="X15" s="195">
        <v>10</v>
      </c>
      <c r="Y15" s="190">
        <v>9</v>
      </c>
      <c r="Z15" s="191">
        <v>22</v>
      </c>
      <c r="AA15" s="196">
        <v>31</v>
      </c>
      <c r="AB15" s="193">
        <v>0</v>
      </c>
      <c r="AC15" s="191">
        <v>26</v>
      </c>
      <c r="AD15" s="191">
        <v>31</v>
      </c>
      <c r="AE15" s="191">
        <v>10</v>
      </c>
      <c r="AF15" s="191">
        <v>16</v>
      </c>
      <c r="AG15" s="191">
        <v>11</v>
      </c>
      <c r="AH15" s="196">
        <v>94</v>
      </c>
      <c r="AI15" s="195">
        <v>125</v>
      </c>
      <c r="AJ15" s="190">
        <v>1</v>
      </c>
      <c r="AK15" s="191">
        <v>1</v>
      </c>
      <c r="AL15" s="196">
        <v>2</v>
      </c>
      <c r="AM15" s="193">
        <v>0</v>
      </c>
      <c r="AN15" s="191">
        <v>2</v>
      </c>
      <c r="AO15" s="191">
        <v>1</v>
      </c>
      <c r="AP15" s="191">
        <v>0</v>
      </c>
      <c r="AQ15" s="191">
        <v>4</v>
      </c>
      <c r="AR15" s="191">
        <v>1</v>
      </c>
      <c r="AS15" s="196">
        <v>8</v>
      </c>
      <c r="AT15" s="195">
        <v>10</v>
      </c>
      <c r="AU15" s="190">
        <v>4</v>
      </c>
      <c r="AV15" s="191">
        <v>7</v>
      </c>
      <c r="AW15" s="196">
        <v>11</v>
      </c>
      <c r="AX15" s="193">
        <v>0</v>
      </c>
      <c r="AY15" s="191">
        <v>25</v>
      </c>
      <c r="AZ15" s="191">
        <v>30</v>
      </c>
      <c r="BA15" s="191">
        <v>28</v>
      </c>
      <c r="BB15" s="191">
        <v>31</v>
      </c>
      <c r="BC15" s="191">
        <v>20</v>
      </c>
      <c r="BD15" s="194">
        <v>134</v>
      </c>
      <c r="BE15" s="195">
        <v>145</v>
      </c>
      <c r="BF15" s="190">
        <v>0</v>
      </c>
      <c r="BG15" s="191">
        <v>0</v>
      </c>
      <c r="BH15" s="196">
        <v>0</v>
      </c>
      <c r="BI15" s="193">
        <v>0</v>
      </c>
      <c r="BJ15" s="191">
        <v>48</v>
      </c>
      <c r="BK15" s="191">
        <v>37</v>
      </c>
      <c r="BL15" s="191">
        <v>16</v>
      </c>
      <c r="BM15" s="191">
        <v>8</v>
      </c>
      <c r="BN15" s="191">
        <v>5</v>
      </c>
      <c r="BO15" s="196">
        <v>114</v>
      </c>
      <c r="BP15" s="195">
        <v>114</v>
      </c>
      <c r="BQ15" s="190">
        <v>8</v>
      </c>
      <c r="BR15" s="191">
        <v>11</v>
      </c>
      <c r="BS15" s="196">
        <v>19</v>
      </c>
      <c r="BT15" s="193">
        <v>0</v>
      </c>
      <c r="BU15" s="191">
        <v>12</v>
      </c>
      <c r="BV15" s="191">
        <v>9</v>
      </c>
      <c r="BW15" s="191">
        <v>8</v>
      </c>
      <c r="BX15" s="191">
        <v>4</v>
      </c>
      <c r="BY15" s="191">
        <v>1</v>
      </c>
      <c r="BZ15" s="196">
        <v>34</v>
      </c>
      <c r="CA15" s="195">
        <v>53</v>
      </c>
      <c r="CB15" s="190">
        <v>0</v>
      </c>
      <c r="CC15" s="191">
        <v>0</v>
      </c>
      <c r="CD15" s="196">
        <v>0</v>
      </c>
      <c r="CE15" s="193">
        <v>0</v>
      </c>
      <c r="CF15" s="191">
        <v>7</v>
      </c>
      <c r="CG15" s="191">
        <v>6</v>
      </c>
      <c r="CH15" s="191">
        <v>8</v>
      </c>
      <c r="CI15" s="191">
        <v>5</v>
      </c>
      <c r="CJ15" s="191">
        <v>1</v>
      </c>
      <c r="CK15" s="196">
        <v>27</v>
      </c>
      <c r="CL15" s="195">
        <v>27</v>
      </c>
      <c r="CM15" s="190">
        <v>0</v>
      </c>
      <c r="CN15" s="191">
        <v>0</v>
      </c>
      <c r="CO15" s="196">
        <v>0</v>
      </c>
      <c r="CP15" s="193">
        <v>0</v>
      </c>
      <c r="CQ15" s="191">
        <v>1</v>
      </c>
      <c r="CR15" s="191">
        <v>0</v>
      </c>
      <c r="CS15" s="191">
        <v>1</v>
      </c>
      <c r="CT15" s="191">
        <v>1</v>
      </c>
      <c r="CU15" s="191">
        <v>1</v>
      </c>
      <c r="CV15" s="196">
        <v>4</v>
      </c>
      <c r="CW15" s="195">
        <v>4</v>
      </c>
      <c r="CX15" s="190">
        <v>0</v>
      </c>
      <c r="CY15" s="191">
        <v>0</v>
      </c>
      <c r="CZ15" s="196">
        <v>0</v>
      </c>
      <c r="DA15" s="193">
        <v>0</v>
      </c>
      <c r="DB15" s="191">
        <v>0</v>
      </c>
      <c r="DC15" s="191">
        <v>0</v>
      </c>
      <c r="DD15" s="191">
        <v>0</v>
      </c>
      <c r="DE15" s="191">
        <v>0</v>
      </c>
      <c r="DF15" s="191">
        <v>0</v>
      </c>
      <c r="DG15" s="196">
        <v>0</v>
      </c>
      <c r="DH15" s="195">
        <v>0</v>
      </c>
      <c r="DI15" s="190">
        <v>0</v>
      </c>
      <c r="DJ15" s="191">
        <v>0</v>
      </c>
      <c r="DK15" s="196">
        <v>0</v>
      </c>
      <c r="DL15" s="193">
        <v>0</v>
      </c>
      <c r="DM15" s="191">
        <v>0</v>
      </c>
      <c r="DN15" s="191">
        <v>0</v>
      </c>
      <c r="DO15" s="191">
        <v>0</v>
      </c>
      <c r="DP15" s="191">
        <v>0</v>
      </c>
      <c r="DQ15" s="191">
        <v>0</v>
      </c>
      <c r="DR15" s="196">
        <v>0</v>
      </c>
      <c r="DS15" s="195">
        <v>0</v>
      </c>
      <c r="DT15" s="190">
        <v>28</v>
      </c>
      <c r="DU15" s="191">
        <v>68</v>
      </c>
      <c r="DV15" s="196">
        <v>96</v>
      </c>
      <c r="DW15" s="193">
        <v>0</v>
      </c>
      <c r="DX15" s="191">
        <v>39</v>
      </c>
      <c r="DY15" s="191">
        <v>66</v>
      </c>
      <c r="DZ15" s="191">
        <v>42</v>
      </c>
      <c r="EA15" s="191">
        <v>40</v>
      </c>
      <c r="EB15" s="191">
        <v>20</v>
      </c>
      <c r="EC15" s="196">
        <v>207</v>
      </c>
      <c r="ED15" s="195">
        <v>303</v>
      </c>
      <c r="EE15" s="190">
        <v>3</v>
      </c>
      <c r="EF15" s="191">
        <v>5</v>
      </c>
      <c r="EG15" s="196">
        <v>8</v>
      </c>
      <c r="EH15" s="193">
        <v>0</v>
      </c>
      <c r="EI15" s="191">
        <v>11</v>
      </c>
      <c r="EJ15" s="191">
        <v>13</v>
      </c>
      <c r="EK15" s="191">
        <v>13</v>
      </c>
      <c r="EL15" s="191">
        <v>13</v>
      </c>
      <c r="EM15" s="191">
        <v>9</v>
      </c>
      <c r="EN15" s="196">
        <v>59</v>
      </c>
      <c r="EO15" s="195">
        <v>67</v>
      </c>
      <c r="EP15" s="190">
        <v>41</v>
      </c>
      <c r="EQ15" s="191">
        <v>79</v>
      </c>
      <c r="ER15" s="196">
        <v>120</v>
      </c>
      <c r="ES15" s="193">
        <v>0</v>
      </c>
      <c r="ET15" s="191">
        <v>105</v>
      </c>
      <c r="EU15" s="191">
        <v>83</v>
      </c>
      <c r="EV15" s="191">
        <v>48</v>
      </c>
      <c r="EW15" s="191">
        <v>39</v>
      </c>
      <c r="EX15" s="191">
        <v>19</v>
      </c>
      <c r="EY15" s="196">
        <v>294</v>
      </c>
      <c r="EZ15" s="195">
        <v>414</v>
      </c>
    </row>
    <row r="16" spans="2:156" ht="21" customHeight="1" x14ac:dyDescent="0.2">
      <c r="B16" s="106" t="s">
        <v>13</v>
      </c>
      <c r="C16" s="190">
        <v>0</v>
      </c>
      <c r="D16" s="191">
        <v>0</v>
      </c>
      <c r="E16" s="192">
        <v>0</v>
      </c>
      <c r="F16" s="193">
        <v>0</v>
      </c>
      <c r="G16" s="191">
        <v>20</v>
      </c>
      <c r="H16" s="191">
        <v>29</v>
      </c>
      <c r="I16" s="191">
        <v>15</v>
      </c>
      <c r="J16" s="191">
        <v>8</v>
      </c>
      <c r="K16" s="191">
        <v>12</v>
      </c>
      <c r="L16" s="194">
        <v>84</v>
      </c>
      <c r="M16" s="195">
        <v>84</v>
      </c>
      <c r="N16" s="190">
        <v>0</v>
      </c>
      <c r="O16" s="191">
        <v>0</v>
      </c>
      <c r="P16" s="196">
        <v>0</v>
      </c>
      <c r="Q16" s="193">
        <v>0</v>
      </c>
      <c r="R16" s="191">
        <v>0</v>
      </c>
      <c r="S16" s="191">
        <v>1</v>
      </c>
      <c r="T16" s="191">
        <v>0</v>
      </c>
      <c r="U16" s="191">
        <v>1</v>
      </c>
      <c r="V16" s="191">
        <v>3</v>
      </c>
      <c r="W16" s="196">
        <v>5</v>
      </c>
      <c r="X16" s="195">
        <v>5</v>
      </c>
      <c r="Y16" s="190">
        <v>1</v>
      </c>
      <c r="Z16" s="191">
        <v>5</v>
      </c>
      <c r="AA16" s="196">
        <v>6</v>
      </c>
      <c r="AB16" s="193">
        <v>0</v>
      </c>
      <c r="AC16" s="191">
        <v>17</v>
      </c>
      <c r="AD16" s="191">
        <v>23</v>
      </c>
      <c r="AE16" s="191">
        <v>13</v>
      </c>
      <c r="AF16" s="191">
        <v>5</v>
      </c>
      <c r="AG16" s="191">
        <v>8</v>
      </c>
      <c r="AH16" s="196">
        <v>66</v>
      </c>
      <c r="AI16" s="195">
        <v>72</v>
      </c>
      <c r="AJ16" s="190">
        <v>1</v>
      </c>
      <c r="AK16" s="191">
        <v>0</v>
      </c>
      <c r="AL16" s="196">
        <v>1</v>
      </c>
      <c r="AM16" s="193">
        <v>0</v>
      </c>
      <c r="AN16" s="191">
        <v>0</v>
      </c>
      <c r="AO16" s="191">
        <v>4</v>
      </c>
      <c r="AP16" s="191">
        <v>1</v>
      </c>
      <c r="AQ16" s="191">
        <v>0</v>
      </c>
      <c r="AR16" s="191">
        <v>3</v>
      </c>
      <c r="AS16" s="196">
        <v>8</v>
      </c>
      <c r="AT16" s="195">
        <v>9</v>
      </c>
      <c r="AU16" s="190">
        <v>6</v>
      </c>
      <c r="AV16" s="191">
        <v>5</v>
      </c>
      <c r="AW16" s="196">
        <v>11</v>
      </c>
      <c r="AX16" s="193">
        <v>0</v>
      </c>
      <c r="AY16" s="191">
        <v>20</v>
      </c>
      <c r="AZ16" s="191">
        <v>38</v>
      </c>
      <c r="BA16" s="191">
        <v>16</v>
      </c>
      <c r="BB16" s="191">
        <v>13</v>
      </c>
      <c r="BC16" s="191">
        <v>19</v>
      </c>
      <c r="BD16" s="194">
        <v>106</v>
      </c>
      <c r="BE16" s="195">
        <v>117</v>
      </c>
      <c r="BF16" s="190">
        <v>0</v>
      </c>
      <c r="BG16" s="191">
        <v>0</v>
      </c>
      <c r="BH16" s="196">
        <v>0</v>
      </c>
      <c r="BI16" s="193">
        <v>0</v>
      </c>
      <c r="BJ16" s="191">
        <v>22</v>
      </c>
      <c r="BK16" s="191">
        <v>13</v>
      </c>
      <c r="BL16" s="191">
        <v>7</v>
      </c>
      <c r="BM16" s="191">
        <v>3</v>
      </c>
      <c r="BN16" s="191">
        <v>2</v>
      </c>
      <c r="BO16" s="196">
        <v>47</v>
      </c>
      <c r="BP16" s="195">
        <v>47</v>
      </c>
      <c r="BQ16" s="190">
        <v>1</v>
      </c>
      <c r="BR16" s="191">
        <v>0</v>
      </c>
      <c r="BS16" s="196">
        <v>1</v>
      </c>
      <c r="BT16" s="193">
        <v>0</v>
      </c>
      <c r="BU16" s="191">
        <v>2</v>
      </c>
      <c r="BV16" s="191">
        <v>5</v>
      </c>
      <c r="BW16" s="191">
        <v>2</v>
      </c>
      <c r="BX16" s="191">
        <v>3</v>
      </c>
      <c r="BY16" s="191">
        <v>0</v>
      </c>
      <c r="BZ16" s="196">
        <v>12</v>
      </c>
      <c r="CA16" s="195">
        <v>13</v>
      </c>
      <c r="CB16" s="190">
        <v>0</v>
      </c>
      <c r="CC16" s="191">
        <v>0</v>
      </c>
      <c r="CD16" s="196">
        <v>0</v>
      </c>
      <c r="CE16" s="193">
        <v>0</v>
      </c>
      <c r="CF16" s="191">
        <v>0</v>
      </c>
      <c r="CG16" s="191">
        <v>3</v>
      </c>
      <c r="CH16" s="191">
        <v>0</v>
      </c>
      <c r="CI16" s="191">
        <v>0</v>
      </c>
      <c r="CJ16" s="191">
        <v>0</v>
      </c>
      <c r="CK16" s="196">
        <v>3</v>
      </c>
      <c r="CL16" s="195">
        <v>3</v>
      </c>
      <c r="CM16" s="190">
        <v>0</v>
      </c>
      <c r="CN16" s="191">
        <v>0</v>
      </c>
      <c r="CO16" s="196">
        <v>0</v>
      </c>
      <c r="CP16" s="193">
        <v>0</v>
      </c>
      <c r="CQ16" s="191">
        <v>0</v>
      </c>
      <c r="CR16" s="191">
        <v>0</v>
      </c>
      <c r="CS16" s="191">
        <v>1</v>
      </c>
      <c r="CT16" s="191">
        <v>1</v>
      </c>
      <c r="CU16" s="191">
        <v>0</v>
      </c>
      <c r="CV16" s="196">
        <v>2</v>
      </c>
      <c r="CW16" s="195">
        <v>2</v>
      </c>
      <c r="CX16" s="190">
        <v>0</v>
      </c>
      <c r="CY16" s="191">
        <v>0</v>
      </c>
      <c r="CZ16" s="196">
        <v>0</v>
      </c>
      <c r="DA16" s="193">
        <v>0</v>
      </c>
      <c r="DB16" s="191">
        <v>0</v>
      </c>
      <c r="DC16" s="191">
        <v>0</v>
      </c>
      <c r="DD16" s="191">
        <v>0</v>
      </c>
      <c r="DE16" s="191">
        <v>0</v>
      </c>
      <c r="DF16" s="191">
        <v>0</v>
      </c>
      <c r="DG16" s="196">
        <v>0</v>
      </c>
      <c r="DH16" s="195">
        <v>0</v>
      </c>
      <c r="DI16" s="190">
        <v>0</v>
      </c>
      <c r="DJ16" s="191">
        <v>0</v>
      </c>
      <c r="DK16" s="196">
        <v>0</v>
      </c>
      <c r="DL16" s="193">
        <v>0</v>
      </c>
      <c r="DM16" s="191">
        <v>0</v>
      </c>
      <c r="DN16" s="191">
        <v>0</v>
      </c>
      <c r="DO16" s="191">
        <v>0</v>
      </c>
      <c r="DP16" s="191">
        <v>0</v>
      </c>
      <c r="DQ16" s="191">
        <v>0</v>
      </c>
      <c r="DR16" s="196">
        <v>0</v>
      </c>
      <c r="DS16" s="195">
        <v>0</v>
      </c>
      <c r="DT16" s="190">
        <v>5</v>
      </c>
      <c r="DU16" s="191">
        <v>15</v>
      </c>
      <c r="DV16" s="196">
        <v>20</v>
      </c>
      <c r="DW16" s="193">
        <v>0</v>
      </c>
      <c r="DX16" s="191">
        <v>19</v>
      </c>
      <c r="DY16" s="191">
        <v>44</v>
      </c>
      <c r="DZ16" s="191">
        <v>21</v>
      </c>
      <c r="EA16" s="191">
        <v>7</v>
      </c>
      <c r="EB16" s="191">
        <v>16</v>
      </c>
      <c r="EC16" s="196">
        <v>107</v>
      </c>
      <c r="ED16" s="195">
        <v>127</v>
      </c>
      <c r="EE16" s="190">
        <v>3</v>
      </c>
      <c r="EF16" s="191">
        <v>4</v>
      </c>
      <c r="EG16" s="196">
        <v>7</v>
      </c>
      <c r="EH16" s="193">
        <v>0</v>
      </c>
      <c r="EI16" s="191">
        <v>11</v>
      </c>
      <c r="EJ16" s="191">
        <v>9</v>
      </c>
      <c r="EK16" s="191">
        <v>8</v>
      </c>
      <c r="EL16" s="191">
        <v>8</v>
      </c>
      <c r="EM16" s="191">
        <v>2</v>
      </c>
      <c r="EN16" s="196">
        <v>38</v>
      </c>
      <c r="EO16" s="195">
        <v>45</v>
      </c>
      <c r="EP16" s="190">
        <v>7</v>
      </c>
      <c r="EQ16" s="191">
        <v>16</v>
      </c>
      <c r="ER16" s="196">
        <v>23</v>
      </c>
      <c r="ES16" s="193">
        <v>0</v>
      </c>
      <c r="ET16" s="191">
        <v>59</v>
      </c>
      <c r="EU16" s="191">
        <v>61</v>
      </c>
      <c r="EV16" s="191">
        <v>25</v>
      </c>
      <c r="EW16" s="191">
        <v>12</v>
      </c>
      <c r="EX16" s="191">
        <v>16</v>
      </c>
      <c r="EY16" s="196">
        <v>173</v>
      </c>
      <c r="EZ16" s="195">
        <v>196</v>
      </c>
    </row>
    <row r="17" spans="2:156" ht="21" customHeight="1" x14ac:dyDescent="0.2">
      <c r="B17" s="106" t="s">
        <v>15</v>
      </c>
      <c r="C17" s="190">
        <v>0</v>
      </c>
      <c r="D17" s="191">
        <v>0</v>
      </c>
      <c r="E17" s="192">
        <v>0</v>
      </c>
      <c r="F17" s="193">
        <v>0</v>
      </c>
      <c r="G17" s="191">
        <v>7</v>
      </c>
      <c r="H17" s="191">
        <v>3</v>
      </c>
      <c r="I17" s="191">
        <v>0</v>
      </c>
      <c r="J17" s="191">
        <v>1</v>
      </c>
      <c r="K17" s="191">
        <v>2</v>
      </c>
      <c r="L17" s="194">
        <v>13</v>
      </c>
      <c r="M17" s="195">
        <v>13</v>
      </c>
      <c r="N17" s="190">
        <v>0</v>
      </c>
      <c r="O17" s="191">
        <v>0</v>
      </c>
      <c r="P17" s="196">
        <v>0</v>
      </c>
      <c r="Q17" s="193">
        <v>0</v>
      </c>
      <c r="R17" s="191">
        <v>0</v>
      </c>
      <c r="S17" s="191">
        <v>0</v>
      </c>
      <c r="T17" s="191">
        <v>1</v>
      </c>
      <c r="U17" s="191">
        <v>0</v>
      </c>
      <c r="V17" s="191">
        <v>1</v>
      </c>
      <c r="W17" s="196">
        <v>2</v>
      </c>
      <c r="X17" s="195">
        <v>2</v>
      </c>
      <c r="Y17" s="190">
        <v>0</v>
      </c>
      <c r="Z17" s="191">
        <v>2</v>
      </c>
      <c r="AA17" s="196">
        <v>2</v>
      </c>
      <c r="AB17" s="193">
        <v>0</v>
      </c>
      <c r="AC17" s="191">
        <v>6</v>
      </c>
      <c r="AD17" s="191">
        <v>3</v>
      </c>
      <c r="AE17" s="191">
        <v>1</v>
      </c>
      <c r="AF17" s="191">
        <v>2</v>
      </c>
      <c r="AG17" s="191">
        <v>3</v>
      </c>
      <c r="AH17" s="196">
        <v>15</v>
      </c>
      <c r="AI17" s="195">
        <v>17</v>
      </c>
      <c r="AJ17" s="190">
        <v>0</v>
      </c>
      <c r="AK17" s="191">
        <v>0</v>
      </c>
      <c r="AL17" s="196">
        <v>0</v>
      </c>
      <c r="AM17" s="193">
        <v>0</v>
      </c>
      <c r="AN17" s="191">
        <v>0</v>
      </c>
      <c r="AO17" s="191">
        <v>1</v>
      </c>
      <c r="AP17" s="191">
        <v>0</v>
      </c>
      <c r="AQ17" s="191">
        <v>1</v>
      </c>
      <c r="AR17" s="191">
        <v>1</v>
      </c>
      <c r="AS17" s="196">
        <v>3</v>
      </c>
      <c r="AT17" s="195">
        <v>3</v>
      </c>
      <c r="AU17" s="190">
        <v>0</v>
      </c>
      <c r="AV17" s="191">
        <v>1</v>
      </c>
      <c r="AW17" s="196">
        <v>1</v>
      </c>
      <c r="AX17" s="193">
        <v>0</v>
      </c>
      <c r="AY17" s="191">
        <v>8</v>
      </c>
      <c r="AZ17" s="191">
        <v>6</v>
      </c>
      <c r="BA17" s="191">
        <v>2</v>
      </c>
      <c r="BB17" s="191">
        <v>1</v>
      </c>
      <c r="BC17" s="191">
        <v>5</v>
      </c>
      <c r="BD17" s="194">
        <v>22</v>
      </c>
      <c r="BE17" s="195">
        <v>23</v>
      </c>
      <c r="BF17" s="190">
        <v>0</v>
      </c>
      <c r="BG17" s="191">
        <v>0</v>
      </c>
      <c r="BH17" s="196">
        <v>0</v>
      </c>
      <c r="BI17" s="193">
        <v>0</v>
      </c>
      <c r="BJ17" s="191">
        <v>3</v>
      </c>
      <c r="BK17" s="191">
        <v>1</v>
      </c>
      <c r="BL17" s="191">
        <v>0</v>
      </c>
      <c r="BM17" s="191">
        <v>1</v>
      </c>
      <c r="BN17" s="191">
        <v>0</v>
      </c>
      <c r="BO17" s="196">
        <v>5</v>
      </c>
      <c r="BP17" s="195">
        <v>5</v>
      </c>
      <c r="BQ17" s="190">
        <v>1</v>
      </c>
      <c r="BR17" s="191">
        <v>0</v>
      </c>
      <c r="BS17" s="196">
        <v>1</v>
      </c>
      <c r="BT17" s="193">
        <v>0</v>
      </c>
      <c r="BU17" s="191">
        <v>0</v>
      </c>
      <c r="BV17" s="191">
        <v>2</v>
      </c>
      <c r="BW17" s="191">
        <v>1</v>
      </c>
      <c r="BX17" s="191">
        <v>1</v>
      </c>
      <c r="BY17" s="191">
        <v>1</v>
      </c>
      <c r="BZ17" s="196">
        <v>5</v>
      </c>
      <c r="CA17" s="195">
        <v>6</v>
      </c>
      <c r="CB17" s="190">
        <v>0</v>
      </c>
      <c r="CC17" s="191">
        <v>0</v>
      </c>
      <c r="CD17" s="196">
        <v>0</v>
      </c>
      <c r="CE17" s="193">
        <v>0</v>
      </c>
      <c r="CF17" s="191">
        <v>0</v>
      </c>
      <c r="CG17" s="191">
        <v>2</v>
      </c>
      <c r="CH17" s="191">
        <v>0</v>
      </c>
      <c r="CI17" s="191">
        <v>2</v>
      </c>
      <c r="CJ17" s="191">
        <v>2</v>
      </c>
      <c r="CK17" s="196">
        <v>6</v>
      </c>
      <c r="CL17" s="195">
        <v>6</v>
      </c>
      <c r="CM17" s="190">
        <v>0</v>
      </c>
      <c r="CN17" s="191">
        <v>0</v>
      </c>
      <c r="CO17" s="196">
        <v>0</v>
      </c>
      <c r="CP17" s="193">
        <v>0</v>
      </c>
      <c r="CQ17" s="191">
        <v>0</v>
      </c>
      <c r="CR17" s="191">
        <v>1</v>
      </c>
      <c r="CS17" s="191">
        <v>1</v>
      </c>
      <c r="CT17" s="191">
        <v>0</v>
      </c>
      <c r="CU17" s="191">
        <v>0</v>
      </c>
      <c r="CV17" s="196">
        <v>2</v>
      </c>
      <c r="CW17" s="195">
        <v>2</v>
      </c>
      <c r="CX17" s="190">
        <v>0</v>
      </c>
      <c r="CY17" s="191">
        <v>0</v>
      </c>
      <c r="CZ17" s="196">
        <v>0</v>
      </c>
      <c r="DA17" s="193">
        <v>0</v>
      </c>
      <c r="DB17" s="191">
        <v>0</v>
      </c>
      <c r="DC17" s="191">
        <v>0</v>
      </c>
      <c r="DD17" s="191">
        <v>0</v>
      </c>
      <c r="DE17" s="191">
        <v>0</v>
      </c>
      <c r="DF17" s="191">
        <v>0</v>
      </c>
      <c r="DG17" s="196">
        <v>0</v>
      </c>
      <c r="DH17" s="195">
        <v>0</v>
      </c>
      <c r="DI17" s="190">
        <v>0</v>
      </c>
      <c r="DJ17" s="191">
        <v>0</v>
      </c>
      <c r="DK17" s="196">
        <v>0</v>
      </c>
      <c r="DL17" s="193">
        <v>0</v>
      </c>
      <c r="DM17" s="191">
        <v>0</v>
      </c>
      <c r="DN17" s="191">
        <v>0</v>
      </c>
      <c r="DO17" s="191">
        <v>0</v>
      </c>
      <c r="DP17" s="191">
        <v>0</v>
      </c>
      <c r="DQ17" s="191">
        <v>0</v>
      </c>
      <c r="DR17" s="196">
        <v>0</v>
      </c>
      <c r="DS17" s="195">
        <v>0</v>
      </c>
      <c r="DT17" s="190">
        <v>2</v>
      </c>
      <c r="DU17" s="191">
        <v>5</v>
      </c>
      <c r="DV17" s="196">
        <v>7</v>
      </c>
      <c r="DW17" s="193">
        <v>0</v>
      </c>
      <c r="DX17" s="191">
        <v>7</v>
      </c>
      <c r="DY17" s="191">
        <v>10</v>
      </c>
      <c r="DZ17" s="191">
        <v>3</v>
      </c>
      <c r="EA17" s="191">
        <v>2</v>
      </c>
      <c r="EB17" s="191">
        <v>3</v>
      </c>
      <c r="EC17" s="196">
        <v>25</v>
      </c>
      <c r="ED17" s="195">
        <v>32</v>
      </c>
      <c r="EE17" s="190">
        <v>2</v>
      </c>
      <c r="EF17" s="191">
        <v>2</v>
      </c>
      <c r="EG17" s="196">
        <v>4</v>
      </c>
      <c r="EH17" s="193">
        <v>0</v>
      </c>
      <c r="EI17" s="191">
        <v>6</v>
      </c>
      <c r="EJ17" s="191">
        <v>1</v>
      </c>
      <c r="EK17" s="191">
        <v>2</v>
      </c>
      <c r="EL17" s="191">
        <v>3</v>
      </c>
      <c r="EM17" s="191">
        <v>4</v>
      </c>
      <c r="EN17" s="196">
        <v>16</v>
      </c>
      <c r="EO17" s="195">
        <v>20</v>
      </c>
      <c r="EP17" s="190">
        <v>3</v>
      </c>
      <c r="EQ17" s="191">
        <v>6</v>
      </c>
      <c r="ER17" s="196">
        <v>9</v>
      </c>
      <c r="ES17" s="193">
        <v>0</v>
      </c>
      <c r="ET17" s="191">
        <v>14</v>
      </c>
      <c r="EU17" s="191">
        <v>14</v>
      </c>
      <c r="EV17" s="191">
        <v>4</v>
      </c>
      <c r="EW17" s="191">
        <v>3</v>
      </c>
      <c r="EX17" s="191">
        <v>2</v>
      </c>
      <c r="EY17" s="196">
        <v>37</v>
      </c>
      <c r="EZ17" s="195">
        <v>46</v>
      </c>
    </row>
    <row r="18" spans="2:156" ht="21" customHeight="1" x14ac:dyDescent="0.2">
      <c r="B18" s="106" t="s">
        <v>16</v>
      </c>
      <c r="C18" s="190">
        <v>0</v>
      </c>
      <c r="D18" s="191">
        <v>0</v>
      </c>
      <c r="E18" s="192">
        <v>0</v>
      </c>
      <c r="F18" s="193">
        <v>0</v>
      </c>
      <c r="G18" s="191">
        <v>2</v>
      </c>
      <c r="H18" s="191">
        <v>21</v>
      </c>
      <c r="I18" s="191">
        <v>4</v>
      </c>
      <c r="J18" s="191">
        <v>8</v>
      </c>
      <c r="K18" s="191">
        <v>2</v>
      </c>
      <c r="L18" s="194">
        <v>37</v>
      </c>
      <c r="M18" s="195">
        <v>37</v>
      </c>
      <c r="N18" s="190">
        <v>0</v>
      </c>
      <c r="O18" s="191">
        <v>0</v>
      </c>
      <c r="P18" s="196">
        <v>0</v>
      </c>
      <c r="Q18" s="193">
        <v>0</v>
      </c>
      <c r="R18" s="191">
        <v>0</v>
      </c>
      <c r="S18" s="191">
        <v>0</v>
      </c>
      <c r="T18" s="191">
        <v>0</v>
      </c>
      <c r="U18" s="191">
        <v>2</v>
      </c>
      <c r="V18" s="191">
        <v>3</v>
      </c>
      <c r="W18" s="196">
        <v>5</v>
      </c>
      <c r="X18" s="195">
        <v>5</v>
      </c>
      <c r="Y18" s="190">
        <v>4</v>
      </c>
      <c r="Z18" s="191">
        <v>3</v>
      </c>
      <c r="AA18" s="196">
        <v>7</v>
      </c>
      <c r="AB18" s="193">
        <v>0</v>
      </c>
      <c r="AC18" s="191">
        <v>8</v>
      </c>
      <c r="AD18" s="191">
        <v>17</v>
      </c>
      <c r="AE18" s="191">
        <v>7</v>
      </c>
      <c r="AF18" s="191">
        <v>12</v>
      </c>
      <c r="AG18" s="191">
        <v>4</v>
      </c>
      <c r="AH18" s="196">
        <v>48</v>
      </c>
      <c r="AI18" s="195">
        <v>55</v>
      </c>
      <c r="AJ18" s="190">
        <v>1</v>
      </c>
      <c r="AK18" s="191">
        <v>0</v>
      </c>
      <c r="AL18" s="196">
        <v>1</v>
      </c>
      <c r="AM18" s="193">
        <v>0</v>
      </c>
      <c r="AN18" s="191">
        <v>0</v>
      </c>
      <c r="AO18" s="191">
        <v>0</v>
      </c>
      <c r="AP18" s="191">
        <v>0</v>
      </c>
      <c r="AQ18" s="191">
        <v>0</v>
      </c>
      <c r="AR18" s="191">
        <v>2</v>
      </c>
      <c r="AS18" s="196">
        <v>2</v>
      </c>
      <c r="AT18" s="195">
        <v>3</v>
      </c>
      <c r="AU18" s="190">
        <v>4</v>
      </c>
      <c r="AV18" s="191">
        <v>0</v>
      </c>
      <c r="AW18" s="196">
        <v>4</v>
      </c>
      <c r="AX18" s="193">
        <v>0</v>
      </c>
      <c r="AY18" s="191">
        <v>10</v>
      </c>
      <c r="AZ18" s="191">
        <v>20</v>
      </c>
      <c r="BA18" s="191">
        <v>14</v>
      </c>
      <c r="BB18" s="191">
        <v>13</v>
      </c>
      <c r="BC18" s="191">
        <v>12</v>
      </c>
      <c r="BD18" s="194">
        <v>69</v>
      </c>
      <c r="BE18" s="195">
        <v>73</v>
      </c>
      <c r="BF18" s="190">
        <v>0</v>
      </c>
      <c r="BG18" s="191">
        <v>0</v>
      </c>
      <c r="BH18" s="196">
        <v>0</v>
      </c>
      <c r="BI18" s="193">
        <v>0</v>
      </c>
      <c r="BJ18" s="191">
        <v>23</v>
      </c>
      <c r="BK18" s="191">
        <v>24</v>
      </c>
      <c r="BL18" s="191">
        <v>6</v>
      </c>
      <c r="BM18" s="191">
        <v>6</v>
      </c>
      <c r="BN18" s="191">
        <v>1</v>
      </c>
      <c r="BO18" s="196">
        <v>60</v>
      </c>
      <c r="BP18" s="195">
        <v>60</v>
      </c>
      <c r="BQ18" s="190">
        <v>3</v>
      </c>
      <c r="BR18" s="191">
        <v>6</v>
      </c>
      <c r="BS18" s="196">
        <v>9</v>
      </c>
      <c r="BT18" s="193">
        <v>0</v>
      </c>
      <c r="BU18" s="191">
        <v>12</v>
      </c>
      <c r="BV18" s="191">
        <v>13</v>
      </c>
      <c r="BW18" s="191">
        <v>6</v>
      </c>
      <c r="BX18" s="191">
        <v>1</v>
      </c>
      <c r="BY18" s="191">
        <v>1</v>
      </c>
      <c r="BZ18" s="196">
        <v>33</v>
      </c>
      <c r="CA18" s="195">
        <v>42</v>
      </c>
      <c r="CB18" s="190">
        <v>1</v>
      </c>
      <c r="CC18" s="191">
        <v>0</v>
      </c>
      <c r="CD18" s="196">
        <v>1</v>
      </c>
      <c r="CE18" s="193">
        <v>0</v>
      </c>
      <c r="CF18" s="191">
        <v>3</v>
      </c>
      <c r="CG18" s="191">
        <v>7</v>
      </c>
      <c r="CH18" s="191">
        <v>4</v>
      </c>
      <c r="CI18" s="191">
        <v>3</v>
      </c>
      <c r="CJ18" s="191">
        <v>0</v>
      </c>
      <c r="CK18" s="196">
        <v>17</v>
      </c>
      <c r="CL18" s="195">
        <v>18</v>
      </c>
      <c r="CM18" s="190">
        <v>0</v>
      </c>
      <c r="CN18" s="191">
        <v>0</v>
      </c>
      <c r="CO18" s="196">
        <v>0</v>
      </c>
      <c r="CP18" s="193">
        <v>0</v>
      </c>
      <c r="CQ18" s="191">
        <v>1</v>
      </c>
      <c r="CR18" s="191">
        <v>0</v>
      </c>
      <c r="CS18" s="191">
        <v>0</v>
      </c>
      <c r="CT18" s="191">
        <v>0</v>
      </c>
      <c r="CU18" s="191">
        <v>0</v>
      </c>
      <c r="CV18" s="196">
        <v>1</v>
      </c>
      <c r="CW18" s="195">
        <v>1</v>
      </c>
      <c r="CX18" s="190">
        <v>0</v>
      </c>
      <c r="CY18" s="191">
        <v>0</v>
      </c>
      <c r="CZ18" s="196">
        <v>0</v>
      </c>
      <c r="DA18" s="193">
        <v>0</v>
      </c>
      <c r="DB18" s="191">
        <v>0</v>
      </c>
      <c r="DC18" s="191">
        <v>0</v>
      </c>
      <c r="DD18" s="191">
        <v>0</v>
      </c>
      <c r="DE18" s="191">
        <v>0</v>
      </c>
      <c r="DF18" s="191">
        <v>0</v>
      </c>
      <c r="DG18" s="196">
        <v>0</v>
      </c>
      <c r="DH18" s="195">
        <v>0</v>
      </c>
      <c r="DI18" s="190">
        <v>0</v>
      </c>
      <c r="DJ18" s="191">
        <v>0</v>
      </c>
      <c r="DK18" s="196">
        <v>0</v>
      </c>
      <c r="DL18" s="193">
        <v>0</v>
      </c>
      <c r="DM18" s="191">
        <v>0</v>
      </c>
      <c r="DN18" s="191">
        <v>0</v>
      </c>
      <c r="DO18" s="191">
        <v>0</v>
      </c>
      <c r="DP18" s="191">
        <v>0</v>
      </c>
      <c r="DQ18" s="191">
        <v>0</v>
      </c>
      <c r="DR18" s="196">
        <v>0</v>
      </c>
      <c r="DS18" s="195">
        <v>0</v>
      </c>
      <c r="DT18" s="190">
        <v>8</v>
      </c>
      <c r="DU18" s="191">
        <v>24</v>
      </c>
      <c r="DV18" s="196">
        <v>32</v>
      </c>
      <c r="DW18" s="193">
        <v>0</v>
      </c>
      <c r="DX18" s="191">
        <v>18</v>
      </c>
      <c r="DY18" s="191">
        <v>45</v>
      </c>
      <c r="DZ18" s="191">
        <v>18</v>
      </c>
      <c r="EA18" s="191">
        <v>13</v>
      </c>
      <c r="EB18" s="191">
        <v>11</v>
      </c>
      <c r="EC18" s="196">
        <v>105</v>
      </c>
      <c r="ED18" s="195">
        <v>137</v>
      </c>
      <c r="EE18" s="190">
        <v>5</v>
      </c>
      <c r="EF18" s="191">
        <v>0</v>
      </c>
      <c r="EG18" s="196">
        <v>5</v>
      </c>
      <c r="EH18" s="193">
        <v>0</v>
      </c>
      <c r="EI18" s="191">
        <v>6</v>
      </c>
      <c r="EJ18" s="191">
        <v>8</v>
      </c>
      <c r="EK18" s="191">
        <v>12</v>
      </c>
      <c r="EL18" s="191">
        <v>9</v>
      </c>
      <c r="EM18" s="191">
        <v>8</v>
      </c>
      <c r="EN18" s="196">
        <v>43</v>
      </c>
      <c r="EO18" s="195">
        <v>48</v>
      </c>
      <c r="EP18" s="190">
        <v>16</v>
      </c>
      <c r="EQ18" s="191">
        <v>26</v>
      </c>
      <c r="ER18" s="196">
        <v>42</v>
      </c>
      <c r="ES18" s="193">
        <v>0</v>
      </c>
      <c r="ET18" s="191">
        <v>47</v>
      </c>
      <c r="EU18" s="191">
        <v>68</v>
      </c>
      <c r="EV18" s="191">
        <v>21</v>
      </c>
      <c r="EW18" s="191">
        <v>19</v>
      </c>
      <c r="EX18" s="191">
        <v>9</v>
      </c>
      <c r="EY18" s="196">
        <v>164</v>
      </c>
      <c r="EZ18" s="195">
        <v>206</v>
      </c>
    </row>
    <row r="19" spans="2:156" ht="21" customHeight="1" x14ac:dyDescent="0.2">
      <c r="B19" s="106" t="s">
        <v>17</v>
      </c>
      <c r="C19" s="190">
        <v>0</v>
      </c>
      <c r="D19" s="191">
        <v>0</v>
      </c>
      <c r="E19" s="192">
        <v>0</v>
      </c>
      <c r="F19" s="193">
        <v>0</v>
      </c>
      <c r="G19" s="191">
        <v>11</v>
      </c>
      <c r="H19" s="191">
        <v>30</v>
      </c>
      <c r="I19" s="191">
        <v>15</v>
      </c>
      <c r="J19" s="191">
        <v>14</v>
      </c>
      <c r="K19" s="191">
        <v>4</v>
      </c>
      <c r="L19" s="194">
        <v>74</v>
      </c>
      <c r="M19" s="195">
        <v>74</v>
      </c>
      <c r="N19" s="190">
        <v>0</v>
      </c>
      <c r="O19" s="191">
        <v>0</v>
      </c>
      <c r="P19" s="196">
        <v>0</v>
      </c>
      <c r="Q19" s="193">
        <v>0</v>
      </c>
      <c r="R19" s="191">
        <v>0</v>
      </c>
      <c r="S19" s="191">
        <v>0</v>
      </c>
      <c r="T19" s="191">
        <v>1</v>
      </c>
      <c r="U19" s="191">
        <v>5</v>
      </c>
      <c r="V19" s="191">
        <v>3</v>
      </c>
      <c r="W19" s="196">
        <v>9</v>
      </c>
      <c r="X19" s="195">
        <v>9</v>
      </c>
      <c r="Y19" s="190">
        <v>3</v>
      </c>
      <c r="Z19" s="191">
        <v>8</v>
      </c>
      <c r="AA19" s="196">
        <v>11</v>
      </c>
      <c r="AB19" s="193">
        <v>0</v>
      </c>
      <c r="AC19" s="191">
        <v>11</v>
      </c>
      <c r="AD19" s="191">
        <v>29</v>
      </c>
      <c r="AE19" s="191">
        <v>21</v>
      </c>
      <c r="AF19" s="191">
        <v>15</v>
      </c>
      <c r="AG19" s="191">
        <v>4</v>
      </c>
      <c r="AH19" s="196">
        <v>80</v>
      </c>
      <c r="AI19" s="195">
        <v>91</v>
      </c>
      <c r="AJ19" s="190">
        <v>3</v>
      </c>
      <c r="AK19" s="191">
        <v>0</v>
      </c>
      <c r="AL19" s="196">
        <v>3</v>
      </c>
      <c r="AM19" s="193">
        <v>0</v>
      </c>
      <c r="AN19" s="191">
        <v>2</v>
      </c>
      <c r="AO19" s="191">
        <v>5</v>
      </c>
      <c r="AP19" s="191">
        <v>5</v>
      </c>
      <c r="AQ19" s="191">
        <v>1</v>
      </c>
      <c r="AR19" s="191">
        <v>0</v>
      </c>
      <c r="AS19" s="196">
        <v>13</v>
      </c>
      <c r="AT19" s="195">
        <v>16</v>
      </c>
      <c r="AU19" s="190">
        <v>3</v>
      </c>
      <c r="AV19" s="191">
        <v>7</v>
      </c>
      <c r="AW19" s="196">
        <v>10</v>
      </c>
      <c r="AX19" s="193">
        <v>0</v>
      </c>
      <c r="AY19" s="191">
        <v>20</v>
      </c>
      <c r="AZ19" s="191">
        <v>35</v>
      </c>
      <c r="BA19" s="191">
        <v>30</v>
      </c>
      <c r="BB19" s="191">
        <v>28</v>
      </c>
      <c r="BC19" s="191">
        <v>15</v>
      </c>
      <c r="BD19" s="194">
        <v>128</v>
      </c>
      <c r="BE19" s="195">
        <v>138</v>
      </c>
      <c r="BF19" s="190">
        <v>0</v>
      </c>
      <c r="BG19" s="191">
        <v>0</v>
      </c>
      <c r="BH19" s="196">
        <v>0</v>
      </c>
      <c r="BI19" s="193">
        <v>0</v>
      </c>
      <c r="BJ19" s="191">
        <v>15</v>
      </c>
      <c r="BK19" s="191">
        <v>28</v>
      </c>
      <c r="BL19" s="191">
        <v>14</v>
      </c>
      <c r="BM19" s="191">
        <v>10</v>
      </c>
      <c r="BN19" s="191">
        <v>2</v>
      </c>
      <c r="BO19" s="196">
        <v>69</v>
      </c>
      <c r="BP19" s="195">
        <v>69</v>
      </c>
      <c r="BQ19" s="190">
        <v>4</v>
      </c>
      <c r="BR19" s="191">
        <v>6</v>
      </c>
      <c r="BS19" s="196">
        <v>10</v>
      </c>
      <c r="BT19" s="193">
        <v>0</v>
      </c>
      <c r="BU19" s="191">
        <v>8</v>
      </c>
      <c r="BV19" s="191">
        <v>11</v>
      </c>
      <c r="BW19" s="191">
        <v>8</v>
      </c>
      <c r="BX19" s="191">
        <v>5</v>
      </c>
      <c r="BY19" s="191">
        <v>1</v>
      </c>
      <c r="BZ19" s="196">
        <v>33</v>
      </c>
      <c r="CA19" s="195">
        <v>43</v>
      </c>
      <c r="CB19" s="190">
        <v>0</v>
      </c>
      <c r="CC19" s="191">
        <v>0</v>
      </c>
      <c r="CD19" s="196">
        <v>0</v>
      </c>
      <c r="CE19" s="193">
        <v>0</v>
      </c>
      <c r="CF19" s="191">
        <v>3</v>
      </c>
      <c r="CG19" s="191">
        <v>8</v>
      </c>
      <c r="CH19" s="191">
        <v>9</v>
      </c>
      <c r="CI19" s="191">
        <v>5</v>
      </c>
      <c r="CJ19" s="191">
        <v>0</v>
      </c>
      <c r="CK19" s="196">
        <v>25</v>
      </c>
      <c r="CL19" s="195">
        <v>25</v>
      </c>
      <c r="CM19" s="190">
        <v>0</v>
      </c>
      <c r="CN19" s="191">
        <v>0</v>
      </c>
      <c r="CO19" s="196">
        <v>0</v>
      </c>
      <c r="CP19" s="193">
        <v>0</v>
      </c>
      <c r="CQ19" s="191">
        <v>3</v>
      </c>
      <c r="CR19" s="191">
        <v>0</v>
      </c>
      <c r="CS19" s="191">
        <v>1</v>
      </c>
      <c r="CT19" s="191">
        <v>3</v>
      </c>
      <c r="CU19" s="191">
        <v>0</v>
      </c>
      <c r="CV19" s="196">
        <v>7</v>
      </c>
      <c r="CW19" s="195">
        <v>7</v>
      </c>
      <c r="CX19" s="190">
        <v>0</v>
      </c>
      <c r="CY19" s="191">
        <v>0</v>
      </c>
      <c r="CZ19" s="196">
        <v>0</v>
      </c>
      <c r="DA19" s="193">
        <v>0</v>
      </c>
      <c r="DB19" s="191">
        <v>0</v>
      </c>
      <c r="DC19" s="191">
        <v>0</v>
      </c>
      <c r="DD19" s="191">
        <v>0</v>
      </c>
      <c r="DE19" s="191">
        <v>0</v>
      </c>
      <c r="DF19" s="191">
        <v>0</v>
      </c>
      <c r="DG19" s="196">
        <v>0</v>
      </c>
      <c r="DH19" s="195">
        <v>0</v>
      </c>
      <c r="DI19" s="190">
        <v>0</v>
      </c>
      <c r="DJ19" s="191">
        <v>0</v>
      </c>
      <c r="DK19" s="196">
        <v>0</v>
      </c>
      <c r="DL19" s="193">
        <v>0</v>
      </c>
      <c r="DM19" s="191">
        <v>0</v>
      </c>
      <c r="DN19" s="191">
        <v>0</v>
      </c>
      <c r="DO19" s="191">
        <v>0</v>
      </c>
      <c r="DP19" s="191">
        <v>0</v>
      </c>
      <c r="DQ19" s="191">
        <v>0</v>
      </c>
      <c r="DR19" s="196">
        <v>0</v>
      </c>
      <c r="DS19" s="195">
        <v>0</v>
      </c>
      <c r="DT19" s="190">
        <v>10</v>
      </c>
      <c r="DU19" s="191">
        <v>29</v>
      </c>
      <c r="DV19" s="196">
        <v>39</v>
      </c>
      <c r="DW19" s="193">
        <v>0</v>
      </c>
      <c r="DX19" s="191">
        <v>24</v>
      </c>
      <c r="DY19" s="191">
        <v>75</v>
      </c>
      <c r="DZ19" s="191">
        <v>49</v>
      </c>
      <c r="EA19" s="191">
        <v>34</v>
      </c>
      <c r="EB19" s="191">
        <v>9</v>
      </c>
      <c r="EC19" s="196">
        <v>191</v>
      </c>
      <c r="ED19" s="195">
        <v>230</v>
      </c>
      <c r="EE19" s="190">
        <v>2</v>
      </c>
      <c r="EF19" s="191">
        <v>5</v>
      </c>
      <c r="EG19" s="196">
        <v>7</v>
      </c>
      <c r="EH19" s="193">
        <v>0</v>
      </c>
      <c r="EI19" s="191">
        <v>15</v>
      </c>
      <c r="EJ19" s="191">
        <v>7</v>
      </c>
      <c r="EK19" s="191">
        <v>9</v>
      </c>
      <c r="EL19" s="191">
        <v>12</v>
      </c>
      <c r="EM19" s="191">
        <v>8</v>
      </c>
      <c r="EN19" s="196">
        <v>51</v>
      </c>
      <c r="EO19" s="195">
        <v>58</v>
      </c>
      <c r="EP19" s="190">
        <v>19</v>
      </c>
      <c r="EQ19" s="191">
        <v>35</v>
      </c>
      <c r="ER19" s="196">
        <v>54</v>
      </c>
      <c r="ES19" s="193">
        <v>0</v>
      </c>
      <c r="ET19" s="191">
        <v>58</v>
      </c>
      <c r="EU19" s="191">
        <v>105</v>
      </c>
      <c r="EV19" s="191">
        <v>57</v>
      </c>
      <c r="EW19" s="191">
        <v>35</v>
      </c>
      <c r="EX19" s="191">
        <v>10</v>
      </c>
      <c r="EY19" s="196">
        <v>265</v>
      </c>
      <c r="EZ19" s="195">
        <v>319</v>
      </c>
    </row>
    <row r="20" spans="2:156" ht="21" customHeight="1" x14ac:dyDescent="0.2">
      <c r="B20" s="106" t="s">
        <v>18</v>
      </c>
      <c r="C20" s="190">
        <v>0</v>
      </c>
      <c r="D20" s="191">
        <v>0</v>
      </c>
      <c r="E20" s="192">
        <v>0</v>
      </c>
      <c r="F20" s="193">
        <v>0</v>
      </c>
      <c r="G20" s="191">
        <v>33</v>
      </c>
      <c r="H20" s="191">
        <v>29</v>
      </c>
      <c r="I20" s="191">
        <v>27</v>
      </c>
      <c r="J20" s="191">
        <v>13</v>
      </c>
      <c r="K20" s="191">
        <v>11</v>
      </c>
      <c r="L20" s="194">
        <v>113</v>
      </c>
      <c r="M20" s="195">
        <v>113</v>
      </c>
      <c r="N20" s="190">
        <v>0</v>
      </c>
      <c r="O20" s="191">
        <v>0</v>
      </c>
      <c r="P20" s="196">
        <v>0</v>
      </c>
      <c r="Q20" s="193">
        <v>0</v>
      </c>
      <c r="R20" s="191">
        <v>0</v>
      </c>
      <c r="S20" s="191">
        <v>0</v>
      </c>
      <c r="T20" s="191">
        <v>1</v>
      </c>
      <c r="U20" s="191">
        <v>3</v>
      </c>
      <c r="V20" s="191">
        <v>0</v>
      </c>
      <c r="W20" s="196">
        <v>4</v>
      </c>
      <c r="X20" s="195">
        <v>4</v>
      </c>
      <c r="Y20" s="190">
        <v>7</v>
      </c>
      <c r="Z20" s="191">
        <v>2</v>
      </c>
      <c r="AA20" s="196">
        <v>9</v>
      </c>
      <c r="AB20" s="193">
        <v>0</v>
      </c>
      <c r="AC20" s="191">
        <v>31</v>
      </c>
      <c r="AD20" s="191">
        <v>24</v>
      </c>
      <c r="AE20" s="191">
        <v>18</v>
      </c>
      <c r="AF20" s="191">
        <v>13</v>
      </c>
      <c r="AG20" s="191">
        <v>8</v>
      </c>
      <c r="AH20" s="196">
        <v>94</v>
      </c>
      <c r="AI20" s="195">
        <v>103</v>
      </c>
      <c r="AJ20" s="190">
        <v>2</v>
      </c>
      <c r="AK20" s="191">
        <v>1</v>
      </c>
      <c r="AL20" s="196">
        <v>3</v>
      </c>
      <c r="AM20" s="193">
        <v>0</v>
      </c>
      <c r="AN20" s="191">
        <v>1</v>
      </c>
      <c r="AO20" s="191">
        <v>5</v>
      </c>
      <c r="AP20" s="191">
        <v>1</v>
      </c>
      <c r="AQ20" s="191">
        <v>1</v>
      </c>
      <c r="AR20" s="191">
        <v>1</v>
      </c>
      <c r="AS20" s="196">
        <v>9</v>
      </c>
      <c r="AT20" s="195">
        <v>12</v>
      </c>
      <c r="AU20" s="190">
        <v>4</v>
      </c>
      <c r="AV20" s="191">
        <v>6</v>
      </c>
      <c r="AW20" s="196">
        <v>10</v>
      </c>
      <c r="AX20" s="193">
        <v>0</v>
      </c>
      <c r="AY20" s="191">
        <v>41</v>
      </c>
      <c r="AZ20" s="191">
        <v>34</v>
      </c>
      <c r="BA20" s="191">
        <v>41</v>
      </c>
      <c r="BB20" s="191">
        <v>29</v>
      </c>
      <c r="BC20" s="191">
        <v>28</v>
      </c>
      <c r="BD20" s="194">
        <v>173</v>
      </c>
      <c r="BE20" s="195">
        <v>183</v>
      </c>
      <c r="BF20" s="190">
        <v>0</v>
      </c>
      <c r="BG20" s="191">
        <v>0</v>
      </c>
      <c r="BH20" s="196">
        <v>0</v>
      </c>
      <c r="BI20" s="193">
        <v>0</v>
      </c>
      <c r="BJ20" s="191">
        <v>38</v>
      </c>
      <c r="BK20" s="191">
        <v>37</v>
      </c>
      <c r="BL20" s="191">
        <v>22</v>
      </c>
      <c r="BM20" s="191">
        <v>11</v>
      </c>
      <c r="BN20" s="191">
        <v>6</v>
      </c>
      <c r="BO20" s="196">
        <v>114</v>
      </c>
      <c r="BP20" s="195">
        <v>114</v>
      </c>
      <c r="BQ20" s="190">
        <v>5</v>
      </c>
      <c r="BR20" s="191">
        <v>9</v>
      </c>
      <c r="BS20" s="196">
        <v>14</v>
      </c>
      <c r="BT20" s="193">
        <v>0</v>
      </c>
      <c r="BU20" s="191">
        <v>16</v>
      </c>
      <c r="BV20" s="191">
        <v>16</v>
      </c>
      <c r="BW20" s="191">
        <v>6</v>
      </c>
      <c r="BX20" s="191">
        <v>6</v>
      </c>
      <c r="BY20" s="191">
        <v>4</v>
      </c>
      <c r="BZ20" s="196">
        <v>48</v>
      </c>
      <c r="CA20" s="195">
        <v>62</v>
      </c>
      <c r="CB20" s="190">
        <v>1</v>
      </c>
      <c r="CC20" s="191">
        <v>0</v>
      </c>
      <c r="CD20" s="196">
        <v>1</v>
      </c>
      <c r="CE20" s="193">
        <v>0</v>
      </c>
      <c r="CF20" s="191">
        <v>8</v>
      </c>
      <c r="CG20" s="191">
        <v>10</v>
      </c>
      <c r="CH20" s="191">
        <v>12</v>
      </c>
      <c r="CI20" s="191">
        <v>5</v>
      </c>
      <c r="CJ20" s="191">
        <v>6</v>
      </c>
      <c r="CK20" s="196">
        <v>41</v>
      </c>
      <c r="CL20" s="195">
        <v>42</v>
      </c>
      <c r="CM20" s="190">
        <v>0</v>
      </c>
      <c r="CN20" s="191">
        <v>0</v>
      </c>
      <c r="CO20" s="196">
        <v>0</v>
      </c>
      <c r="CP20" s="193">
        <v>0</v>
      </c>
      <c r="CQ20" s="191">
        <v>0</v>
      </c>
      <c r="CR20" s="191">
        <v>2</v>
      </c>
      <c r="CS20" s="191">
        <v>0</v>
      </c>
      <c r="CT20" s="191">
        <v>1</v>
      </c>
      <c r="CU20" s="191">
        <v>0</v>
      </c>
      <c r="CV20" s="196">
        <v>3</v>
      </c>
      <c r="CW20" s="195">
        <v>3</v>
      </c>
      <c r="CX20" s="190">
        <v>0</v>
      </c>
      <c r="CY20" s="191">
        <v>0</v>
      </c>
      <c r="CZ20" s="196">
        <v>0</v>
      </c>
      <c r="DA20" s="193">
        <v>0</v>
      </c>
      <c r="DB20" s="191">
        <v>0</v>
      </c>
      <c r="DC20" s="191">
        <v>0</v>
      </c>
      <c r="DD20" s="191">
        <v>0</v>
      </c>
      <c r="DE20" s="191">
        <v>0</v>
      </c>
      <c r="DF20" s="191">
        <v>0</v>
      </c>
      <c r="DG20" s="196">
        <v>0</v>
      </c>
      <c r="DH20" s="195">
        <v>0</v>
      </c>
      <c r="DI20" s="190">
        <v>0</v>
      </c>
      <c r="DJ20" s="191">
        <v>0</v>
      </c>
      <c r="DK20" s="196">
        <v>0</v>
      </c>
      <c r="DL20" s="193">
        <v>0</v>
      </c>
      <c r="DM20" s="191">
        <v>0</v>
      </c>
      <c r="DN20" s="191">
        <v>0</v>
      </c>
      <c r="DO20" s="191">
        <v>0</v>
      </c>
      <c r="DP20" s="191">
        <v>0</v>
      </c>
      <c r="DQ20" s="191">
        <v>0</v>
      </c>
      <c r="DR20" s="196">
        <v>0</v>
      </c>
      <c r="DS20" s="195">
        <v>0</v>
      </c>
      <c r="DT20" s="190">
        <v>10</v>
      </c>
      <c r="DU20" s="191">
        <v>26</v>
      </c>
      <c r="DV20" s="196">
        <v>36</v>
      </c>
      <c r="DW20" s="193">
        <v>0</v>
      </c>
      <c r="DX20" s="191">
        <v>51</v>
      </c>
      <c r="DY20" s="191">
        <v>65</v>
      </c>
      <c r="DZ20" s="191">
        <v>49</v>
      </c>
      <c r="EA20" s="191">
        <v>30</v>
      </c>
      <c r="EB20" s="191">
        <v>22</v>
      </c>
      <c r="EC20" s="196">
        <v>217</v>
      </c>
      <c r="ED20" s="195">
        <v>253</v>
      </c>
      <c r="EE20" s="190">
        <v>2</v>
      </c>
      <c r="EF20" s="191">
        <v>3</v>
      </c>
      <c r="EG20" s="196">
        <v>5</v>
      </c>
      <c r="EH20" s="193">
        <v>0</v>
      </c>
      <c r="EI20" s="191">
        <v>16</v>
      </c>
      <c r="EJ20" s="191">
        <v>14</v>
      </c>
      <c r="EK20" s="191">
        <v>14</v>
      </c>
      <c r="EL20" s="191">
        <v>9</v>
      </c>
      <c r="EM20" s="191">
        <v>15</v>
      </c>
      <c r="EN20" s="196">
        <v>68</v>
      </c>
      <c r="EO20" s="195">
        <v>73</v>
      </c>
      <c r="EP20" s="190">
        <v>21</v>
      </c>
      <c r="EQ20" s="191">
        <v>29</v>
      </c>
      <c r="ER20" s="196">
        <v>50</v>
      </c>
      <c r="ES20" s="193">
        <v>0</v>
      </c>
      <c r="ET20" s="191">
        <v>120</v>
      </c>
      <c r="EU20" s="191">
        <v>95</v>
      </c>
      <c r="EV20" s="191">
        <v>58</v>
      </c>
      <c r="EW20" s="191">
        <v>35</v>
      </c>
      <c r="EX20" s="191">
        <v>19</v>
      </c>
      <c r="EY20" s="196">
        <v>327</v>
      </c>
      <c r="EZ20" s="195">
        <v>377</v>
      </c>
    </row>
    <row r="21" spans="2:156" ht="21" customHeight="1" x14ac:dyDescent="0.2">
      <c r="B21" s="106" t="s">
        <v>19</v>
      </c>
      <c r="C21" s="190">
        <v>0</v>
      </c>
      <c r="D21" s="191">
        <v>0</v>
      </c>
      <c r="E21" s="192">
        <v>0</v>
      </c>
      <c r="F21" s="193">
        <v>0</v>
      </c>
      <c r="G21" s="191">
        <v>8</v>
      </c>
      <c r="H21" s="191">
        <v>10</v>
      </c>
      <c r="I21" s="191">
        <v>4</v>
      </c>
      <c r="J21" s="191">
        <v>5</v>
      </c>
      <c r="K21" s="191">
        <v>3</v>
      </c>
      <c r="L21" s="194">
        <v>30</v>
      </c>
      <c r="M21" s="195">
        <v>30</v>
      </c>
      <c r="N21" s="190">
        <v>0</v>
      </c>
      <c r="O21" s="191">
        <v>0</v>
      </c>
      <c r="P21" s="196">
        <v>0</v>
      </c>
      <c r="Q21" s="193">
        <v>0</v>
      </c>
      <c r="R21" s="191">
        <v>0</v>
      </c>
      <c r="S21" s="191">
        <v>0</v>
      </c>
      <c r="T21" s="191">
        <v>1</v>
      </c>
      <c r="U21" s="191">
        <v>1</v>
      </c>
      <c r="V21" s="191">
        <v>0</v>
      </c>
      <c r="W21" s="196">
        <v>2</v>
      </c>
      <c r="X21" s="195">
        <v>2</v>
      </c>
      <c r="Y21" s="190">
        <v>3</v>
      </c>
      <c r="Z21" s="191">
        <v>2</v>
      </c>
      <c r="AA21" s="196">
        <v>5</v>
      </c>
      <c r="AB21" s="193">
        <v>0</v>
      </c>
      <c r="AC21" s="191">
        <v>16</v>
      </c>
      <c r="AD21" s="191">
        <v>9</v>
      </c>
      <c r="AE21" s="191">
        <v>7</v>
      </c>
      <c r="AF21" s="191">
        <v>6</v>
      </c>
      <c r="AG21" s="191">
        <v>3</v>
      </c>
      <c r="AH21" s="196">
        <v>41</v>
      </c>
      <c r="AI21" s="195">
        <v>46</v>
      </c>
      <c r="AJ21" s="190">
        <v>0</v>
      </c>
      <c r="AK21" s="191">
        <v>0</v>
      </c>
      <c r="AL21" s="196">
        <v>0</v>
      </c>
      <c r="AM21" s="193">
        <v>0</v>
      </c>
      <c r="AN21" s="191">
        <v>3</v>
      </c>
      <c r="AO21" s="191">
        <v>1</v>
      </c>
      <c r="AP21" s="191">
        <v>1</v>
      </c>
      <c r="AQ21" s="191">
        <v>1</v>
      </c>
      <c r="AR21" s="191">
        <v>0</v>
      </c>
      <c r="AS21" s="196">
        <v>6</v>
      </c>
      <c r="AT21" s="195">
        <v>6</v>
      </c>
      <c r="AU21" s="190">
        <v>3</v>
      </c>
      <c r="AV21" s="191">
        <v>2</v>
      </c>
      <c r="AW21" s="196">
        <v>5</v>
      </c>
      <c r="AX21" s="193">
        <v>0</v>
      </c>
      <c r="AY21" s="191">
        <v>12</v>
      </c>
      <c r="AZ21" s="191">
        <v>20</v>
      </c>
      <c r="BA21" s="191">
        <v>12</v>
      </c>
      <c r="BB21" s="191">
        <v>6</v>
      </c>
      <c r="BC21" s="191">
        <v>5</v>
      </c>
      <c r="BD21" s="194">
        <v>55</v>
      </c>
      <c r="BE21" s="195">
        <v>60</v>
      </c>
      <c r="BF21" s="190">
        <v>0</v>
      </c>
      <c r="BG21" s="191">
        <v>0</v>
      </c>
      <c r="BH21" s="196">
        <v>0</v>
      </c>
      <c r="BI21" s="193">
        <v>0</v>
      </c>
      <c r="BJ21" s="191">
        <v>12</v>
      </c>
      <c r="BK21" s="191">
        <v>9</v>
      </c>
      <c r="BL21" s="191">
        <v>3</v>
      </c>
      <c r="BM21" s="191">
        <v>3</v>
      </c>
      <c r="BN21" s="191">
        <v>3</v>
      </c>
      <c r="BO21" s="196">
        <v>30</v>
      </c>
      <c r="BP21" s="195">
        <v>30</v>
      </c>
      <c r="BQ21" s="190">
        <v>2</v>
      </c>
      <c r="BR21" s="191">
        <v>2</v>
      </c>
      <c r="BS21" s="196">
        <v>4</v>
      </c>
      <c r="BT21" s="193">
        <v>0</v>
      </c>
      <c r="BU21" s="191">
        <v>14</v>
      </c>
      <c r="BV21" s="191">
        <v>7</v>
      </c>
      <c r="BW21" s="191">
        <v>3</v>
      </c>
      <c r="BX21" s="191">
        <v>4</v>
      </c>
      <c r="BY21" s="191">
        <v>1</v>
      </c>
      <c r="BZ21" s="196">
        <v>29</v>
      </c>
      <c r="CA21" s="195">
        <v>33</v>
      </c>
      <c r="CB21" s="190">
        <v>0</v>
      </c>
      <c r="CC21" s="191">
        <v>0</v>
      </c>
      <c r="CD21" s="196">
        <v>0</v>
      </c>
      <c r="CE21" s="193">
        <v>0</v>
      </c>
      <c r="CF21" s="191">
        <v>1</v>
      </c>
      <c r="CG21" s="191">
        <v>2</v>
      </c>
      <c r="CH21" s="191">
        <v>1</v>
      </c>
      <c r="CI21" s="191">
        <v>1</v>
      </c>
      <c r="CJ21" s="191">
        <v>0</v>
      </c>
      <c r="CK21" s="196">
        <v>5</v>
      </c>
      <c r="CL21" s="195">
        <v>5</v>
      </c>
      <c r="CM21" s="190">
        <v>0</v>
      </c>
      <c r="CN21" s="191">
        <v>0</v>
      </c>
      <c r="CO21" s="196">
        <v>0</v>
      </c>
      <c r="CP21" s="193">
        <v>0</v>
      </c>
      <c r="CQ21" s="191">
        <v>3</v>
      </c>
      <c r="CR21" s="191">
        <v>0</v>
      </c>
      <c r="CS21" s="191">
        <v>0</v>
      </c>
      <c r="CT21" s="191">
        <v>1</v>
      </c>
      <c r="CU21" s="191">
        <v>0</v>
      </c>
      <c r="CV21" s="196">
        <v>4</v>
      </c>
      <c r="CW21" s="195">
        <v>4</v>
      </c>
      <c r="CX21" s="190">
        <v>0</v>
      </c>
      <c r="CY21" s="191">
        <v>0</v>
      </c>
      <c r="CZ21" s="196">
        <v>0</v>
      </c>
      <c r="DA21" s="193">
        <v>0</v>
      </c>
      <c r="DB21" s="191">
        <v>0</v>
      </c>
      <c r="DC21" s="191">
        <v>0</v>
      </c>
      <c r="DD21" s="191">
        <v>0</v>
      </c>
      <c r="DE21" s="191">
        <v>0</v>
      </c>
      <c r="DF21" s="191">
        <v>0</v>
      </c>
      <c r="DG21" s="196">
        <v>0</v>
      </c>
      <c r="DH21" s="195">
        <v>0</v>
      </c>
      <c r="DI21" s="190">
        <v>0</v>
      </c>
      <c r="DJ21" s="191">
        <v>0</v>
      </c>
      <c r="DK21" s="196">
        <v>0</v>
      </c>
      <c r="DL21" s="193">
        <v>0</v>
      </c>
      <c r="DM21" s="191">
        <v>0</v>
      </c>
      <c r="DN21" s="191">
        <v>0</v>
      </c>
      <c r="DO21" s="191">
        <v>0</v>
      </c>
      <c r="DP21" s="191">
        <v>0</v>
      </c>
      <c r="DQ21" s="191">
        <v>0</v>
      </c>
      <c r="DR21" s="196">
        <v>0</v>
      </c>
      <c r="DS21" s="195">
        <v>0</v>
      </c>
      <c r="DT21" s="190">
        <v>8</v>
      </c>
      <c r="DU21" s="191">
        <v>8</v>
      </c>
      <c r="DV21" s="196">
        <v>16</v>
      </c>
      <c r="DW21" s="193">
        <v>0</v>
      </c>
      <c r="DX21" s="191">
        <v>31</v>
      </c>
      <c r="DY21" s="191">
        <v>23</v>
      </c>
      <c r="DZ21" s="191">
        <v>13</v>
      </c>
      <c r="EA21" s="191">
        <v>13</v>
      </c>
      <c r="EB21" s="191">
        <v>3</v>
      </c>
      <c r="EC21" s="196">
        <v>83</v>
      </c>
      <c r="ED21" s="195">
        <v>99</v>
      </c>
      <c r="EE21" s="190">
        <v>2</v>
      </c>
      <c r="EF21" s="191">
        <v>1</v>
      </c>
      <c r="EG21" s="196">
        <v>3</v>
      </c>
      <c r="EH21" s="193">
        <v>0</v>
      </c>
      <c r="EI21" s="191">
        <v>2</v>
      </c>
      <c r="EJ21" s="191">
        <v>8</v>
      </c>
      <c r="EK21" s="191">
        <v>5</v>
      </c>
      <c r="EL21" s="191">
        <v>0</v>
      </c>
      <c r="EM21" s="191">
        <v>3</v>
      </c>
      <c r="EN21" s="196">
        <v>18</v>
      </c>
      <c r="EO21" s="195">
        <v>21</v>
      </c>
      <c r="EP21" s="190">
        <v>14</v>
      </c>
      <c r="EQ21" s="191">
        <v>9</v>
      </c>
      <c r="ER21" s="196">
        <v>23</v>
      </c>
      <c r="ES21" s="193">
        <v>0</v>
      </c>
      <c r="ET21" s="191">
        <v>50</v>
      </c>
      <c r="EU21" s="191">
        <v>31</v>
      </c>
      <c r="EV21" s="191">
        <v>15</v>
      </c>
      <c r="EW21" s="191">
        <v>12</v>
      </c>
      <c r="EX21" s="191">
        <v>3</v>
      </c>
      <c r="EY21" s="196">
        <v>111</v>
      </c>
      <c r="EZ21" s="195">
        <v>134</v>
      </c>
    </row>
    <row r="22" spans="2:156" ht="21" customHeight="1" x14ac:dyDescent="0.2">
      <c r="B22" s="106" t="s">
        <v>20</v>
      </c>
      <c r="C22" s="190">
        <v>0</v>
      </c>
      <c r="D22" s="191">
        <v>0</v>
      </c>
      <c r="E22" s="192">
        <v>0</v>
      </c>
      <c r="F22" s="193">
        <v>0</v>
      </c>
      <c r="G22" s="191">
        <v>17</v>
      </c>
      <c r="H22" s="191">
        <v>13</v>
      </c>
      <c r="I22" s="191">
        <v>8</v>
      </c>
      <c r="J22" s="191">
        <v>5</v>
      </c>
      <c r="K22" s="191">
        <v>4</v>
      </c>
      <c r="L22" s="194">
        <v>47</v>
      </c>
      <c r="M22" s="195">
        <v>47</v>
      </c>
      <c r="N22" s="190">
        <v>0</v>
      </c>
      <c r="O22" s="191">
        <v>0</v>
      </c>
      <c r="P22" s="196">
        <v>0</v>
      </c>
      <c r="Q22" s="193">
        <v>0</v>
      </c>
      <c r="R22" s="191">
        <v>0</v>
      </c>
      <c r="S22" s="191">
        <v>0</v>
      </c>
      <c r="T22" s="191">
        <v>1</v>
      </c>
      <c r="U22" s="191">
        <v>1</v>
      </c>
      <c r="V22" s="191">
        <v>2</v>
      </c>
      <c r="W22" s="196">
        <v>4</v>
      </c>
      <c r="X22" s="195">
        <v>4</v>
      </c>
      <c r="Y22" s="190">
        <v>4</v>
      </c>
      <c r="Z22" s="191">
        <v>6</v>
      </c>
      <c r="AA22" s="196">
        <v>10</v>
      </c>
      <c r="AB22" s="193">
        <v>0</v>
      </c>
      <c r="AC22" s="191">
        <v>16</v>
      </c>
      <c r="AD22" s="191">
        <v>15</v>
      </c>
      <c r="AE22" s="191">
        <v>9</v>
      </c>
      <c r="AF22" s="191">
        <v>6</v>
      </c>
      <c r="AG22" s="191">
        <v>1</v>
      </c>
      <c r="AH22" s="196">
        <v>47</v>
      </c>
      <c r="AI22" s="195">
        <v>57</v>
      </c>
      <c r="AJ22" s="190">
        <v>0</v>
      </c>
      <c r="AK22" s="191">
        <v>6</v>
      </c>
      <c r="AL22" s="196">
        <v>6</v>
      </c>
      <c r="AM22" s="193">
        <v>0</v>
      </c>
      <c r="AN22" s="191">
        <v>5</v>
      </c>
      <c r="AO22" s="191">
        <v>3</v>
      </c>
      <c r="AP22" s="191">
        <v>3</v>
      </c>
      <c r="AQ22" s="191">
        <v>0</v>
      </c>
      <c r="AR22" s="191">
        <v>2</v>
      </c>
      <c r="AS22" s="196">
        <v>13</v>
      </c>
      <c r="AT22" s="195">
        <v>19</v>
      </c>
      <c r="AU22" s="190">
        <v>3</v>
      </c>
      <c r="AV22" s="191">
        <v>3</v>
      </c>
      <c r="AW22" s="196">
        <v>6</v>
      </c>
      <c r="AX22" s="193">
        <v>0</v>
      </c>
      <c r="AY22" s="191">
        <v>13</v>
      </c>
      <c r="AZ22" s="191">
        <v>19</v>
      </c>
      <c r="BA22" s="191">
        <v>15</v>
      </c>
      <c r="BB22" s="191">
        <v>9</v>
      </c>
      <c r="BC22" s="191">
        <v>10</v>
      </c>
      <c r="BD22" s="194">
        <v>66</v>
      </c>
      <c r="BE22" s="195">
        <v>72</v>
      </c>
      <c r="BF22" s="190">
        <v>0</v>
      </c>
      <c r="BG22" s="191">
        <v>0</v>
      </c>
      <c r="BH22" s="196">
        <v>0</v>
      </c>
      <c r="BI22" s="193">
        <v>0</v>
      </c>
      <c r="BJ22" s="191">
        <v>17</v>
      </c>
      <c r="BK22" s="191">
        <v>16</v>
      </c>
      <c r="BL22" s="191">
        <v>16</v>
      </c>
      <c r="BM22" s="191">
        <v>4</v>
      </c>
      <c r="BN22" s="191">
        <v>1</v>
      </c>
      <c r="BO22" s="196">
        <v>54</v>
      </c>
      <c r="BP22" s="195">
        <v>54</v>
      </c>
      <c r="BQ22" s="190">
        <v>0</v>
      </c>
      <c r="BR22" s="191">
        <v>2</v>
      </c>
      <c r="BS22" s="196">
        <v>2</v>
      </c>
      <c r="BT22" s="193">
        <v>0</v>
      </c>
      <c r="BU22" s="191">
        <v>5</v>
      </c>
      <c r="BV22" s="191">
        <v>13</v>
      </c>
      <c r="BW22" s="191">
        <v>5</v>
      </c>
      <c r="BX22" s="191">
        <v>2</v>
      </c>
      <c r="BY22" s="191">
        <v>1</v>
      </c>
      <c r="BZ22" s="196">
        <v>26</v>
      </c>
      <c r="CA22" s="195">
        <v>28</v>
      </c>
      <c r="CB22" s="190">
        <v>0</v>
      </c>
      <c r="CC22" s="191">
        <v>0</v>
      </c>
      <c r="CD22" s="196">
        <v>0</v>
      </c>
      <c r="CE22" s="193">
        <v>0</v>
      </c>
      <c r="CF22" s="191">
        <v>4</v>
      </c>
      <c r="CG22" s="191">
        <v>6</v>
      </c>
      <c r="CH22" s="191">
        <v>9</v>
      </c>
      <c r="CI22" s="191">
        <v>3</v>
      </c>
      <c r="CJ22" s="191">
        <v>1</v>
      </c>
      <c r="CK22" s="196">
        <v>23</v>
      </c>
      <c r="CL22" s="195">
        <v>23</v>
      </c>
      <c r="CM22" s="190">
        <v>0</v>
      </c>
      <c r="CN22" s="191">
        <v>0</v>
      </c>
      <c r="CO22" s="196">
        <v>0</v>
      </c>
      <c r="CP22" s="193">
        <v>0</v>
      </c>
      <c r="CQ22" s="191">
        <v>1</v>
      </c>
      <c r="CR22" s="191">
        <v>1</v>
      </c>
      <c r="CS22" s="191">
        <v>0</v>
      </c>
      <c r="CT22" s="191">
        <v>0</v>
      </c>
      <c r="CU22" s="191">
        <v>0</v>
      </c>
      <c r="CV22" s="196">
        <v>2</v>
      </c>
      <c r="CW22" s="195">
        <v>2</v>
      </c>
      <c r="CX22" s="190">
        <v>0</v>
      </c>
      <c r="CY22" s="191">
        <v>0</v>
      </c>
      <c r="CZ22" s="196">
        <v>0</v>
      </c>
      <c r="DA22" s="193">
        <v>0</v>
      </c>
      <c r="DB22" s="191">
        <v>0</v>
      </c>
      <c r="DC22" s="191">
        <v>0</v>
      </c>
      <c r="DD22" s="191">
        <v>0</v>
      </c>
      <c r="DE22" s="191">
        <v>0</v>
      </c>
      <c r="DF22" s="191">
        <v>0</v>
      </c>
      <c r="DG22" s="196">
        <v>0</v>
      </c>
      <c r="DH22" s="195">
        <v>0</v>
      </c>
      <c r="DI22" s="190">
        <v>0</v>
      </c>
      <c r="DJ22" s="191">
        <v>0</v>
      </c>
      <c r="DK22" s="196">
        <v>0</v>
      </c>
      <c r="DL22" s="193">
        <v>0</v>
      </c>
      <c r="DM22" s="191">
        <v>0</v>
      </c>
      <c r="DN22" s="191">
        <v>0</v>
      </c>
      <c r="DO22" s="191">
        <v>0</v>
      </c>
      <c r="DP22" s="191">
        <v>0</v>
      </c>
      <c r="DQ22" s="191">
        <v>0</v>
      </c>
      <c r="DR22" s="196">
        <v>0</v>
      </c>
      <c r="DS22" s="195">
        <v>0</v>
      </c>
      <c r="DT22" s="190">
        <v>10</v>
      </c>
      <c r="DU22" s="191">
        <v>21</v>
      </c>
      <c r="DV22" s="196">
        <v>31</v>
      </c>
      <c r="DW22" s="193">
        <v>0</v>
      </c>
      <c r="DX22" s="191">
        <v>27</v>
      </c>
      <c r="DY22" s="191">
        <v>30</v>
      </c>
      <c r="DZ22" s="191">
        <v>28</v>
      </c>
      <c r="EA22" s="191">
        <v>11</v>
      </c>
      <c r="EB22" s="191">
        <v>8</v>
      </c>
      <c r="EC22" s="196">
        <v>104</v>
      </c>
      <c r="ED22" s="195">
        <v>135</v>
      </c>
      <c r="EE22" s="190">
        <v>3</v>
      </c>
      <c r="EF22" s="191">
        <v>1</v>
      </c>
      <c r="EG22" s="196">
        <v>4</v>
      </c>
      <c r="EH22" s="193">
        <v>0</v>
      </c>
      <c r="EI22" s="191">
        <v>8</v>
      </c>
      <c r="EJ22" s="191">
        <v>7</v>
      </c>
      <c r="EK22" s="191">
        <v>3</v>
      </c>
      <c r="EL22" s="191">
        <v>4</v>
      </c>
      <c r="EM22" s="191">
        <v>4</v>
      </c>
      <c r="EN22" s="196">
        <v>26</v>
      </c>
      <c r="EO22" s="195">
        <v>30</v>
      </c>
      <c r="EP22" s="190">
        <v>14</v>
      </c>
      <c r="EQ22" s="191">
        <v>27</v>
      </c>
      <c r="ER22" s="196">
        <v>41</v>
      </c>
      <c r="ES22" s="193">
        <v>0</v>
      </c>
      <c r="ET22" s="191">
        <v>63</v>
      </c>
      <c r="EU22" s="191">
        <v>52</v>
      </c>
      <c r="EV22" s="191">
        <v>29</v>
      </c>
      <c r="EW22" s="191">
        <v>13</v>
      </c>
      <c r="EX22" s="191">
        <v>6</v>
      </c>
      <c r="EY22" s="196">
        <v>163</v>
      </c>
      <c r="EZ22" s="195">
        <v>204</v>
      </c>
    </row>
    <row r="23" spans="2:156" ht="21" customHeight="1" x14ac:dyDescent="0.2">
      <c r="B23" s="106" t="s">
        <v>21</v>
      </c>
      <c r="C23" s="190">
        <v>0</v>
      </c>
      <c r="D23" s="191">
        <v>0</v>
      </c>
      <c r="E23" s="192">
        <v>0</v>
      </c>
      <c r="F23" s="193">
        <v>0</v>
      </c>
      <c r="G23" s="191">
        <v>15</v>
      </c>
      <c r="H23" s="191">
        <v>17</v>
      </c>
      <c r="I23" s="191">
        <v>4</v>
      </c>
      <c r="J23" s="191">
        <v>6</v>
      </c>
      <c r="K23" s="191">
        <v>8</v>
      </c>
      <c r="L23" s="194">
        <v>50</v>
      </c>
      <c r="M23" s="195">
        <v>50</v>
      </c>
      <c r="N23" s="190">
        <v>0</v>
      </c>
      <c r="O23" s="191">
        <v>0</v>
      </c>
      <c r="P23" s="196">
        <v>0</v>
      </c>
      <c r="Q23" s="193">
        <v>0</v>
      </c>
      <c r="R23" s="191">
        <v>0</v>
      </c>
      <c r="S23" s="191">
        <v>0</v>
      </c>
      <c r="T23" s="191">
        <v>0</v>
      </c>
      <c r="U23" s="191">
        <v>2</v>
      </c>
      <c r="V23" s="191">
        <v>3</v>
      </c>
      <c r="W23" s="196">
        <v>5</v>
      </c>
      <c r="X23" s="195">
        <v>5</v>
      </c>
      <c r="Y23" s="190">
        <v>1</v>
      </c>
      <c r="Z23" s="191">
        <v>2</v>
      </c>
      <c r="AA23" s="196">
        <v>3</v>
      </c>
      <c r="AB23" s="193">
        <v>0</v>
      </c>
      <c r="AC23" s="191">
        <v>15</v>
      </c>
      <c r="AD23" s="191">
        <v>8</v>
      </c>
      <c r="AE23" s="191">
        <v>2</v>
      </c>
      <c r="AF23" s="191">
        <v>5</v>
      </c>
      <c r="AG23" s="191">
        <v>4</v>
      </c>
      <c r="AH23" s="196">
        <v>34</v>
      </c>
      <c r="AI23" s="195">
        <v>37</v>
      </c>
      <c r="AJ23" s="190">
        <v>1</v>
      </c>
      <c r="AK23" s="191">
        <v>1</v>
      </c>
      <c r="AL23" s="196">
        <v>2</v>
      </c>
      <c r="AM23" s="193">
        <v>0</v>
      </c>
      <c r="AN23" s="191">
        <v>0</v>
      </c>
      <c r="AO23" s="191">
        <v>0</v>
      </c>
      <c r="AP23" s="191">
        <v>2</v>
      </c>
      <c r="AQ23" s="191">
        <v>0</v>
      </c>
      <c r="AR23" s="191">
        <v>1</v>
      </c>
      <c r="AS23" s="196">
        <v>3</v>
      </c>
      <c r="AT23" s="195">
        <v>5</v>
      </c>
      <c r="AU23" s="190">
        <v>3</v>
      </c>
      <c r="AV23" s="191">
        <v>5</v>
      </c>
      <c r="AW23" s="196">
        <v>8</v>
      </c>
      <c r="AX23" s="193">
        <v>0</v>
      </c>
      <c r="AY23" s="191">
        <v>13</v>
      </c>
      <c r="AZ23" s="191">
        <v>19</v>
      </c>
      <c r="BA23" s="191">
        <v>12</v>
      </c>
      <c r="BB23" s="191">
        <v>12</v>
      </c>
      <c r="BC23" s="191">
        <v>9</v>
      </c>
      <c r="BD23" s="194">
        <v>65</v>
      </c>
      <c r="BE23" s="195">
        <v>73</v>
      </c>
      <c r="BF23" s="190">
        <v>0</v>
      </c>
      <c r="BG23" s="191">
        <v>0</v>
      </c>
      <c r="BH23" s="196">
        <v>0</v>
      </c>
      <c r="BI23" s="193">
        <v>0</v>
      </c>
      <c r="BJ23" s="191">
        <v>16</v>
      </c>
      <c r="BK23" s="191">
        <v>11</v>
      </c>
      <c r="BL23" s="191">
        <v>6</v>
      </c>
      <c r="BM23" s="191">
        <v>3</v>
      </c>
      <c r="BN23" s="191">
        <v>3</v>
      </c>
      <c r="BO23" s="196">
        <v>39</v>
      </c>
      <c r="BP23" s="195">
        <v>39</v>
      </c>
      <c r="BQ23" s="190">
        <v>0</v>
      </c>
      <c r="BR23" s="191">
        <v>0</v>
      </c>
      <c r="BS23" s="196">
        <v>0</v>
      </c>
      <c r="BT23" s="193">
        <v>0</v>
      </c>
      <c r="BU23" s="191">
        <v>1</v>
      </c>
      <c r="BV23" s="191">
        <v>3</v>
      </c>
      <c r="BW23" s="191">
        <v>3</v>
      </c>
      <c r="BX23" s="191">
        <v>1</v>
      </c>
      <c r="BY23" s="191">
        <v>2</v>
      </c>
      <c r="BZ23" s="196">
        <v>10</v>
      </c>
      <c r="CA23" s="195">
        <v>10</v>
      </c>
      <c r="CB23" s="190">
        <v>0</v>
      </c>
      <c r="CC23" s="191">
        <v>0</v>
      </c>
      <c r="CD23" s="196">
        <v>0</v>
      </c>
      <c r="CE23" s="193">
        <v>0</v>
      </c>
      <c r="CF23" s="191">
        <v>1</v>
      </c>
      <c r="CG23" s="191">
        <v>5</v>
      </c>
      <c r="CH23" s="191">
        <v>3</v>
      </c>
      <c r="CI23" s="191">
        <v>1</v>
      </c>
      <c r="CJ23" s="191">
        <v>1</v>
      </c>
      <c r="CK23" s="196">
        <v>11</v>
      </c>
      <c r="CL23" s="195">
        <v>11</v>
      </c>
      <c r="CM23" s="190">
        <v>0</v>
      </c>
      <c r="CN23" s="191">
        <v>0</v>
      </c>
      <c r="CO23" s="196">
        <v>0</v>
      </c>
      <c r="CP23" s="193">
        <v>0</v>
      </c>
      <c r="CQ23" s="191">
        <v>0</v>
      </c>
      <c r="CR23" s="191">
        <v>1</v>
      </c>
      <c r="CS23" s="191">
        <v>1</v>
      </c>
      <c r="CT23" s="191">
        <v>0</v>
      </c>
      <c r="CU23" s="191">
        <v>0</v>
      </c>
      <c r="CV23" s="196">
        <v>2</v>
      </c>
      <c r="CW23" s="195">
        <v>2</v>
      </c>
      <c r="CX23" s="190">
        <v>0</v>
      </c>
      <c r="CY23" s="191">
        <v>0</v>
      </c>
      <c r="CZ23" s="196">
        <v>0</v>
      </c>
      <c r="DA23" s="193">
        <v>0</v>
      </c>
      <c r="DB23" s="191">
        <v>0</v>
      </c>
      <c r="DC23" s="191">
        <v>0</v>
      </c>
      <c r="DD23" s="191">
        <v>0</v>
      </c>
      <c r="DE23" s="191">
        <v>0</v>
      </c>
      <c r="DF23" s="191">
        <v>0</v>
      </c>
      <c r="DG23" s="196">
        <v>0</v>
      </c>
      <c r="DH23" s="195">
        <v>0</v>
      </c>
      <c r="DI23" s="190">
        <v>0</v>
      </c>
      <c r="DJ23" s="191">
        <v>0</v>
      </c>
      <c r="DK23" s="196">
        <v>0</v>
      </c>
      <c r="DL23" s="193">
        <v>0</v>
      </c>
      <c r="DM23" s="191">
        <v>0</v>
      </c>
      <c r="DN23" s="191">
        <v>0</v>
      </c>
      <c r="DO23" s="191">
        <v>0</v>
      </c>
      <c r="DP23" s="191">
        <v>0</v>
      </c>
      <c r="DQ23" s="191">
        <v>0</v>
      </c>
      <c r="DR23" s="196">
        <v>0</v>
      </c>
      <c r="DS23" s="195">
        <v>0</v>
      </c>
      <c r="DT23" s="190">
        <v>9</v>
      </c>
      <c r="DU23" s="191">
        <v>9</v>
      </c>
      <c r="DV23" s="196">
        <v>18</v>
      </c>
      <c r="DW23" s="193">
        <v>0</v>
      </c>
      <c r="DX23" s="191">
        <v>13</v>
      </c>
      <c r="DY23" s="191">
        <v>26</v>
      </c>
      <c r="DZ23" s="191">
        <v>12</v>
      </c>
      <c r="EA23" s="191">
        <v>8</v>
      </c>
      <c r="EB23" s="191">
        <v>8</v>
      </c>
      <c r="EC23" s="196">
        <v>67</v>
      </c>
      <c r="ED23" s="195">
        <v>85</v>
      </c>
      <c r="EE23" s="190">
        <v>3</v>
      </c>
      <c r="EF23" s="191">
        <v>2</v>
      </c>
      <c r="EG23" s="196">
        <v>5</v>
      </c>
      <c r="EH23" s="193">
        <v>0</v>
      </c>
      <c r="EI23" s="191">
        <v>4</v>
      </c>
      <c r="EJ23" s="191">
        <v>4</v>
      </c>
      <c r="EK23" s="191">
        <v>11</v>
      </c>
      <c r="EL23" s="191">
        <v>6</v>
      </c>
      <c r="EM23" s="191">
        <v>1</v>
      </c>
      <c r="EN23" s="196">
        <v>26</v>
      </c>
      <c r="EO23" s="195">
        <v>31</v>
      </c>
      <c r="EP23" s="190">
        <v>10</v>
      </c>
      <c r="EQ23" s="191">
        <v>11</v>
      </c>
      <c r="ER23" s="196">
        <v>21</v>
      </c>
      <c r="ES23" s="193">
        <v>0</v>
      </c>
      <c r="ET23" s="191">
        <v>44</v>
      </c>
      <c r="EU23" s="191">
        <v>37</v>
      </c>
      <c r="EV23" s="191">
        <v>16</v>
      </c>
      <c r="EW23" s="191">
        <v>12</v>
      </c>
      <c r="EX23" s="191">
        <v>10</v>
      </c>
      <c r="EY23" s="196">
        <v>119</v>
      </c>
      <c r="EZ23" s="195">
        <v>140</v>
      </c>
    </row>
    <row r="24" spans="2:156" ht="21" customHeight="1" x14ac:dyDescent="0.2">
      <c r="B24" s="106" t="s">
        <v>22</v>
      </c>
      <c r="C24" s="190">
        <v>0</v>
      </c>
      <c r="D24" s="191">
        <v>0</v>
      </c>
      <c r="E24" s="192">
        <v>0</v>
      </c>
      <c r="F24" s="193">
        <v>0</v>
      </c>
      <c r="G24" s="191">
        <v>4</v>
      </c>
      <c r="H24" s="191">
        <v>1</v>
      </c>
      <c r="I24" s="191">
        <v>2</v>
      </c>
      <c r="J24" s="191">
        <v>1</v>
      </c>
      <c r="K24" s="191">
        <v>2</v>
      </c>
      <c r="L24" s="194">
        <v>10</v>
      </c>
      <c r="M24" s="195">
        <v>10</v>
      </c>
      <c r="N24" s="190">
        <v>0</v>
      </c>
      <c r="O24" s="191">
        <v>0</v>
      </c>
      <c r="P24" s="196">
        <v>0</v>
      </c>
      <c r="Q24" s="193">
        <v>0</v>
      </c>
      <c r="R24" s="191">
        <v>0</v>
      </c>
      <c r="S24" s="191">
        <v>0</v>
      </c>
      <c r="T24" s="191">
        <v>0</v>
      </c>
      <c r="U24" s="191">
        <v>1</v>
      </c>
      <c r="V24" s="191">
        <v>4</v>
      </c>
      <c r="W24" s="196">
        <v>5</v>
      </c>
      <c r="X24" s="195">
        <v>5</v>
      </c>
      <c r="Y24" s="190">
        <v>0</v>
      </c>
      <c r="Z24" s="191">
        <v>1</v>
      </c>
      <c r="AA24" s="196">
        <v>1</v>
      </c>
      <c r="AB24" s="193">
        <v>0</v>
      </c>
      <c r="AC24" s="191">
        <v>6</v>
      </c>
      <c r="AD24" s="191">
        <v>3</v>
      </c>
      <c r="AE24" s="191">
        <v>1</v>
      </c>
      <c r="AF24" s="191">
        <v>1</v>
      </c>
      <c r="AG24" s="191">
        <v>4</v>
      </c>
      <c r="AH24" s="196">
        <v>15</v>
      </c>
      <c r="AI24" s="195">
        <v>16</v>
      </c>
      <c r="AJ24" s="190">
        <v>0</v>
      </c>
      <c r="AK24" s="191">
        <v>0</v>
      </c>
      <c r="AL24" s="196">
        <v>0</v>
      </c>
      <c r="AM24" s="193">
        <v>0</v>
      </c>
      <c r="AN24" s="191">
        <v>1</v>
      </c>
      <c r="AO24" s="191">
        <v>1</v>
      </c>
      <c r="AP24" s="191">
        <v>0</v>
      </c>
      <c r="AQ24" s="191">
        <v>2</v>
      </c>
      <c r="AR24" s="191">
        <v>0</v>
      </c>
      <c r="AS24" s="196">
        <v>4</v>
      </c>
      <c r="AT24" s="195">
        <v>4</v>
      </c>
      <c r="AU24" s="190">
        <v>0</v>
      </c>
      <c r="AV24" s="191">
        <v>0</v>
      </c>
      <c r="AW24" s="196">
        <v>0</v>
      </c>
      <c r="AX24" s="193">
        <v>0</v>
      </c>
      <c r="AY24" s="191">
        <v>2</v>
      </c>
      <c r="AZ24" s="191">
        <v>2</v>
      </c>
      <c r="BA24" s="191">
        <v>3</v>
      </c>
      <c r="BB24" s="191">
        <v>8</v>
      </c>
      <c r="BC24" s="191">
        <v>2</v>
      </c>
      <c r="BD24" s="194">
        <v>17</v>
      </c>
      <c r="BE24" s="195">
        <v>17</v>
      </c>
      <c r="BF24" s="190">
        <v>0</v>
      </c>
      <c r="BG24" s="191">
        <v>0</v>
      </c>
      <c r="BH24" s="196">
        <v>0</v>
      </c>
      <c r="BI24" s="193">
        <v>0</v>
      </c>
      <c r="BJ24" s="191">
        <v>4</v>
      </c>
      <c r="BK24" s="191">
        <v>7</v>
      </c>
      <c r="BL24" s="191">
        <v>2</v>
      </c>
      <c r="BM24" s="191">
        <v>4</v>
      </c>
      <c r="BN24" s="191">
        <v>2</v>
      </c>
      <c r="BO24" s="196">
        <v>19</v>
      </c>
      <c r="BP24" s="195">
        <v>19</v>
      </c>
      <c r="BQ24" s="190">
        <v>1</v>
      </c>
      <c r="BR24" s="191">
        <v>0</v>
      </c>
      <c r="BS24" s="196">
        <v>1</v>
      </c>
      <c r="BT24" s="193">
        <v>0</v>
      </c>
      <c r="BU24" s="191">
        <v>3</v>
      </c>
      <c r="BV24" s="191">
        <v>3</v>
      </c>
      <c r="BW24" s="191">
        <v>0</v>
      </c>
      <c r="BX24" s="191">
        <v>0</v>
      </c>
      <c r="BY24" s="191">
        <v>0</v>
      </c>
      <c r="BZ24" s="196">
        <v>6</v>
      </c>
      <c r="CA24" s="195">
        <v>7</v>
      </c>
      <c r="CB24" s="190">
        <v>0</v>
      </c>
      <c r="CC24" s="191">
        <v>0</v>
      </c>
      <c r="CD24" s="196">
        <v>0</v>
      </c>
      <c r="CE24" s="193">
        <v>0</v>
      </c>
      <c r="CF24" s="191">
        <v>1</v>
      </c>
      <c r="CG24" s="191">
        <v>3</v>
      </c>
      <c r="CH24" s="191">
        <v>1</v>
      </c>
      <c r="CI24" s="191">
        <v>1</v>
      </c>
      <c r="CJ24" s="191">
        <v>1</v>
      </c>
      <c r="CK24" s="196">
        <v>7</v>
      </c>
      <c r="CL24" s="195">
        <v>7</v>
      </c>
      <c r="CM24" s="190">
        <v>0</v>
      </c>
      <c r="CN24" s="191">
        <v>0</v>
      </c>
      <c r="CO24" s="196">
        <v>0</v>
      </c>
      <c r="CP24" s="193">
        <v>0</v>
      </c>
      <c r="CQ24" s="191">
        <v>1</v>
      </c>
      <c r="CR24" s="191">
        <v>0</v>
      </c>
      <c r="CS24" s="191">
        <v>0</v>
      </c>
      <c r="CT24" s="191">
        <v>0</v>
      </c>
      <c r="CU24" s="191">
        <v>0</v>
      </c>
      <c r="CV24" s="196">
        <v>1</v>
      </c>
      <c r="CW24" s="195">
        <v>1</v>
      </c>
      <c r="CX24" s="190">
        <v>0</v>
      </c>
      <c r="CY24" s="191">
        <v>0</v>
      </c>
      <c r="CZ24" s="196">
        <v>0</v>
      </c>
      <c r="DA24" s="193">
        <v>0</v>
      </c>
      <c r="DB24" s="191">
        <v>0</v>
      </c>
      <c r="DC24" s="191">
        <v>0</v>
      </c>
      <c r="DD24" s="191">
        <v>0</v>
      </c>
      <c r="DE24" s="191">
        <v>0</v>
      </c>
      <c r="DF24" s="191">
        <v>0</v>
      </c>
      <c r="DG24" s="196">
        <v>0</v>
      </c>
      <c r="DH24" s="195">
        <v>0</v>
      </c>
      <c r="DI24" s="190">
        <v>0</v>
      </c>
      <c r="DJ24" s="191">
        <v>0</v>
      </c>
      <c r="DK24" s="196">
        <v>0</v>
      </c>
      <c r="DL24" s="193">
        <v>0</v>
      </c>
      <c r="DM24" s="191">
        <v>0</v>
      </c>
      <c r="DN24" s="191">
        <v>0</v>
      </c>
      <c r="DO24" s="191">
        <v>0</v>
      </c>
      <c r="DP24" s="191">
        <v>0</v>
      </c>
      <c r="DQ24" s="191">
        <v>0</v>
      </c>
      <c r="DR24" s="196">
        <v>0</v>
      </c>
      <c r="DS24" s="195">
        <v>0</v>
      </c>
      <c r="DT24" s="190">
        <v>4</v>
      </c>
      <c r="DU24" s="191">
        <v>7</v>
      </c>
      <c r="DV24" s="196">
        <v>11</v>
      </c>
      <c r="DW24" s="193">
        <v>0</v>
      </c>
      <c r="DX24" s="191">
        <v>7</v>
      </c>
      <c r="DY24" s="191">
        <v>9</v>
      </c>
      <c r="DZ24" s="191">
        <v>4</v>
      </c>
      <c r="EA24" s="191">
        <v>5</v>
      </c>
      <c r="EB24" s="191">
        <v>5</v>
      </c>
      <c r="EC24" s="196">
        <v>30</v>
      </c>
      <c r="ED24" s="195">
        <v>41</v>
      </c>
      <c r="EE24" s="190">
        <v>0</v>
      </c>
      <c r="EF24" s="191">
        <v>0</v>
      </c>
      <c r="EG24" s="196">
        <v>0</v>
      </c>
      <c r="EH24" s="193">
        <v>0</v>
      </c>
      <c r="EI24" s="191">
        <v>4</v>
      </c>
      <c r="EJ24" s="191">
        <v>1</v>
      </c>
      <c r="EK24" s="191">
        <v>2</v>
      </c>
      <c r="EL24" s="191">
        <v>4</v>
      </c>
      <c r="EM24" s="191">
        <v>2</v>
      </c>
      <c r="EN24" s="196">
        <v>13</v>
      </c>
      <c r="EO24" s="195">
        <v>13</v>
      </c>
      <c r="EP24" s="190">
        <v>5</v>
      </c>
      <c r="EQ24" s="191">
        <v>8</v>
      </c>
      <c r="ER24" s="196">
        <v>13</v>
      </c>
      <c r="ES24" s="193">
        <v>0</v>
      </c>
      <c r="ET24" s="191">
        <v>21</v>
      </c>
      <c r="EU24" s="191">
        <v>17</v>
      </c>
      <c r="EV24" s="191">
        <v>5</v>
      </c>
      <c r="EW24" s="191">
        <v>6</v>
      </c>
      <c r="EX24" s="191">
        <v>6</v>
      </c>
      <c r="EY24" s="196">
        <v>55</v>
      </c>
      <c r="EZ24" s="195">
        <v>68</v>
      </c>
    </row>
    <row r="25" spans="2:156" ht="21" customHeight="1" x14ac:dyDescent="0.2">
      <c r="B25" s="106" t="s">
        <v>23</v>
      </c>
      <c r="C25" s="190">
        <v>0</v>
      </c>
      <c r="D25" s="191">
        <v>0</v>
      </c>
      <c r="E25" s="192">
        <v>0</v>
      </c>
      <c r="F25" s="193">
        <v>0</v>
      </c>
      <c r="G25" s="191">
        <v>0</v>
      </c>
      <c r="H25" s="191">
        <v>4</v>
      </c>
      <c r="I25" s="191">
        <v>6</v>
      </c>
      <c r="J25" s="191">
        <v>2</v>
      </c>
      <c r="K25" s="191">
        <v>1</v>
      </c>
      <c r="L25" s="194">
        <v>13</v>
      </c>
      <c r="M25" s="195">
        <v>13</v>
      </c>
      <c r="N25" s="190">
        <v>0</v>
      </c>
      <c r="O25" s="191">
        <v>0</v>
      </c>
      <c r="P25" s="196">
        <v>0</v>
      </c>
      <c r="Q25" s="193">
        <v>0</v>
      </c>
      <c r="R25" s="191">
        <v>0</v>
      </c>
      <c r="S25" s="191">
        <v>1</v>
      </c>
      <c r="T25" s="191">
        <v>1</v>
      </c>
      <c r="U25" s="191">
        <v>2</v>
      </c>
      <c r="V25" s="191">
        <v>0</v>
      </c>
      <c r="W25" s="196">
        <v>4</v>
      </c>
      <c r="X25" s="195">
        <v>4</v>
      </c>
      <c r="Y25" s="190">
        <v>5</v>
      </c>
      <c r="Z25" s="191">
        <v>3</v>
      </c>
      <c r="AA25" s="196">
        <v>8</v>
      </c>
      <c r="AB25" s="193">
        <v>0</v>
      </c>
      <c r="AC25" s="191">
        <v>3</v>
      </c>
      <c r="AD25" s="191">
        <v>10</v>
      </c>
      <c r="AE25" s="191">
        <v>7</v>
      </c>
      <c r="AF25" s="191">
        <v>4</v>
      </c>
      <c r="AG25" s="191">
        <v>1</v>
      </c>
      <c r="AH25" s="196">
        <v>25</v>
      </c>
      <c r="AI25" s="195">
        <v>33</v>
      </c>
      <c r="AJ25" s="190">
        <v>1</v>
      </c>
      <c r="AK25" s="191">
        <v>1</v>
      </c>
      <c r="AL25" s="196">
        <v>2</v>
      </c>
      <c r="AM25" s="193">
        <v>0</v>
      </c>
      <c r="AN25" s="191">
        <v>0</v>
      </c>
      <c r="AO25" s="191">
        <v>1</v>
      </c>
      <c r="AP25" s="191">
        <v>0</v>
      </c>
      <c r="AQ25" s="191">
        <v>0</v>
      </c>
      <c r="AR25" s="191">
        <v>0</v>
      </c>
      <c r="AS25" s="196">
        <v>1</v>
      </c>
      <c r="AT25" s="195">
        <v>3</v>
      </c>
      <c r="AU25" s="190">
        <v>1</v>
      </c>
      <c r="AV25" s="191">
        <v>2</v>
      </c>
      <c r="AW25" s="196">
        <v>3</v>
      </c>
      <c r="AX25" s="193">
        <v>0</v>
      </c>
      <c r="AY25" s="191">
        <v>3</v>
      </c>
      <c r="AZ25" s="191">
        <v>8</v>
      </c>
      <c r="BA25" s="191">
        <v>10</v>
      </c>
      <c r="BB25" s="191">
        <v>12</v>
      </c>
      <c r="BC25" s="191">
        <v>8</v>
      </c>
      <c r="BD25" s="194">
        <v>41</v>
      </c>
      <c r="BE25" s="195">
        <v>44</v>
      </c>
      <c r="BF25" s="190">
        <v>0</v>
      </c>
      <c r="BG25" s="191">
        <v>0</v>
      </c>
      <c r="BH25" s="196">
        <v>0</v>
      </c>
      <c r="BI25" s="193">
        <v>0</v>
      </c>
      <c r="BJ25" s="191">
        <v>9</v>
      </c>
      <c r="BK25" s="191">
        <v>11</v>
      </c>
      <c r="BL25" s="191">
        <v>6</v>
      </c>
      <c r="BM25" s="191">
        <v>3</v>
      </c>
      <c r="BN25" s="191">
        <v>2</v>
      </c>
      <c r="BO25" s="196">
        <v>31</v>
      </c>
      <c r="BP25" s="195">
        <v>31</v>
      </c>
      <c r="BQ25" s="190">
        <v>0</v>
      </c>
      <c r="BR25" s="191">
        <v>0</v>
      </c>
      <c r="BS25" s="196">
        <v>0</v>
      </c>
      <c r="BT25" s="193">
        <v>0</v>
      </c>
      <c r="BU25" s="191">
        <v>1</v>
      </c>
      <c r="BV25" s="191">
        <v>1</v>
      </c>
      <c r="BW25" s="191">
        <v>4</v>
      </c>
      <c r="BX25" s="191">
        <v>0</v>
      </c>
      <c r="BY25" s="191">
        <v>0</v>
      </c>
      <c r="BZ25" s="196">
        <v>6</v>
      </c>
      <c r="CA25" s="195">
        <v>6</v>
      </c>
      <c r="CB25" s="190">
        <v>0</v>
      </c>
      <c r="CC25" s="191">
        <v>0</v>
      </c>
      <c r="CD25" s="196">
        <v>0</v>
      </c>
      <c r="CE25" s="193">
        <v>0</v>
      </c>
      <c r="CF25" s="191">
        <v>4</v>
      </c>
      <c r="CG25" s="191">
        <v>1</v>
      </c>
      <c r="CH25" s="191">
        <v>2</v>
      </c>
      <c r="CI25" s="191">
        <v>0</v>
      </c>
      <c r="CJ25" s="191">
        <v>0</v>
      </c>
      <c r="CK25" s="196">
        <v>7</v>
      </c>
      <c r="CL25" s="195">
        <v>7</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c r="DI25" s="190">
        <v>0</v>
      </c>
      <c r="DJ25" s="191">
        <v>0</v>
      </c>
      <c r="DK25" s="196">
        <v>0</v>
      </c>
      <c r="DL25" s="193">
        <v>0</v>
      </c>
      <c r="DM25" s="191">
        <v>0</v>
      </c>
      <c r="DN25" s="191">
        <v>0</v>
      </c>
      <c r="DO25" s="191">
        <v>0</v>
      </c>
      <c r="DP25" s="191">
        <v>0</v>
      </c>
      <c r="DQ25" s="191">
        <v>0</v>
      </c>
      <c r="DR25" s="196">
        <v>0</v>
      </c>
      <c r="DS25" s="195">
        <v>0</v>
      </c>
      <c r="DT25" s="190">
        <v>1</v>
      </c>
      <c r="DU25" s="191">
        <v>10</v>
      </c>
      <c r="DV25" s="196">
        <v>11</v>
      </c>
      <c r="DW25" s="193">
        <v>0</v>
      </c>
      <c r="DX25" s="191">
        <v>6</v>
      </c>
      <c r="DY25" s="191">
        <v>17</v>
      </c>
      <c r="DZ25" s="191">
        <v>15</v>
      </c>
      <c r="EA25" s="191">
        <v>7</v>
      </c>
      <c r="EB25" s="191">
        <v>3</v>
      </c>
      <c r="EC25" s="196">
        <v>48</v>
      </c>
      <c r="ED25" s="195">
        <v>59</v>
      </c>
      <c r="EE25" s="190">
        <v>1</v>
      </c>
      <c r="EF25" s="191">
        <v>1</v>
      </c>
      <c r="EG25" s="196">
        <v>2</v>
      </c>
      <c r="EH25" s="193">
        <v>0</v>
      </c>
      <c r="EI25" s="191">
        <v>3</v>
      </c>
      <c r="EJ25" s="191">
        <v>6</v>
      </c>
      <c r="EK25" s="191">
        <v>1</v>
      </c>
      <c r="EL25" s="191">
        <v>8</v>
      </c>
      <c r="EM25" s="191">
        <v>5</v>
      </c>
      <c r="EN25" s="196">
        <v>23</v>
      </c>
      <c r="EO25" s="195">
        <v>25</v>
      </c>
      <c r="EP25" s="190">
        <v>7</v>
      </c>
      <c r="EQ25" s="191">
        <v>12</v>
      </c>
      <c r="ER25" s="196">
        <v>19</v>
      </c>
      <c r="ES25" s="193">
        <v>0</v>
      </c>
      <c r="ET25" s="191">
        <v>15</v>
      </c>
      <c r="EU25" s="191">
        <v>24</v>
      </c>
      <c r="EV25" s="191">
        <v>19</v>
      </c>
      <c r="EW25" s="191">
        <v>6</v>
      </c>
      <c r="EX25" s="191">
        <v>3</v>
      </c>
      <c r="EY25" s="196">
        <v>67</v>
      </c>
      <c r="EZ25" s="195">
        <v>86</v>
      </c>
    </row>
    <row r="26" spans="2:156" ht="21" customHeight="1" x14ac:dyDescent="0.2">
      <c r="B26" s="106" t="s">
        <v>24</v>
      </c>
      <c r="C26" s="190">
        <v>0</v>
      </c>
      <c r="D26" s="191">
        <v>0</v>
      </c>
      <c r="E26" s="192">
        <v>0</v>
      </c>
      <c r="F26" s="193">
        <v>0</v>
      </c>
      <c r="G26" s="191">
        <v>7</v>
      </c>
      <c r="H26" s="191">
        <v>9</v>
      </c>
      <c r="I26" s="191">
        <v>1</v>
      </c>
      <c r="J26" s="191">
        <v>5</v>
      </c>
      <c r="K26" s="191">
        <v>3</v>
      </c>
      <c r="L26" s="194">
        <v>25</v>
      </c>
      <c r="M26" s="195">
        <v>25</v>
      </c>
      <c r="N26" s="190">
        <v>0</v>
      </c>
      <c r="O26" s="191">
        <v>0</v>
      </c>
      <c r="P26" s="196">
        <v>0</v>
      </c>
      <c r="Q26" s="193">
        <v>0</v>
      </c>
      <c r="R26" s="191">
        <v>0</v>
      </c>
      <c r="S26" s="191">
        <v>0</v>
      </c>
      <c r="T26" s="191">
        <v>0</v>
      </c>
      <c r="U26" s="191">
        <v>0</v>
      </c>
      <c r="V26" s="191">
        <v>3</v>
      </c>
      <c r="W26" s="196">
        <v>3</v>
      </c>
      <c r="X26" s="195">
        <v>3</v>
      </c>
      <c r="Y26" s="190">
        <v>2</v>
      </c>
      <c r="Z26" s="191">
        <v>4</v>
      </c>
      <c r="AA26" s="196">
        <v>6</v>
      </c>
      <c r="AB26" s="193">
        <v>0</v>
      </c>
      <c r="AC26" s="191">
        <v>8</v>
      </c>
      <c r="AD26" s="191">
        <v>8</v>
      </c>
      <c r="AE26" s="191">
        <v>3</v>
      </c>
      <c r="AF26" s="191">
        <v>3</v>
      </c>
      <c r="AG26" s="191">
        <v>6</v>
      </c>
      <c r="AH26" s="196">
        <v>28</v>
      </c>
      <c r="AI26" s="195">
        <v>34</v>
      </c>
      <c r="AJ26" s="190">
        <v>0</v>
      </c>
      <c r="AK26" s="191">
        <v>0</v>
      </c>
      <c r="AL26" s="196">
        <v>0</v>
      </c>
      <c r="AM26" s="193">
        <v>0</v>
      </c>
      <c r="AN26" s="191">
        <v>0</v>
      </c>
      <c r="AO26" s="191">
        <v>0</v>
      </c>
      <c r="AP26" s="191">
        <v>0</v>
      </c>
      <c r="AQ26" s="191">
        <v>0</v>
      </c>
      <c r="AR26" s="191">
        <v>0</v>
      </c>
      <c r="AS26" s="196">
        <v>0</v>
      </c>
      <c r="AT26" s="195">
        <v>0</v>
      </c>
      <c r="AU26" s="190">
        <v>5</v>
      </c>
      <c r="AV26" s="191">
        <v>1</v>
      </c>
      <c r="AW26" s="196">
        <v>6</v>
      </c>
      <c r="AX26" s="193">
        <v>0</v>
      </c>
      <c r="AY26" s="191">
        <v>12</v>
      </c>
      <c r="AZ26" s="191">
        <v>9</v>
      </c>
      <c r="BA26" s="191">
        <v>7</v>
      </c>
      <c r="BB26" s="191">
        <v>10</v>
      </c>
      <c r="BC26" s="191">
        <v>14</v>
      </c>
      <c r="BD26" s="194">
        <v>52</v>
      </c>
      <c r="BE26" s="195">
        <v>58</v>
      </c>
      <c r="BF26" s="190">
        <v>0</v>
      </c>
      <c r="BG26" s="191">
        <v>0</v>
      </c>
      <c r="BH26" s="196">
        <v>0</v>
      </c>
      <c r="BI26" s="193">
        <v>0</v>
      </c>
      <c r="BJ26" s="191">
        <v>12</v>
      </c>
      <c r="BK26" s="191">
        <v>8</v>
      </c>
      <c r="BL26" s="191">
        <v>2</v>
      </c>
      <c r="BM26" s="191">
        <v>1</v>
      </c>
      <c r="BN26" s="191">
        <v>0</v>
      </c>
      <c r="BO26" s="196">
        <v>23</v>
      </c>
      <c r="BP26" s="195">
        <v>23</v>
      </c>
      <c r="BQ26" s="190">
        <v>2</v>
      </c>
      <c r="BR26" s="191">
        <v>1</v>
      </c>
      <c r="BS26" s="196">
        <v>3</v>
      </c>
      <c r="BT26" s="193">
        <v>0</v>
      </c>
      <c r="BU26" s="191">
        <v>6</v>
      </c>
      <c r="BV26" s="191">
        <v>4</v>
      </c>
      <c r="BW26" s="191">
        <v>0</v>
      </c>
      <c r="BX26" s="191">
        <v>0</v>
      </c>
      <c r="BY26" s="191">
        <v>1</v>
      </c>
      <c r="BZ26" s="196">
        <v>11</v>
      </c>
      <c r="CA26" s="195">
        <v>14</v>
      </c>
      <c r="CB26" s="190">
        <v>0</v>
      </c>
      <c r="CC26" s="191">
        <v>0</v>
      </c>
      <c r="CD26" s="196">
        <v>0</v>
      </c>
      <c r="CE26" s="193">
        <v>0</v>
      </c>
      <c r="CF26" s="191">
        <v>0</v>
      </c>
      <c r="CG26" s="191">
        <v>2</v>
      </c>
      <c r="CH26" s="191">
        <v>2</v>
      </c>
      <c r="CI26" s="191">
        <v>0</v>
      </c>
      <c r="CJ26" s="191">
        <v>0</v>
      </c>
      <c r="CK26" s="196">
        <v>4</v>
      </c>
      <c r="CL26" s="195">
        <v>4</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c r="DI26" s="190">
        <v>0</v>
      </c>
      <c r="DJ26" s="191">
        <v>0</v>
      </c>
      <c r="DK26" s="196">
        <v>0</v>
      </c>
      <c r="DL26" s="193">
        <v>0</v>
      </c>
      <c r="DM26" s="191">
        <v>0</v>
      </c>
      <c r="DN26" s="191">
        <v>0</v>
      </c>
      <c r="DO26" s="191">
        <v>0</v>
      </c>
      <c r="DP26" s="191">
        <v>0</v>
      </c>
      <c r="DQ26" s="191">
        <v>0</v>
      </c>
      <c r="DR26" s="196">
        <v>0</v>
      </c>
      <c r="DS26" s="195">
        <v>0</v>
      </c>
      <c r="DT26" s="190">
        <v>5</v>
      </c>
      <c r="DU26" s="191">
        <v>7</v>
      </c>
      <c r="DV26" s="196">
        <v>12</v>
      </c>
      <c r="DW26" s="193">
        <v>0</v>
      </c>
      <c r="DX26" s="191">
        <v>14</v>
      </c>
      <c r="DY26" s="191">
        <v>18</v>
      </c>
      <c r="DZ26" s="191">
        <v>6</v>
      </c>
      <c r="EA26" s="191">
        <v>6</v>
      </c>
      <c r="EB26" s="191">
        <v>7</v>
      </c>
      <c r="EC26" s="196">
        <v>51</v>
      </c>
      <c r="ED26" s="195">
        <v>63</v>
      </c>
      <c r="EE26" s="190">
        <v>4</v>
      </c>
      <c r="EF26" s="191">
        <v>2</v>
      </c>
      <c r="EG26" s="196">
        <v>6</v>
      </c>
      <c r="EH26" s="193">
        <v>0</v>
      </c>
      <c r="EI26" s="191">
        <v>7</v>
      </c>
      <c r="EJ26" s="191">
        <v>4</v>
      </c>
      <c r="EK26" s="191">
        <v>4</v>
      </c>
      <c r="EL26" s="191">
        <v>4</v>
      </c>
      <c r="EM26" s="191">
        <v>6</v>
      </c>
      <c r="EN26" s="196">
        <v>25</v>
      </c>
      <c r="EO26" s="195">
        <v>31</v>
      </c>
      <c r="EP26" s="190">
        <v>8</v>
      </c>
      <c r="EQ26" s="191">
        <v>11</v>
      </c>
      <c r="ER26" s="196">
        <v>19</v>
      </c>
      <c r="ES26" s="193">
        <v>0</v>
      </c>
      <c r="ET26" s="191">
        <v>26</v>
      </c>
      <c r="EU26" s="191">
        <v>22</v>
      </c>
      <c r="EV26" s="191">
        <v>6</v>
      </c>
      <c r="EW26" s="191">
        <v>7</v>
      </c>
      <c r="EX26" s="191">
        <v>8</v>
      </c>
      <c r="EY26" s="196">
        <v>69</v>
      </c>
      <c r="EZ26" s="195">
        <v>88</v>
      </c>
    </row>
    <row r="27" spans="2:156" ht="21" customHeight="1" x14ac:dyDescent="0.2">
      <c r="B27" s="106" t="s">
        <v>25</v>
      </c>
      <c r="C27" s="190">
        <v>0</v>
      </c>
      <c r="D27" s="191">
        <v>0</v>
      </c>
      <c r="E27" s="192">
        <v>0</v>
      </c>
      <c r="F27" s="193">
        <v>0</v>
      </c>
      <c r="G27" s="191">
        <v>2</v>
      </c>
      <c r="H27" s="191">
        <v>1</v>
      </c>
      <c r="I27" s="191">
        <v>3</v>
      </c>
      <c r="J27" s="191">
        <v>1</v>
      </c>
      <c r="K27" s="191">
        <v>1</v>
      </c>
      <c r="L27" s="194">
        <v>8</v>
      </c>
      <c r="M27" s="195">
        <v>8</v>
      </c>
      <c r="N27" s="190">
        <v>0</v>
      </c>
      <c r="O27" s="191">
        <v>0</v>
      </c>
      <c r="P27" s="196">
        <v>0</v>
      </c>
      <c r="Q27" s="193">
        <v>0</v>
      </c>
      <c r="R27" s="191">
        <v>0</v>
      </c>
      <c r="S27" s="191">
        <v>0</v>
      </c>
      <c r="T27" s="191">
        <v>1</v>
      </c>
      <c r="U27" s="191">
        <v>2</v>
      </c>
      <c r="V27" s="191">
        <v>1</v>
      </c>
      <c r="W27" s="196">
        <v>4</v>
      </c>
      <c r="X27" s="195">
        <v>4</v>
      </c>
      <c r="Y27" s="190">
        <v>4</v>
      </c>
      <c r="Z27" s="191">
        <v>4</v>
      </c>
      <c r="AA27" s="196">
        <v>8</v>
      </c>
      <c r="AB27" s="193">
        <v>0</v>
      </c>
      <c r="AC27" s="191">
        <v>1</v>
      </c>
      <c r="AD27" s="191">
        <v>1</v>
      </c>
      <c r="AE27" s="191">
        <v>4</v>
      </c>
      <c r="AF27" s="191">
        <v>2</v>
      </c>
      <c r="AG27" s="191">
        <v>2</v>
      </c>
      <c r="AH27" s="196">
        <v>10</v>
      </c>
      <c r="AI27" s="195">
        <v>18</v>
      </c>
      <c r="AJ27" s="190">
        <v>0</v>
      </c>
      <c r="AK27" s="191">
        <v>0</v>
      </c>
      <c r="AL27" s="196">
        <v>0</v>
      </c>
      <c r="AM27" s="193">
        <v>0</v>
      </c>
      <c r="AN27" s="191">
        <v>0</v>
      </c>
      <c r="AO27" s="191">
        <v>0</v>
      </c>
      <c r="AP27" s="191">
        <v>0</v>
      </c>
      <c r="AQ27" s="191">
        <v>0</v>
      </c>
      <c r="AR27" s="191">
        <v>0</v>
      </c>
      <c r="AS27" s="196">
        <v>0</v>
      </c>
      <c r="AT27" s="195">
        <v>0</v>
      </c>
      <c r="AU27" s="190">
        <v>1</v>
      </c>
      <c r="AV27" s="191">
        <v>1</v>
      </c>
      <c r="AW27" s="196">
        <v>2</v>
      </c>
      <c r="AX27" s="193">
        <v>0</v>
      </c>
      <c r="AY27" s="191">
        <v>3</v>
      </c>
      <c r="AZ27" s="191">
        <v>2</v>
      </c>
      <c r="BA27" s="191">
        <v>1</v>
      </c>
      <c r="BB27" s="191">
        <v>4</v>
      </c>
      <c r="BC27" s="191">
        <v>2</v>
      </c>
      <c r="BD27" s="194">
        <v>12</v>
      </c>
      <c r="BE27" s="195">
        <v>14</v>
      </c>
      <c r="BF27" s="190">
        <v>0</v>
      </c>
      <c r="BG27" s="191">
        <v>0</v>
      </c>
      <c r="BH27" s="196">
        <v>0</v>
      </c>
      <c r="BI27" s="193">
        <v>0</v>
      </c>
      <c r="BJ27" s="191">
        <v>2</v>
      </c>
      <c r="BK27" s="191">
        <v>4</v>
      </c>
      <c r="BL27" s="191">
        <v>2</v>
      </c>
      <c r="BM27" s="191">
        <v>1</v>
      </c>
      <c r="BN27" s="191">
        <v>0</v>
      </c>
      <c r="BO27" s="196">
        <v>9</v>
      </c>
      <c r="BP27" s="195">
        <v>9</v>
      </c>
      <c r="BQ27" s="190">
        <v>0</v>
      </c>
      <c r="BR27" s="191">
        <v>0</v>
      </c>
      <c r="BS27" s="196">
        <v>0</v>
      </c>
      <c r="BT27" s="193">
        <v>0</v>
      </c>
      <c r="BU27" s="191">
        <v>3</v>
      </c>
      <c r="BV27" s="191">
        <v>5</v>
      </c>
      <c r="BW27" s="191">
        <v>0</v>
      </c>
      <c r="BX27" s="191">
        <v>1</v>
      </c>
      <c r="BY27" s="191">
        <v>0</v>
      </c>
      <c r="BZ27" s="196">
        <v>9</v>
      </c>
      <c r="CA27" s="195">
        <v>9</v>
      </c>
      <c r="CB27" s="190">
        <v>0</v>
      </c>
      <c r="CC27" s="191">
        <v>0</v>
      </c>
      <c r="CD27" s="196">
        <v>0</v>
      </c>
      <c r="CE27" s="193">
        <v>0</v>
      </c>
      <c r="CF27" s="191">
        <v>1</v>
      </c>
      <c r="CG27" s="191">
        <v>2</v>
      </c>
      <c r="CH27" s="191">
        <v>0</v>
      </c>
      <c r="CI27" s="191">
        <v>0</v>
      </c>
      <c r="CJ27" s="191">
        <v>0</v>
      </c>
      <c r="CK27" s="196">
        <v>3</v>
      </c>
      <c r="CL27" s="195">
        <v>3</v>
      </c>
      <c r="CM27" s="190">
        <v>0</v>
      </c>
      <c r="CN27" s="191">
        <v>0</v>
      </c>
      <c r="CO27" s="196">
        <v>0</v>
      </c>
      <c r="CP27" s="193">
        <v>0</v>
      </c>
      <c r="CQ27" s="191">
        <v>0</v>
      </c>
      <c r="CR27" s="191">
        <v>1</v>
      </c>
      <c r="CS27" s="191">
        <v>0</v>
      </c>
      <c r="CT27" s="191">
        <v>0</v>
      </c>
      <c r="CU27" s="191">
        <v>0</v>
      </c>
      <c r="CV27" s="196">
        <v>1</v>
      </c>
      <c r="CW27" s="195">
        <v>1</v>
      </c>
      <c r="CX27" s="190">
        <v>0</v>
      </c>
      <c r="CY27" s="191">
        <v>0</v>
      </c>
      <c r="CZ27" s="196">
        <v>0</v>
      </c>
      <c r="DA27" s="193">
        <v>0</v>
      </c>
      <c r="DB27" s="191">
        <v>0</v>
      </c>
      <c r="DC27" s="191">
        <v>0</v>
      </c>
      <c r="DD27" s="191">
        <v>0</v>
      </c>
      <c r="DE27" s="191">
        <v>0</v>
      </c>
      <c r="DF27" s="191">
        <v>0</v>
      </c>
      <c r="DG27" s="196">
        <v>0</v>
      </c>
      <c r="DH27" s="195">
        <v>0</v>
      </c>
      <c r="DI27" s="190">
        <v>0</v>
      </c>
      <c r="DJ27" s="191">
        <v>0</v>
      </c>
      <c r="DK27" s="196">
        <v>0</v>
      </c>
      <c r="DL27" s="193">
        <v>0</v>
      </c>
      <c r="DM27" s="191">
        <v>0</v>
      </c>
      <c r="DN27" s="191">
        <v>0</v>
      </c>
      <c r="DO27" s="191">
        <v>0</v>
      </c>
      <c r="DP27" s="191">
        <v>0</v>
      </c>
      <c r="DQ27" s="191">
        <v>0</v>
      </c>
      <c r="DR27" s="196">
        <v>0</v>
      </c>
      <c r="DS27" s="195">
        <v>0</v>
      </c>
      <c r="DT27" s="190">
        <v>3</v>
      </c>
      <c r="DU27" s="191">
        <v>9</v>
      </c>
      <c r="DV27" s="196">
        <v>12</v>
      </c>
      <c r="DW27" s="193">
        <v>0</v>
      </c>
      <c r="DX27" s="191">
        <v>6</v>
      </c>
      <c r="DY27" s="191">
        <v>9</v>
      </c>
      <c r="DZ27" s="191">
        <v>6</v>
      </c>
      <c r="EA27" s="191">
        <v>3</v>
      </c>
      <c r="EB27" s="191">
        <v>2</v>
      </c>
      <c r="EC27" s="196">
        <v>26</v>
      </c>
      <c r="ED27" s="195">
        <v>38</v>
      </c>
      <c r="EE27" s="190">
        <v>0</v>
      </c>
      <c r="EF27" s="191">
        <v>0</v>
      </c>
      <c r="EG27" s="196">
        <v>0</v>
      </c>
      <c r="EH27" s="193">
        <v>0</v>
      </c>
      <c r="EI27" s="191">
        <v>1</v>
      </c>
      <c r="EJ27" s="191">
        <v>3</v>
      </c>
      <c r="EK27" s="191">
        <v>0</v>
      </c>
      <c r="EL27" s="191">
        <v>1</v>
      </c>
      <c r="EM27" s="191">
        <v>0</v>
      </c>
      <c r="EN27" s="196">
        <v>5</v>
      </c>
      <c r="EO27" s="195">
        <v>5</v>
      </c>
      <c r="EP27" s="190">
        <v>7</v>
      </c>
      <c r="EQ27" s="191">
        <v>11</v>
      </c>
      <c r="ER27" s="196">
        <v>18</v>
      </c>
      <c r="ES27" s="193">
        <v>0</v>
      </c>
      <c r="ET27" s="191">
        <v>10</v>
      </c>
      <c r="EU27" s="191">
        <v>12</v>
      </c>
      <c r="EV27" s="191">
        <v>7</v>
      </c>
      <c r="EW27" s="191">
        <v>5</v>
      </c>
      <c r="EX27" s="191">
        <v>3</v>
      </c>
      <c r="EY27" s="196">
        <v>37</v>
      </c>
      <c r="EZ27" s="195">
        <v>55</v>
      </c>
    </row>
    <row r="28" spans="2:156" ht="21" customHeight="1" x14ac:dyDescent="0.2">
      <c r="B28" s="106" t="s">
        <v>26</v>
      </c>
      <c r="C28" s="190">
        <v>0</v>
      </c>
      <c r="D28" s="191">
        <v>0</v>
      </c>
      <c r="E28" s="192">
        <v>0</v>
      </c>
      <c r="F28" s="193">
        <v>0</v>
      </c>
      <c r="G28" s="191">
        <v>3</v>
      </c>
      <c r="H28" s="191">
        <v>8</v>
      </c>
      <c r="I28" s="191">
        <v>4</v>
      </c>
      <c r="J28" s="191">
        <v>1</v>
      </c>
      <c r="K28" s="191">
        <v>3</v>
      </c>
      <c r="L28" s="194">
        <v>19</v>
      </c>
      <c r="M28" s="195">
        <v>19</v>
      </c>
      <c r="N28" s="190">
        <v>0</v>
      </c>
      <c r="O28" s="191">
        <v>0</v>
      </c>
      <c r="P28" s="196">
        <v>0</v>
      </c>
      <c r="Q28" s="193">
        <v>0</v>
      </c>
      <c r="R28" s="191">
        <v>0</v>
      </c>
      <c r="S28" s="191">
        <v>0</v>
      </c>
      <c r="T28" s="191">
        <v>0</v>
      </c>
      <c r="U28" s="191">
        <v>1</v>
      </c>
      <c r="V28" s="191">
        <v>0</v>
      </c>
      <c r="W28" s="196">
        <v>1</v>
      </c>
      <c r="X28" s="195">
        <v>1</v>
      </c>
      <c r="Y28" s="190">
        <v>2</v>
      </c>
      <c r="Z28" s="191">
        <v>0</v>
      </c>
      <c r="AA28" s="196">
        <v>2</v>
      </c>
      <c r="AB28" s="193">
        <v>0</v>
      </c>
      <c r="AC28" s="191">
        <v>5</v>
      </c>
      <c r="AD28" s="191">
        <v>6</v>
      </c>
      <c r="AE28" s="191">
        <v>3</v>
      </c>
      <c r="AF28" s="191">
        <v>1</v>
      </c>
      <c r="AG28" s="191">
        <v>2</v>
      </c>
      <c r="AH28" s="196">
        <v>17</v>
      </c>
      <c r="AI28" s="195">
        <v>19</v>
      </c>
      <c r="AJ28" s="190">
        <v>1</v>
      </c>
      <c r="AK28" s="191">
        <v>0</v>
      </c>
      <c r="AL28" s="196">
        <v>1</v>
      </c>
      <c r="AM28" s="193">
        <v>0</v>
      </c>
      <c r="AN28" s="191">
        <v>1</v>
      </c>
      <c r="AO28" s="191">
        <v>0</v>
      </c>
      <c r="AP28" s="191">
        <v>1</v>
      </c>
      <c r="AQ28" s="191">
        <v>0</v>
      </c>
      <c r="AR28" s="191">
        <v>0</v>
      </c>
      <c r="AS28" s="196">
        <v>2</v>
      </c>
      <c r="AT28" s="195">
        <v>3</v>
      </c>
      <c r="AU28" s="190">
        <v>1</v>
      </c>
      <c r="AV28" s="191">
        <v>0</v>
      </c>
      <c r="AW28" s="196">
        <v>1</v>
      </c>
      <c r="AX28" s="193">
        <v>0</v>
      </c>
      <c r="AY28" s="191">
        <v>8</v>
      </c>
      <c r="AZ28" s="191">
        <v>4</v>
      </c>
      <c r="BA28" s="191">
        <v>9</v>
      </c>
      <c r="BB28" s="191">
        <v>3</v>
      </c>
      <c r="BC28" s="191">
        <v>3</v>
      </c>
      <c r="BD28" s="194">
        <v>27</v>
      </c>
      <c r="BE28" s="195">
        <v>28</v>
      </c>
      <c r="BF28" s="190">
        <v>0</v>
      </c>
      <c r="BG28" s="191">
        <v>0</v>
      </c>
      <c r="BH28" s="196">
        <v>0</v>
      </c>
      <c r="BI28" s="193">
        <v>0</v>
      </c>
      <c r="BJ28" s="191">
        <v>9</v>
      </c>
      <c r="BK28" s="191">
        <v>5</v>
      </c>
      <c r="BL28" s="191">
        <v>2</v>
      </c>
      <c r="BM28" s="191">
        <v>1</v>
      </c>
      <c r="BN28" s="191">
        <v>2</v>
      </c>
      <c r="BO28" s="196">
        <v>19</v>
      </c>
      <c r="BP28" s="195">
        <v>19</v>
      </c>
      <c r="BQ28" s="190">
        <v>0</v>
      </c>
      <c r="BR28" s="191">
        <v>1</v>
      </c>
      <c r="BS28" s="196">
        <v>1</v>
      </c>
      <c r="BT28" s="193">
        <v>0</v>
      </c>
      <c r="BU28" s="191">
        <v>0</v>
      </c>
      <c r="BV28" s="191">
        <v>4</v>
      </c>
      <c r="BW28" s="191">
        <v>1</v>
      </c>
      <c r="BX28" s="191">
        <v>0</v>
      </c>
      <c r="BY28" s="191">
        <v>0</v>
      </c>
      <c r="BZ28" s="196">
        <v>5</v>
      </c>
      <c r="CA28" s="195">
        <v>6</v>
      </c>
      <c r="CB28" s="190">
        <v>0</v>
      </c>
      <c r="CC28" s="191">
        <v>0</v>
      </c>
      <c r="CD28" s="196">
        <v>0</v>
      </c>
      <c r="CE28" s="193">
        <v>0</v>
      </c>
      <c r="CF28" s="191">
        <v>2</v>
      </c>
      <c r="CG28" s="191">
        <v>3</v>
      </c>
      <c r="CH28" s="191">
        <v>0</v>
      </c>
      <c r="CI28" s="191">
        <v>1</v>
      </c>
      <c r="CJ28" s="191">
        <v>1</v>
      </c>
      <c r="CK28" s="196">
        <v>7</v>
      </c>
      <c r="CL28" s="195">
        <v>7</v>
      </c>
      <c r="CM28" s="190">
        <v>0</v>
      </c>
      <c r="CN28" s="191">
        <v>0</v>
      </c>
      <c r="CO28" s="196">
        <v>0</v>
      </c>
      <c r="CP28" s="193">
        <v>0</v>
      </c>
      <c r="CQ28" s="191">
        <v>0</v>
      </c>
      <c r="CR28" s="191">
        <v>0</v>
      </c>
      <c r="CS28" s="191">
        <v>0</v>
      </c>
      <c r="CT28" s="191">
        <v>0</v>
      </c>
      <c r="CU28" s="191">
        <v>1</v>
      </c>
      <c r="CV28" s="196">
        <v>1</v>
      </c>
      <c r="CW28" s="195">
        <v>1</v>
      </c>
      <c r="CX28" s="190">
        <v>0</v>
      </c>
      <c r="CY28" s="191">
        <v>0</v>
      </c>
      <c r="CZ28" s="196">
        <v>0</v>
      </c>
      <c r="DA28" s="193">
        <v>0</v>
      </c>
      <c r="DB28" s="191">
        <v>0</v>
      </c>
      <c r="DC28" s="191">
        <v>0</v>
      </c>
      <c r="DD28" s="191">
        <v>0</v>
      </c>
      <c r="DE28" s="191">
        <v>0</v>
      </c>
      <c r="DF28" s="191">
        <v>0</v>
      </c>
      <c r="DG28" s="196">
        <v>0</v>
      </c>
      <c r="DH28" s="195">
        <v>0</v>
      </c>
      <c r="DI28" s="190">
        <v>0</v>
      </c>
      <c r="DJ28" s="191">
        <v>0</v>
      </c>
      <c r="DK28" s="196">
        <v>0</v>
      </c>
      <c r="DL28" s="193">
        <v>0</v>
      </c>
      <c r="DM28" s="191">
        <v>0</v>
      </c>
      <c r="DN28" s="191">
        <v>0</v>
      </c>
      <c r="DO28" s="191">
        <v>0</v>
      </c>
      <c r="DP28" s="191">
        <v>0</v>
      </c>
      <c r="DQ28" s="191">
        <v>0</v>
      </c>
      <c r="DR28" s="196">
        <v>0</v>
      </c>
      <c r="DS28" s="195">
        <v>0</v>
      </c>
      <c r="DT28" s="190">
        <v>1</v>
      </c>
      <c r="DU28" s="191">
        <v>6</v>
      </c>
      <c r="DV28" s="196">
        <v>7</v>
      </c>
      <c r="DW28" s="193">
        <v>0</v>
      </c>
      <c r="DX28" s="191">
        <v>5</v>
      </c>
      <c r="DY28" s="191">
        <v>12</v>
      </c>
      <c r="DZ28" s="191">
        <v>5</v>
      </c>
      <c r="EA28" s="191">
        <v>2</v>
      </c>
      <c r="EB28" s="191">
        <v>3</v>
      </c>
      <c r="EC28" s="196">
        <v>27</v>
      </c>
      <c r="ED28" s="195">
        <v>34</v>
      </c>
      <c r="EE28" s="190">
        <v>0</v>
      </c>
      <c r="EF28" s="191">
        <v>1</v>
      </c>
      <c r="EG28" s="196">
        <v>1</v>
      </c>
      <c r="EH28" s="193">
        <v>0</v>
      </c>
      <c r="EI28" s="191">
        <v>5</v>
      </c>
      <c r="EJ28" s="191">
        <v>1</v>
      </c>
      <c r="EK28" s="191">
        <v>4</v>
      </c>
      <c r="EL28" s="191">
        <v>2</v>
      </c>
      <c r="EM28" s="191">
        <v>2</v>
      </c>
      <c r="EN28" s="196">
        <v>14</v>
      </c>
      <c r="EO28" s="195">
        <v>15</v>
      </c>
      <c r="EP28" s="190">
        <v>4</v>
      </c>
      <c r="EQ28" s="191">
        <v>7</v>
      </c>
      <c r="ER28" s="196">
        <v>11</v>
      </c>
      <c r="ES28" s="193">
        <v>0</v>
      </c>
      <c r="ET28" s="191">
        <v>15</v>
      </c>
      <c r="EU28" s="191">
        <v>17</v>
      </c>
      <c r="EV28" s="191">
        <v>8</v>
      </c>
      <c r="EW28" s="191">
        <v>3</v>
      </c>
      <c r="EX28" s="191">
        <v>4</v>
      </c>
      <c r="EY28" s="196">
        <v>47</v>
      </c>
      <c r="EZ28" s="195">
        <v>58</v>
      </c>
    </row>
    <row r="29" spans="2:156" ht="21" customHeight="1" x14ac:dyDescent="0.2">
      <c r="B29" s="106" t="s">
        <v>27</v>
      </c>
      <c r="C29" s="190">
        <v>0</v>
      </c>
      <c r="D29" s="191">
        <v>0</v>
      </c>
      <c r="E29" s="192">
        <v>0</v>
      </c>
      <c r="F29" s="193">
        <v>0</v>
      </c>
      <c r="G29" s="191">
        <v>2</v>
      </c>
      <c r="H29" s="191">
        <v>5</v>
      </c>
      <c r="I29" s="191">
        <v>3</v>
      </c>
      <c r="J29" s="191">
        <v>2</v>
      </c>
      <c r="K29" s="191">
        <v>1</v>
      </c>
      <c r="L29" s="194">
        <v>13</v>
      </c>
      <c r="M29" s="195">
        <v>13</v>
      </c>
      <c r="N29" s="190">
        <v>0</v>
      </c>
      <c r="O29" s="191">
        <v>0</v>
      </c>
      <c r="P29" s="196">
        <v>0</v>
      </c>
      <c r="Q29" s="193">
        <v>0</v>
      </c>
      <c r="R29" s="191">
        <v>0</v>
      </c>
      <c r="S29" s="191">
        <v>0</v>
      </c>
      <c r="T29" s="191">
        <v>0</v>
      </c>
      <c r="U29" s="191">
        <v>1</v>
      </c>
      <c r="V29" s="191">
        <v>0</v>
      </c>
      <c r="W29" s="196">
        <v>1</v>
      </c>
      <c r="X29" s="195">
        <v>1</v>
      </c>
      <c r="Y29" s="190">
        <v>1</v>
      </c>
      <c r="Z29" s="191">
        <v>3</v>
      </c>
      <c r="AA29" s="196">
        <v>4</v>
      </c>
      <c r="AB29" s="193">
        <v>0</v>
      </c>
      <c r="AC29" s="191">
        <v>2</v>
      </c>
      <c r="AD29" s="191">
        <v>2</v>
      </c>
      <c r="AE29" s="191">
        <v>4</v>
      </c>
      <c r="AF29" s="191">
        <v>3</v>
      </c>
      <c r="AG29" s="191">
        <v>0</v>
      </c>
      <c r="AH29" s="196">
        <v>11</v>
      </c>
      <c r="AI29" s="195">
        <v>15</v>
      </c>
      <c r="AJ29" s="190">
        <v>0</v>
      </c>
      <c r="AK29" s="191">
        <v>0</v>
      </c>
      <c r="AL29" s="196">
        <v>0</v>
      </c>
      <c r="AM29" s="193">
        <v>0</v>
      </c>
      <c r="AN29" s="191">
        <v>0</v>
      </c>
      <c r="AO29" s="191">
        <v>0</v>
      </c>
      <c r="AP29" s="191">
        <v>0</v>
      </c>
      <c r="AQ29" s="191">
        <v>0</v>
      </c>
      <c r="AR29" s="191">
        <v>0</v>
      </c>
      <c r="AS29" s="196">
        <v>0</v>
      </c>
      <c r="AT29" s="195">
        <v>0</v>
      </c>
      <c r="AU29" s="190">
        <v>1</v>
      </c>
      <c r="AV29" s="191">
        <v>1</v>
      </c>
      <c r="AW29" s="196">
        <v>2</v>
      </c>
      <c r="AX29" s="193">
        <v>0</v>
      </c>
      <c r="AY29" s="191">
        <v>2</v>
      </c>
      <c r="AZ29" s="191">
        <v>6</v>
      </c>
      <c r="BA29" s="191">
        <v>7</v>
      </c>
      <c r="BB29" s="191">
        <v>4</v>
      </c>
      <c r="BC29" s="191">
        <v>3</v>
      </c>
      <c r="BD29" s="194">
        <v>22</v>
      </c>
      <c r="BE29" s="195">
        <v>24</v>
      </c>
      <c r="BF29" s="190">
        <v>0</v>
      </c>
      <c r="BG29" s="191">
        <v>0</v>
      </c>
      <c r="BH29" s="196">
        <v>0</v>
      </c>
      <c r="BI29" s="193">
        <v>0</v>
      </c>
      <c r="BJ29" s="191">
        <v>5</v>
      </c>
      <c r="BK29" s="191">
        <v>2</v>
      </c>
      <c r="BL29" s="191">
        <v>3</v>
      </c>
      <c r="BM29" s="191">
        <v>3</v>
      </c>
      <c r="BN29" s="191">
        <v>0</v>
      </c>
      <c r="BO29" s="196">
        <v>13</v>
      </c>
      <c r="BP29" s="195">
        <v>13</v>
      </c>
      <c r="BQ29" s="190">
        <v>2</v>
      </c>
      <c r="BR29" s="191">
        <v>1</v>
      </c>
      <c r="BS29" s="196">
        <v>3</v>
      </c>
      <c r="BT29" s="193">
        <v>0</v>
      </c>
      <c r="BU29" s="191">
        <v>3</v>
      </c>
      <c r="BV29" s="191">
        <v>2</v>
      </c>
      <c r="BW29" s="191">
        <v>1</v>
      </c>
      <c r="BX29" s="191">
        <v>0</v>
      </c>
      <c r="BY29" s="191">
        <v>0</v>
      </c>
      <c r="BZ29" s="196">
        <v>6</v>
      </c>
      <c r="CA29" s="195">
        <v>9</v>
      </c>
      <c r="CB29" s="190">
        <v>0</v>
      </c>
      <c r="CC29" s="191">
        <v>0</v>
      </c>
      <c r="CD29" s="196">
        <v>0</v>
      </c>
      <c r="CE29" s="193">
        <v>0</v>
      </c>
      <c r="CF29" s="191">
        <v>0</v>
      </c>
      <c r="CG29" s="191">
        <v>0</v>
      </c>
      <c r="CH29" s="191">
        <v>1</v>
      </c>
      <c r="CI29" s="191">
        <v>2</v>
      </c>
      <c r="CJ29" s="191">
        <v>0</v>
      </c>
      <c r="CK29" s="196">
        <v>3</v>
      </c>
      <c r="CL29" s="195">
        <v>3</v>
      </c>
      <c r="CM29" s="190">
        <v>0</v>
      </c>
      <c r="CN29" s="191">
        <v>0</v>
      </c>
      <c r="CO29" s="196">
        <v>0</v>
      </c>
      <c r="CP29" s="193">
        <v>0</v>
      </c>
      <c r="CQ29" s="191">
        <v>1</v>
      </c>
      <c r="CR29" s="191">
        <v>0</v>
      </c>
      <c r="CS29" s="191">
        <v>1</v>
      </c>
      <c r="CT29" s="191">
        <v>0</v>
      </c>
      <c r="CU29" s="191">
        <v>0</v>
      </c>
      <c r="CV29" s="196">
        <v>2</v>
      </c>
      <c r="CW29" s="195">
        <v>2</v>
      </c>
      <c r="CX29" s="190">
        <v>0</v>
      </c>
      <c r="CY29" s="191">
        <v>0</v>
      </c>
      <c r="CZ29" s="196">
        <v>0</v>
      </c>
      <c r="DA29" s="193">
        <v>0</v>
      </c>
      <c r="DB29" s="191">
        <v>0</v>
      </c>
      <c r="DC29" s="191">
        <v>0</v>
      </c>
      <c r="DD29" s="191">
        <v>0</v>
      </c>
      <c r="DE29" s="191">
        <v>0</v>
      </c>
      <c r="DF29" s="191">
        <v>0</v>
      </c>
      <c r="DG29" s="196">
        <v>0</v>
      </c>
      <c r="DH29" s="195">
        <v>0</v>
      </c>
      <c r="DI29" s="190">
        <v>0</v>
      </c>
      <c r="DJ29" s="191">
        <v>0</v>
      </c>
      <c r="DK29" s="196">
        <v>0</v>
      </c>
      <c r="DL29" s="193">
        <v>0</v>
      </c>
      <c r="DM29" s="191">
        <v>0</v>
      </c>
      <c r="DN29" s="191">
        <v>0</v>
      </c>
      <c r="DO29" s="191">
        <v>0</v>
      </c>
      <c r="DP29" s="191">
        <v>0</v>
      </c>
      <c r="DQ29" s="191">
        <v>0</v>
      </c>
      <c r="DR29" s="196">
        <v>0</v>
      </c>
      <c r="DS29" s="195">
        <v>0</v>
      </c>
      <c r="DT29" s="190">
        <v>4</v>
      </c>
      <c r="DU29" s="191">
        <v>9</v>
      </c>
      <c r="DV29" s="196">
        <v>13</v>
      </c>
      <c r="DW29" s="193">
        <v>0</v>
      </c>
      <c r="DX29" s="191">
        <v>8</v>
      </c>
      <c r="DY29" s="191">
        <v>10</v>
      </c>
      <c r="DZ29" s="191">
        <v>7</v>
      </c>
      <c r="EA29" s="191">
        <v>4</v>
      </c>
      <c r="EB29" s="191">
        <v>1</v>
      </c>
      <c r="EC29" s="196">
        <v>30</v>
      </c>
      <c r="ED29" s="195">
        <v>43</v>
      </c>
      <c r="EE29" s="190">
        <v>1</v>
      </c>
      <c r="EF29" s="191">
        <v>1</v>
      </c>
      <c r="EG29" s="196">
        <v>2</v>
      </c>
      <c r="EH29" s="193">
        <v>0</v>
      </c>
      <c r="EI29" s="191">
        <v>2</v>
      </c>
      <c r="EJ29" s="191">
        <v>3</v>
      </c>
      <c r="EK29" s="191">
        <v>3</v>
      </c>
      <c r="EL29" s="191">
        <v>1</v>
      </c>
      <c r="EM29" s="191">
        <v>3</v>
      </c>
      <c r="EN29" s="196">
        <v>12</v>
      </c>
      <c r="EO29" s="195">
        <v>14</v>
      </c>
      <c r="EP29" s="190">
        <v>7</v>
      </c>
      <c r="EQ29" s="191">
        <v>12</v>
      </c>
      <c r="ER29" s="196">
        <v>19</v>
      </c>
      <c r="ES29" s="193">
        <v>0</v>
      </c>
      <c r="ET29" s="191">
        <v>13</v>
      </c>
      <c r="EU29" s="191">
        <v>11</v>
      </c>
      <c r="EV29" s="191">
        <v>7</v>
      </c>
      <c r="EW29" s="191">
        <v>4</v>
      </c>
      <c r="EX29" s="191">
        <v>1</v>
      </c>
      <c r="EY29" s="196">
        <v>36</v>
      </c>
      <c r="EZ29" s="195">
        <v>55</v>
      </c>
    </row>
    <row r="30" spans="2:156" ht="21" customHeight="1" x14ac:dyDescent="0.2">
      <c r="B30" s="106" t="s">
        <v>28</v>
      </c>
      <c r="C30" s="190">
        <v>0</v>
      </c>
      <c r="D30" s="191">
        <v>0</v>
      </c>
      <c r="E30" s="192">
        <v>0</v>
      </c>
      <c r="F30" s="193">
        <v>0</v>
      </c>
      <c r="G30" s="191">
        <v>1</v>
      </c>
      <c r="H30" s="191">
        <v>1</v>
      </c>
      <c r="I30" s="191">
        <v>0</v>
      </c>
      <c r="J30" s="191">
        <v>1</v>
      </c>
      <c r="K30" s="191">
        <v>0</v>
      </c>
      <c r="L30" s="194">
        <v>3</v>
      </c>
      <c r="M30" s="195">
        <v>3</v>
      </c>
      <c r="N30" s="190">
        <v>0</v>
      </c>
      <c r="O30" s="191">
        <v>0</v>
      </c>
      <c r="P30" s="196">
        <v>0</v>
      </c>
      <c r="Q30" s="193">
        <v>0</v>
      </c>
      <c r="R30" s="191">
        <v>0</v>
      </c>
      <c r="S30" s="191">
        <v>0</v>
      </c>
      <c r="T30" s="191">
        <v>0</v>
      </c>
      <c r="U30" s="191">
        <v>0</v>
      </c>
      <c r="V30" s="191">
        <v>0</v>
      </c>
      <c r="W30" s="196">
        <v>0</v>
      </c>
      <c r="X30" s="195">
        <v>0</v>
      </c>
      <c r="Y30" s="190">
        <v>0</v>
      </c>
      <c r="Z30" s="191">
        <v>1</v>
      </c>
      <c r="AA30" s="196">
        <v>1</v>
      </c>
      <c r="AB30" s="193">
        <v>0</v>
      </c>
      <c r="AC30" s="191">
        <v>0</v>
      </c>
      <c r="AD30" s="191">
        <v>1</v>
      </c>
      <c r="AE30" s="191">
        <v>1</v>
      </c>
      <c r="AF30" s="191">
        <v>0</v>
      </c>
      <c r="AG30" s="191">
        <v>0</v>
      </c>
      <c r="AH30" s="196">
        <v>2</v>
      </c>
      <c r="AI30" s="195">
        <v>3</v>
      </c>
      <c r="AJ30" s="190">
        <v>0</v>
      </c>
      <c r="AK30" s="191">
        <v>0</v>
      </c>
      <c r="AL30" s="196">
        <v>0</v>
      </c>
      <c r="AM30" s="193">
        <v>0</v>
      </c>
      <c r="AN30" s="191">
        <v>0</v>
      </c>
      <c r="AO30" s="191">
        <v>0</v>
      </c>
      <c r="AP30" s="191">
        <v>0</v>
      </c>
      <c r="AQ30" s="191">
        <v>0</v>
      </c>
      <c r="AR30" s="191">
        <v>0</v>
      </c>
      <c r="AS30" s="196">
        <v>0</v>
      </c>
      <c r="AT30" s="195">
        <v>0</v>
      </c>
      <c r="AU30" s="190">
        <v>0</v>
      </c>
      <c r="AV30" s="191">
        <v>0</v>
      </c>
      <c r="AW30" s="196">
        <v>0</v>
      </c>
      <c r="AX30" s="193">
        <v>0</v>
      </c>
      <c r="AY30" s="191">
        <v>1</v>
      </c>
      <c r="AZ30" s="191">
        <v>2</v>
      </c>
      <c r="BA30" s="191">
        <v>0</v>
      </c>
      <c r="BB30" s="191">
        <v>1</v>
      </c>
      <c r="BC30" s="191">
        <v>2</v>
      </c>
      <c r="BD30" s="194">
        <v>6</v>
      </c>
      <c r="BE30" s="195">
        <v>6</v>
      </c>
      <c r="BF30" s="190">
        <v>0</v>
      </c>
      <c r="BG30" s="191">
        <v>0</v>
      </c>
      <c r="BH30" s="196">
        <v>0</v>
      </c>
      <c r="BI30" s="193">
        <v>0</v>
      </c>
      <c r="BJ30" s="191">
        <v>0</v>
      </c>
      <c r="BK30" s="191">
        <v>1</v>
      </c>
      <c r="BL30" s="191">
        <v>2</v>
      </c>
      <c r="BM30" s="191">
        <v>0</v>
      </c>
      <c r="BN30" s="191">
        <v>0</v>
      </c>
      <c r="BO30" s="196">
        <v>3</v>
      </c>
      <c r="BP30" s="195">
        <v>3</v>
      </c>
      <c r="BQ30" s="190">
        <v>0</v>
      </c>
      <c r="BR30" s="191">
        <v>0</v>
      </c>
      <c r="BS30" s="196">
        <v>0</v>
      </c>
      <c r="BT30" s="193">
        <v>0</v>
      </c>
      <c r="BU30" s="191">
        <v>0</v>
      </c>
      <c r="BV30" s="191">
        <v>0</v>
      </c>
      <c r="BW30" s="191">
        <v>1</v>
      </c>
      <c r="BX30" s="191">
        <v>0</v>
      </c>
      <c r="BY30" s="191">
        <v>0</v>
      </c>
      <c r="BZ30" s="196">
        <v>1</v>
      </c>
      <c r="CA30" s="195">
        <v>1</v>
      </c>
      <c r="CB30" s="190">
        <v>0</v>
      </c>
      <c r="CC30" s="191">
        <v>0</v>
      </c>
      <c r="CD30" s="196">
        <v>0</v>
      </c>
      <c r="CE30" s="193">
        <v>0</v>
      </c>
      <c r="CF30" s="191">
        <v>0</v>
      </c>
      <c r="CG30" s="191">
        <v>0</v>
      </c>
      <c r="CH30" s="191">
        <v>1</v>
      </c>
      <c r="CI30" s="191">
        <v>0</v>
      </c>
      <c r="CJ30" s="191">
        <v>0</v>
      </c>
      <c r="CK30" s="196">
        <v>1</v>
      </c>
      <c r="CL30" s="195">
        <v>1</v>
      </c>
      <c r="CM30" s="190">
        <v>0</v>
      </c>
      <c r="CN30" s="191">
        <v>0</v>
      </c>
      <c r="CO30" s="196">
        <v>0</v>
      </c>
      <c r="CP30" s="193">
        <v>0</v>
      </c>
      <c r="CQ30" s="191">
        <v>1</v>
      </c>
      <c r="CR30" s="191">
        <v>0</v>
      </c>
      <c r="CS30" s="191">
        <v>0</v>
      </c>
      <c r="CT30" s="191">
        <v>0</v>
      </c>
      <c r="CU30" s="191">
        <v>0</v>
      </c>
      <c r="CV30" s="196">
        <v>1</v>
      </c>
      <c r="CW30" s="195">
        <v>1</v>
      </c>
      <c r="CX30" s="190">
        <v>0</v>
      </c>
      <c r="CY30" s="191">
        <v>0</v>
      </c>
      <c r="CZ30" s="196">
        <v>0</v>
      </c>
      <c r="DA30" s="193">
        <v>0</v>
      </c>
      <c r="DB30" s="191">
        <v>0</v>
      </c>
      <c r="DC30" s="191">
        <v>0</v>
      </c>
      <c r="DD30" s="191">
        <v>0</v>
      </c>
      <c r="DE30" s="191">
        <v>0</v>
      </c>
      <c r="DF30" s="191">
        <v>0</v>
      </c>
      <c r="DG30" s="196">
        <v>0</v>
      </c>
      <c r="DH30" s="195">
        <v>0</v>
      </c>
      <c r="DI30" s="190">
        <v>0</v>
      </c>
      <c r="DJ30" s="191">
        <v>0</v>
      </c>
      <c r="DK30" s="196">
        <v>0</v>
      </c>
      <c r="DL30" s="193">
        <v>0</v>
      </c>
      <c r="DM30" s="191">
        <v>0</v>
      </c>
      <c r="DN30" s="191">
        <v>0</v>
      </c>
      <c r="DO30" s="191">
        <v>0</v>
      </c>
      <c r="DP30" s="191">
        <v>0</v>
      </c>
      <c r="DQ30" s="191">
        <v>0</v>
      </c>
      <c r="DR30" s="196">
        <v>0</v>
      </c>
      <c r="DS30" s="195">
        <v>0</v>
      </c>
      <c r="DT30" s="190">
        <v>0</v>
      </c>
      <c r="DU30" s="191">
        <v>1</v>
      </c>
      <c r="DV30" s="196">
        <v>1</v>
      </c>
      <c r="DW30" s="193">
        <v>0</v>
      </c>
      <c r="DX30" s="191">
        <v>0</v>
      </c>
      <c r="DY30" s="191">
        <v>4</v>
      </c>
      <c r="DZ30" s="191">
        <v>2</v>
      </c>
      <c r="EA30" s="191">
        <v>1</v>
      </c>
      <c r="EB30" s="191">
        <v>0</v>
      </c>
      <c r="EC30" s="196">
        <v>7</v>
      </c>
      <c r="ED30" s="195">
        <v>8</v>
      </c>
      <c r="EE30" s="190">
        <v>0</v>
      </c>
      <c r="EF30" s="191">
        <v>0</v>
      </c>
      <c r="EG30" s="196">
        <v>0</v>
      </c>
      <c r="EH30" s="193">
        <v>0</v>
      </c>
      <c r="EI30" s="191">
        <v>0</v>
      </c>
      <c r="EJ30" s="191">
        <v>0</v>
      </c>
      <c r="EK30" s="191">
        <v>0</v>
      </c>
      <c r="EL30" s="191">
        <v>0</v>
      </c>
      <c r="EM30" s="191">
        <v>2</v>
      </c>
      <c r="EN30" s="196">
        <v>2</v>
      </c>
      <c r="EO30" s="195">
        <v>2</v>
      </c>
      <c r="EP30" s="190">
        <v>0</v>
      </c>
      <c r="EQ30" s="191">
        <v>2</v>
      </c>
      <c r="ER30" s="196">
        <v>2</v>
      </c>
      <c r="ES30" s="193">
        <v>0</v>
      </c>
      <c r="ET30" s="191">
        <v>6</v>
      </c>
      <c r="EU30" s="191">
        <v>5</v>
      </c>
      <c r="EV30" s="191">
        <v>3</v>
      </c>
      <c r="EW30" s="191">
        <v>1</v>
      </c>
      <c r="EX30" s="191">
        <v>0</v>
      </c>
      <c r="EY30" s="196">
        <v>15</v>
      </c>
      <c r="EZ30" s="195">
        <v>17</v>
      </c>
    </row>
    <row r="31" spans="2:156" ht="21" customHeight="1" x14ac:dyDescent="0.2">
      <c r="B31" s="106" t="s">
        <v>29</v>
      </c>
      <c r="C31" s="190">
        <v>0</v>
      </c>
      <c r="D31" s="191">
        <v>0</v>
      </c>
      <c r="E31" s="192">
        <v>0</v>
      </c>
      <c r="F31" s="193">
        <v>0</v>
      </c>
      <c r="G31" s="191">
        <v>2</v>
      </c>
      <c r="H31" s="191">
        <v>3</v>
      </c>
      <c r="I31" s="191">
        <v>1</v>
      </c>
      <c r="J31" s="191">
        <v>1</v>
      </c>
      <c r="K31" s="191">
        <v>0</v>
      </c>
      <c r="L31" s="194">
        <v>7</v>
      </c>
      <c r="M31" s="195">
        <v>7</v>
      </c>
      <c r="N31" s="190">
        <v>0</v>
      </c>
      <c r="O31" s="191">
        <v>0</v>
      </c>
      <c r="P31" s="196">
        <v>0</v>
      </c>
      <c r="Q31" s="193">
        <v>0</v>
      </c>
      <c r="R31" s="191">
        <v>0</v>
      </c>
      <c r="S31" s="191">
        <v>0</v>
      </c>
      <c r="T31" s="191">
        <v>0</v>
      </c>
      <c r="U31" s="191">
        <v>0</v>
      </c>
      <c r="V31" s="191">
        <v>0</v>
      </c>
      <c r="W31" s="196">
        <v>0</v>
      </c>
      <c r="X31" s="195">
        <v>0</v>
      </c>
      <c r="Y31" s="190">
        <v>1</v>
      </c>
      <c r="Z31" s="191">
        <v>1</v>
      </c>
      <c r="AA31" s="196">
        <v>2</v>
      </c>
      <c r="AB31" s="193">
        <v>0</v>
      </c>
      <c r="AC31" s="191">
        <v>3</v>
      </c>
      <c r="AD31" s="191">
        <v>4</v>
      </c>
      <c r="AE31" s="191">
        <v>1</v>
      </c>
      <c r="AF31" s="191">
        <v>1</v>
      </c>
      <c r="AG31" s="191">
        <v>0</v>
      </c>
      <c r="AH31" s="196">
        <v>9</v>
      </c>
      <c r="AI31" s="195">
        <v>11</v>
      </c>
      <c r="AJ31" s="190">
        <v>0</v>
      </c>
      <c r="AK31" s="191">
        <v>1</v>
      </c>
      <c r="AL31" s="196">
        <v>1</v>
      </c>
      <c r="AM31" s="193">
        <v>0</v>
      </c>
      <c r="AN31" s="191">
        <v>0</v>
      </c>
      <c r="AO31" s="191">
        <v>0</v>
      </c>
      <c r="AP31" s="191">
        <v>0</v>
      </c>
      <c r="AQ31" s="191">
        <v>0</v>
      </c>
      <c r="AR31" s="191">
        <v>0</v>
      </c>
      <c r="AS31" s="196">
        <v>0</v>
      </c>
      <c r="AT31" s="195">
        <v>1</v>
      </c>
      <c r="AU31" s="190">
        <v>0</v>
      </c>
      <c r="AV31" s="191">
        <v>1</v>
      </c>
      <c r="AW31" s="196">
        <v>1</v>
      </c>
      <c r="AX31" s="193">
        <v>0</v>
      </c>
      <c r="AY31" s="191">
        <v>2</v>
      </c>
      <c r="AZ31" s="191">
        <v>0</v>
      </c>
      <c r="BA31" s="191">
        <v>2</v>
      </c>
      <c r="BB31" s="191">
        <v>2</v>
      </c>
      <c r="BC31" s="191">
        <v>0</v>
      </c>
      <c r="BD31" s="194">
        <v>6</v>
      </c>
      <c r="BE31" s="195">
        <v>7</v>
      </c>
      <c r="BF31" s="190">
        <v>0</v>
      </c>
      <c r="BG31" s="191">
        <v>0</v>
      </c>
      <c r="BH31" s="196">
        <v>0</v>
      </c>
      <c r="BI31" s="193">
        <v>0</v>
      </c>
      <c r="BJ31" s="191">
        <v>3</v>
      </c>
      <c r="BK31" s="191">
        <v>1</v>
      </c>
      <c r="BL31" s="191">
        <v>0</v>
      </c>
      <c r="BM31" s="191">
        <v>0</v>
      </c>
      <c r="BN31" s="191">
        <v>0</v>
      </c>
      <c r="BO31" s="196">
        <v>4</v>
      </c>
      <c r="BP31" s="195">
        <v>4</v>
      </c>
      <c r="BQ31" s="190">
        <v>0</v>
      </c>
      <c r="BR31" s="191">
        <v>0</v>
      </c>
      <c r="BS31" s="196">
        <v>0</v>
      </c>
      <c r="BT31" s="193">
        <v>0</v>
      </c>
      <c r="BU31" s="191">
        <v>1</v>
      </c>
      <c r="BV31" s="191">
        <v>0</v>
      </c>
      <c r="BW31" s="191">
        <v>0</v>
      </c>
      <c r="BX31" s="191">
        <v>0</v>
      </c>
      <c r="BY31" s="191">
        <v>0</v>
      </c>
      <c r="BZ31" s="196">
        <v>1</v>
      </c>
      <c r="CA31" s="195">
        <v>1</v>
      </c>
      <c r="CB31" s="190">
        <v>0</v>
      </c>
      <c r="CC31" s="191">
        <v>0</v>
      </c>
      <c r="CD31" s="196">
        <v>0</v>
      </c>
      <c r="CE31" s="193">
        <v>0</v>
      </c>
      <c r="CF31" s="191">
        <v>0</v>
      </c>
      <c r="CG31" s="191">
        <v>1</v>
      </c>
      <c r="CH31" s="191">
        <v>0</v>
      </c>
      <c r="CI31" s="191">
        <v>0</v>
      </c>
      <c r="CJ31" s="191">
        <v>0</v>
      </c>
      <c r="CK31" s="196">
        <v>1</v>
      </c>
      <c r="CL31" s="195">
        <v>1</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c r="DI31" s="190">
        <v>0</v>
      </c>
      <c r="DJ31" s="191">
        <v>0</v>
      </c>
      <c r="DK31" s="196">
        <v>0</v>
      </c>
      <c r="DL31" s="193">
        <v>0</v>
      </c>
      <c r="DM31" s="191">
        <v>0</v>
      </c>
      <c r="DN31" s="191">
        <v>0</v>
      </c>
      <c r="DO31" s="191">
        <v>0</v>
      </c>
      <c r="DP31" s="191">
        <v>0</v>
      </c>
      <c r="DQ31" s="191">
        <v>0</v>
      </c>
      <c r="DR31" s="196">
        <v>0</v>
      </c>
      <c r="DS31" s="195">
        <v>0</v>
      </c>
      <c r="DT31" s="190">
        <v>1</v>
      </c>
      <c r="DU31" s="191">
        <v>3</v>
      </c>
      <c r="DV31" s="196">
        <v>4</v>
      </c>
      <c r="DW31" s="193">
        <v>0</v>
      </c>
      <c r="DX31" s="191">
        <v>1</v>
      </c>
      <c r="DY31" s="191">
        <v>5</v>
      </c>
      <c r="DZ31" s="191">
        <v>2</v>
      </c>
      <c r="EA31" s="191">
        <v>1</v>
      </c>
      <c r="EB31" s="191">
        <v>0</v>
      </c>
      <c r="EC31" s="196">
        <v>9</v>
      </c>
      <c r="ED31" s="195">
        <v>13</v>
      </c>
      <c r="EE31" s="190">
        <v>1</v>
      </c>
      <c r="EF31" s="191">
        <v>0</v>
      </c>
      <c r="EG31" s="196">
        <v>1</v>
      </c>
      <c r="EH31" s="193">
        <v>0</v>
      </c>
      <c r="EI31" s="191">
        <v>0</v>
      </c>
      <c r="EJ31" s="191">
        <v>1</v>
      </c>
      <c r="EK31" s="191">
        <v>1</v>
      </c>
      <c r="EL31" s="191">
        <v>1</v>
      </c>
      <c r="EM31" s="191">
        <v>1</v>
      </c>
      <c r="EN31" s="196">
        <v>4</v>
      </c>
      <c r="EO31" s="195">
        <v>5</v>
      </c>
      <c r="EP31" s="190">
        <v>2</v>
      </c>
      <c r="EQ31" s="191">
        <v>4</v>
      </c>
      <c r="ER31" s="196">
        <v>6</v>
      </c>
      <c r="ES31" s="193">
        <v>0</v>
      </c>
      <c r="ET31" s="191">
        <v>6</v>
      </c>
      <c r="EU31" s="191">
        <v>5</v>
      </c>
      <c r="EV31" s="191">
        <v>2</v>
      </c>
      <c r="EW31" s="191">
        <v>1</v>
      </c>
      <c r="EX31" s="191">
        <v>0</v>
      </c>
      <c r="EY31" s="196">
        <v>14</v>
      </c>
      <c r="EZ31" s="195">
        <v>20</v>
      </c>
    </row>
    <row r="32" spans="2:156" ht="21" customHeight="1" x14ac:dyDescent="0.2">
      <c r="B32" s="106" t="s">
        <v>30</v>
      </c>
      <c r="C32" s="190">
        <v>0</v>
      </c>
      <c r="D32" s="191">
        <v>0</v>
      </c>
      <c r="E32" s="192">
        <v>0</v>
      </c>
      <c r="F32" s="193">
        <v>0</v>
      </c>
      <c r="G32" s="191">
        <v>2</v>
      </c>
      <c r="H32" s="191">
        <v>1</v>
      </c>
      <c r="I32" s="191">
        <v>1</v>
      </c>
      <c r="J32" s="191">
        <v>1</v>
      </c>
      <c r="K32" s="191">
        <v>0</v>
      </c>
      <c r="L32" s="194">
        <v>5</v>
      </c>
      <c r="M32" s="195">
        <v>5</v>
      </c>
      <c r="N32" s="190">
        <v>0</v>
      </c>
      <c r="O32" s="191">
        <v>0</v>
      </c>
      <c r="P32" s="196">
        <v>0</v>
      </c>
      <c r="Q32" s="193">
        <v>0</v>
      </c>
      <c r="R32" s="191">
        <v>0</v>
      </c>
      <c r="S32" s="191">
        <v>0</v>
      </c>
      <c r="T32" s="191">
        <v>1</v>
      </c>
      <c r="U32" s="191">
        <v>0</v>
      </c>
      <c r="V32" s="191">
        <v>0</v>
      </c>
      <c r="W32" s="196">
        <v>1</v>
      </c>
      <c r="X32" s="195">
        <v>1</v>
      </c>
      <c r="Y32" s="190">
        <v>0</v>
      </c>
      <c r="Z32" s="191">
        <v>0</v>
      </c>
      <c r="AA32" s="196">
        <v>0</v>
      </c>
      <c r="AB32" s="193">
        <v>0</v>
      </c>
      <c r="AC32" s="191">
        <v>3</v>
      </c>
      <c r="AD32" s="191">
        <v>1</v>
      </c>
      <c r="AE32" s="191">
        <v>1</v>
      </c>
      <c r="AF32" s="191">
        <v>0</v>
      </c>
      <c r="AG32" s="191">
        <v>0</v>
      </c>
      <c r="AH32" s="196">
        <v>5</v>
      </c>
      <c r="AI32" s="195">
        <v>5</v>
      </c>
      <c r="AJ32" s="190">
        <v>0</v>
      </c>
      <c r="AK32" s="191">
        <v>0</v>
      </c>
      <c r="AL32" s="196">
        <v>0</v>
      </c>
      <c r="AM32" s="193">
        <v>0</v>
      </c>
      <c r="AN32" s="191">
        <v>0</v>
      </c>
      <c r="AO32" s="191">
        <v>0</v>
      </c>
      <c r="AP32" s="191">
        <v>0</v>
      </c>
      <c r="AQ32" s="191">
        <v>0</v>
      </c>
      <c r="AR32" s="191">
        <v>0</v>
      </c>
      <c r="AS32" s="196">
        <v>0</v>
      </c>
      <c r="AT32" s="195">
        <v>0</v>
      </c>
      <c r="AU32" s="190">
        <v>0</v>
      </c>
      <c r="AV32" s="191">
        <v>0</v>
      </c>
      <c r="AW32" s="196">
        <v>0</v>
      </c>
      <c r="AX32" s="193">
        <v>0</v>
      </c>
      <c r="AY32" s="191">
        <v>5</v>
      </c>
      <c r="AZ32" s="191">
        <v>1</v>
      </c>
      <c r="BA32" s="191">
        <v>0</v>
      </c>
      <c r="BB32" s="191">
        <v>1</v>
      </c>
      <c r="BC32" s="191">
        <v>0</v>
      </c>
      <c r="BD32" s="194">
        <v>7</v>
      </c>
      <c r="BE32" s="195">
        <v>7</v>
      </c>
      <c r="BF32" s="190">
        <v>0</v>
      </c>
      <c r="BG32" s="191">
        <v>0</v>
      </c>
      <c r="BH32" s="196">
        <v>0</v>
      </c>
      <c r="BI32" s="193">
        <v>0</v>
      </c>
      <c r="BJ32" s="191">
        <v>1</v>
      </c>
      <c r="BK32" s="191">
        <v>0</v>
      </c>
      <c r="BL32" s="191">
        <v>1</v>
      </c>
      <c r="BM32" s="191">
        <v>0</v>
      </c>
      <c r="BN32" s="191">
        <v>0</v>
      </c>
      <c r="BO32" s="196">
        <v>2</v>
      </c>
      <c r="BP32" s="195">
        <v>2</v>
      </c>
      <c r="BQ32" s="190">
        <v>0</v>
      </c>
      <c r="BR32" s="191">
        <v>0</v>
      </c>
      <c r="BS32" s="196">
        <v>0</v>
      </c>
      <c r="BT32" s="193">
        <v>0</v>
      </c>
      <c r="BU32" s="191">
        <v>1</v>
      </c>
      <c r="BV32" s="191">
        <v>0</v>
      </c>
      <c r="BW32" s="191">
        <v>0</v>
      </c>
      <c r="BX32" s="191">
        <v>1</v>
      </c>
      <c r="BY32" s="191">
        <v>0</v>
      </c>
      <c r="BZ32" s="196">
        <v>2</v>
      </c>
      <c r="CA32" s="195">
        <v>2</v>
      </c>
      <c r="CB32" s="190">
        <v>0</v>
      </c>
      <c r="CC32" s="191">
        <v>0</v>
      </c>
      <c r="CD32" s="196">
        <v>0</v>
      </c>
      <c r="CE32" s="193">
        <v>0</v>
      </c>
      <c r="CF32" s="191">
        <v>1</v>
      </c>
      <c r="CG32" s="191">
        <v>1</v>
      </c>
      <c r="CH32" s="191">
        <v>0</v>
      </c>
      <c r="CI32" s="191">
        <v>0</v>
      </c>
      <c r="CJ32" s="191">
        <v>0</v>
      </c>
      <c r="CK32" s="196">
        <v>2</v>
      </c>
      <c r="CL32" s="195">
        <v>2</v>
      </c>
      <c r="CM32" s="190">
        <v>0</v>
      </c>
      <c r="CN32" s="191">
        <v>0</v>
      </c>
      <c r="CO32" s="196">
        <v>0</v>
      </c>
      <c r="CP32" s="193">
        <v>0</v>
      </c>
      <c r="CQ32" s="191">
        <v>1</v>
      </c>
      <c r="CR32" s="191">
        <v>0</v>
      </c>
      <c r="CS32" s="191">
        <v>0</v>
      </c>
      <c r="CT32" s="191">
        <v>0</v>
      </c>
      <c r="CU32" s="191">
        <v>0</v>
      </c>
      <c r="CV32" s="196">
        <v>1</v>
      </c>
      <c r="CW32" s="195">
        <v>1</v>
      </c>
      <c r="CX32" s="190">
        <v>0</v>
      </c>
      <c r="CY32" s="191">
        <v>0</v>
      </c>
      <c r="CZ32" s="196">
        <v>0</v>
      </c>
      <c r="DA32" s="193">
        <v>0</v>
      </c>
      <c r="DB32" s="191">
        <v>0</v>
      </c>
      <c r="DC32" s="191">
        <v>0</v>
      </c>
      <c r="DD32" s="191">
        <v>0</v>
      </c>
      <c r="DE32" s="191">
        <v>0</v>
      </c>
      <c r="DF32" s="191">
        <v>0</v>
      </c>
      <c r="DG32" s="196">
        <v>0</v>
      </c>
      <c r="DH32" s="195">
        <v>0</v>
      </c>
      <c r="DI32" s="190">
        <v>0</v>
      </c>
      <c r="DJ32" s="191">
        <v>0</v>
      </c>
      <c r="DK32" s="196">
        <v>0</v>
      </c>
      <c r="DL32" s="193">
        <v>0</v>
      </c>
      <c r="DM32" s="191">
        <v>0</v>
      </c>
      <c r="DN32" s="191">
        <v>0</v>
      </c>
      <c r="DO32" s="191">
        <v>0</v>
      </c>
      <c r="DP32" s="191">
        <v>0</v>
      </c>
      <c r="DQ32" s="191">
        <v>0</v>
      </c>
      <c r="DR32" s="196">
        <v>0</v>
      </c>
      <c r="DS32" s="195">
        <v>0</v>
      </c>
      <c r="DT32" s="190">
        <v>4</v>
      </c>
      <c r="DU32" s="191">
        <v>0</v>
      </c>
      <c r="DV32" s="196">
        <v>4</v>
      </c>
      <c r="DW32" s="193">
        <v>0</v>
      </c>
      <c r="DX32" s="191">
        <v>2</v>
      </c>
      <c r="DY32" s="191">
        <v>2</v>
      </c>
      <c r="DZ32" s="191">
        <v>2</v>
      </c>
      <c r="EA32" s="191">
        <v>3</v>
      </c>
      <c r="EB32" s="191">
        <v>0</v>
      </c>
      <c r="EC32" s="196">
        <v>9</v>
      </c>
      <c r="ED32" s="195">
        <v>13</v>
      </c>
      <c r="EE32" s="190">
        <v>0</v>
      </c>
      <c r="EF32" s="191">
        <v>0</v>
      </c>
      <c r="EG32" s="196">
        <v>0</v>
      </c>
      <c r="EH32" s="193">
        <v>0</v>
      </c>
      <c r="EI32" s="191">
        <v>1</v>
      </c>
      <c r="EJ32" s="191">
        <v>1</v>
      </c>
      <c r="EK32" s="191">
        <v>0</v>
      </c>
      <c r="EL32" s="191">
        <v>0</v>
      </c>
      <c r="EM32" s="191">
        <v>0</v>
      </c>
      <c r="EN32" s="196">
        <v>2</v>
      </c>
      <c r="EO32" s="195">
        <v>2</v>
      </c>
      <c r="EP32" s="190">
        <v>4</v>
      </c>
      <c r="EQ32" s="191">
        <v>0</v>
      </c>
      <c r="ER32" s="196">
        <v>4</v>
      </c>
      <c r="ES32" s="193">
        <v>0</v>
      </c>
      <c r="ET32" s="191">
        <v>5</v>
      </c>
      <c r="EU32" s="191">
        <v>2</v>
      </c>
      <c r="EV32" s="191">
        <v>2</v>
      </c>
      <c r="EW32" s="191">
        <v>3</v>
      </c>
      <c r="EX32" s="191">
        <v>0</v>
      </c>
      <c r="EY32" s="196">
        <v>12</v>
      </c>
      <c r="EZ32" s="195">
        <v>16</v>
      </c>
    </row>
    <row r="33" spans="2:156" ht="21" customHeight="1" x14ac:dyDescent="0.2">
      <c r="B33" s="106" t="s">
        <v>31</v>
      </c>
      <c r="C33" s="190">
        <v>0</v>
      </c>
      <c r="D33" s="191">
        <v>0</v>
      </c>
      <c r="E33" s="192">
        <v>0</v>
      </c>
      <c r="F33" s="193">
        <v>0</v>
      </c>
      <c r="G33" s="191">
        <v>2</v>
      </c>
      <c r="H33" s="191">
        <v>0</v>
      </c>
      <c r="I33" s="191">
        <v>0</v>
      </c>
      <c r="J33" s="191">
        <v>0</v>
      </c>
      <c r="K33" s="191">
        <v>0</v>
      </c>
      <c r="L33" s="194">
        <v>2</v>
      </c>
      <c r="M33" s="195">
        <v>2</v>
      </c>
      <c r="N33" s="190">
        <v>0</v>
      </c>
      <c r="O33" s="191">
        <v>0</v>
      </c>
      <c r="P33" s="196">
        <v>0</v>
      </c>
      <c r="Q33" s="193">
        <v>0</v>
      </c>
      <c r="R33" s="191">
        <v>0</v>
      </c>
      <c r="S33" s="191">
        <v>0</v>
      </c>
      <c r="T33" s="191">
        <v>0</v>
      </c>
      <c r="U33" s="191">
        <v>0</v>
      </c>
      <c r="V33" s="191">
        <v>1</v>
      </c>
      <c r="W33" s="196">
        <v>1</v>
      </c>
      <c r="X33" s="195">
        <v>1</v>
      </c>
      <c r="Y33" s="190">
        <v>0</v>
      </c>
      <c r="Z33" s="191">
        <v>1</v>
      </c>
      <c r="AA33" s="196">
        <v>1</v>
      </c>
      <c r="AB33" s="193">
        <v>0</v>
      </c>
      <c r="AC33" s="191">
        <v>1</v>
      </c>
      <c r="AD33" s="191">
        <v>0</v>
      </c>
      <c r="AE33" s="191">
        <v>2</v>
      </c>
      <c r="AF33" s="191">
        <v>0</v>
      </c>
      <c r="AG33" s="191">
        <v>1</v>
      </c>
      <c r="AH33" s="196">
        <v>4</v>
      </c>
      <c r="AI33" s="195">
        <v>5</v>
      </c>
      <c r="AJ33" s="190">
        <v>0</v>
      </c>
      <c r="AK33" s="191">
        <v>0</v>
      </c>
      <c r="AL33" s="196">
        <v>0</v>
      </c>
      <c r="AM33" s="193">
        <v>0</v>
      </c>
      <c r="AN33" s="191">
        <v>0</v>
      </c>
      <c r="AO33" s="191">
        <v>0</v>
      </c>
      <c r="AP33" s="191">
        <v>0</v>
      </c>
      <c r="AQ33" s="191">
        <v>0</v>
      </c>
      <c r="AR33" s="191">
        <v>0</v>
      </c>
      <c r="AS33" s="196">
        <v>0</v>
      </c>
      <c r="AT33" s="195">
        <v>0</v>
      </c>
      <c r="AU33" s="190">
        <v>0</v>
      </c>
      <c r="AV33" s="191">
        <v>0</v>
      </c>
      <c r="AW33" s="196">
        <v>0</v>
      </c>
      <c r="AX33" s="193">
        <v>0</v>
      </c>
      <c r="AY33" s="191">
        <v>0</v>
      </c>
      <c r="AZ33" s="191">
        <v>0</v>
      </c>
      <c r="BA33" s="191">
        <v>1</v>
      </c>
      <c r="BB33" s="191">
        <v>0</v>
      </c>
      <c r="BC33" s="191">
        <v>0</v>
      </c>
      <c r="BD33" s="194">
        <v>1</v>
      </c>
      <c r="BE33" s="195">
        <v>1</v>
      </c>
      <c r="BF33" s="190">
        <v>0</v>
      </c>
      <c r="BG33" s="191">
        <v>0</v>
      </c>
      <c r="BH33" s="196">
        <v>0</v>
      </c>
      <c r="BI33" s="193">
        <v>0</v>
      </c>
      <c r="BJ33" s="191">
        <v>2</v>
      </c>
      <c r="BK33" s="191">
        <v>1</v>
      </c>
      <c r="BL33" s="191">
        <v>0</v>
      </c>
      <c r="BM33" s="191">
        <v>1</v>
      </c>
      <c r="BN33" s="191">
        <v>0</v>
      </c>
      <c r="BO33" s="196">
        <v>4</v>
      </c>
      <c r="BP33" s="195">
        <v>4</v>
      </c>
      <c r="BQ33" s="190">
        <v>0</v>
      </c>
      <c r="BR33" s="191">
        <v>0</v>
      </c>
      <c r="BS33" s="196">
        <v>0</v>
      </c>
      <c r="BT33" s="193">
        <v>0</v>
      </c>
      <c r="BU33" s="191">
        <v>0</v>
      </c>
      <c r="BV33" s="191">
        <v>1</v>
      </c>
      <c r="BW33" s="191">
        <v>1</v>
      </c>
      <c r="BX33" s="191">
        <v>0</v>
      </c>
      <c r="BY33" s="191">
        <v>0</v>
      </c>
      <c r="BZ33" s="196">
        <v>2</v>
      </c>
      <c r="CA33" s="195">
        <v>2</v>
      </c>
      <c r="CB33" s="190">
        <v>0</v>
      </c>
      <c r="CC33" s="191">
        <v>0</v>
      </c>
      <c r="CD33" s="196">
        <v>0</v>
      </c>
      <c r="CE33" s="193">
        <v>0</v>
      </c>
      <c r="CF33" s="191">
        <v>0</v>
      </c>
      <c r="CG33" s="191">
        <v>0</v>
      </c>
      <c r="CH33" s="191">
        <v>0</v>
      </c>
      <c r="CI33" s="191">
        <v>0</v>
      </c>
      <c r="CJ33" s="191">
        <v>0</v>
      </c>
      <c r="CK33" s="196">
        <v>0</v>
      </c>
      <c r="CL33" s="195">
        <v>0</v>
      </c>
      <c r="CM33" s="190">
        <v>0</v>
      </c>
      <c r="CN33" s="191">
        <v>0</v>
      </c>
      <c r="CO33" s="196">
        <v>0</v>
      </c>
      <c r="CP33" s="193">
        <v>0</v>
      </c>
      <c r="CQ33" s="191">
        <v>0</v>
      </c>
      <c r="CR33" s="191">
        <v>0</v>
      </c>
      <c r="CS33" s="191">
        <v>1</v>
      </c>
      <c r="CT33" s="191">
        <v>0</v>
      </c>
      <c r="CU33" s="191">
        <v>0</v>
      </c>
      <c r="CV33" s="196">
        <v>1</v>
      </c>
      <c r="CW33" s="195">
        <v>1</v>
      </c>
      <c r="CX33" s="190">
        <v>0</v>
      </c>
      <c r="CY33" s="191">
        <v>0</v>
      </c>
      <c r="CZ33" s="196">
        <v>0</v>
      </c>
      <c r="DA33" s="193">
        <v>0</v>
      </c>
      <c r="DB33" s="191">
        <v>0</v>
      </c>
      <c r="DC33" s="191">
        <v>0</v>
      </c>
      <c r="DD33" s="191">
        <v>0</v>
      </c>
      <c r="DE33" s="191">
        <v>0</v>
      </c>
      <c r="DF33" s="191">
        <v>0</v>
      </c>
      <c r="DG33" s="196">
        <v>0</v>
      </c>
      <c r="DH33" s="195">
        <v>0</v>
      </c>
      <c r="DI33" s="190">
        <v>0</v>
      </c>
      <c r="DJ33" s="191">
        <v>0</v>
      </c>
      <c r="DK33" s="196">
        <v>0</v>
      </c>
      <c r="DL33" s="193">
        <v>0</v>
      </c>
      <c r="DM33" s="191">
        <v>0</v>
      </c>
      <c r="DN33" s="191">
        <v>0</v>
      </c>
      <c r="DO33" s="191">
        <v>0</v>
      </c>
      <c r="DP33" s="191">
        <v>0</v>
      </c>
      <c r="DQ33" s="191">
        <v>0</v>
      </c>
      <c r="DR33" s="196">
        <v>0</v>
      </c>
      <c r="DS33" s="195">
        <v>0</v>
      </c>
      <c r="DT33" s="190">
        <v>1</v>
      </c>
      <c r="DU33" s="191">
        <v>0</v>
      </c>
      <c r="DV33" s="196">
        <v>1</v>
      </c>
      <c r="DW33" s="193">
        <v>0</v>
      </c>
      <c r="DX33" s="191">
        <v>2</v>
      </c>
      <c r="DY33" s="191">
        <v>1</v>
      </c>
      <c r="DZ33" s="191">
        <v>4</v>
      </c>
      <c r="EA33" s="191">
        <v>1</v>
      </c>
      <c r="EB33" s="191">
        <v>1</v>
      </c>
      <c r="EC33" s="196">
        <v>9</v>
      </c>
      <c r="ED33" s="195">
        <v>10</v>
      </c>
      <c r="EE33" s="190">
        <v>0</v>
      </c>
      <c r="EF33" s="191">
        <v>0</v>
      </c>
      <c r="EG33" s="196">
        <v>0</v>
      </c>
      <c r="EH33" s="193">
        <v>0</v>
      </c>
      <c r="EI33" s="191">
        <v>0</v>
      </c>
      <c r="EJ33" s="191">
        <v>0</v>
      </c>
      <c r="EK33" s="191">
        <v>0</v>
      </c>
      <c r="EL33" s="191">
        <v>0</v>
      </c>
      <c r="EM33" s="191">
        <v>0</v>
      </c>
      <c r="EN33" s="196">
        <v>0</v>
      </c>
      <c r="EO33" s="195">
        <v>0</v>
      </c>
      <c r="EP33" s="190">
        <v>1</v>
      </c>
      <c r="EQ33" s="191">
        <v>1</v>
      </c>
      <c r="ER33" s="196">
        <v>2</v>
      </c>
      <c r="ES33" s="193">
        <v>0</v>
      </c>
      <c r="ET33" s="191">
        <v>5</v>
      </c>
      <c r="EU33" s="191">
        <v>2</v>
      </c>
      <c r="EV33" s="191">
        <v>5</v>
      </c>
      <c r="EW33" s="191">
        <v>1</v>
      </c>
      <c r="EX33" s="191">
        <v>1</v>
      </c>
      <c r="EY33" s="196">
        <v>14</v>
      </c>
      <c r="EZ33" s="195">
        <v>16</v>
      </c>
    </row>
    <row r="34" spans="2:156" ht="21" customHeight="1" x14ac:dyDescent="0.2">
      <c r="B34" s="106" t="s">
        <v>32</v>
      </c>
      <c r="C34" s="190">
        <v>0</v>
      </c>
      <c r="D34" s="191">
        <v>0</v>
      </c>
      <c r="E34" s="192">
        <v>0</v>
      </c>
      <c r="F34" s="193">
        <v>0</v>
      </c>
      <c r="G34" s="191">
        <v>0</v>
      </c>
      <c r="H34" s="191">
        <v>2</v>
      </c>
      <c r="I34" s="191">
        <v>0</v>
      </c>
      <c r="J34" s="191">
        <v>0</v>
      </c>
      <c r="K34" s="191">
        <v>1</v>
      </c>
      <c r="L34" s="194">
        <v>3</v>
      </c>
      <c r="M34" s="195">
        <v>3</v>
      </c>
      <c r="N34" s="190">
        <v>0</v>
      </c>
      <c r="O34" s="191">
        <v>0</v>
      </c>
      <c r="P34" s="196">
        <v>0</v>
      </c>
      <c r="Q34" s="193">
        <v>0</v>
      </c>
      <c r="R34" s="191">
        <v>0</v>
      </c>
      <c r="S34" s="191">
        <v>0</v>
      </c>
      <c r="T34" s="191">
        <v>0</v>
      </c>
      <c r="U34" s="191">
        <v>0</v>
      </c>
      <c r="V34" s="191">
        <v>0</v>
      </c>
      <c r="W34" s="196">
        <v>0</v>
      </c>
      <c r="X34" s="195">
        <v>0</v>
      </c>
      <c r="Y34" s="190">
        <v>2</v>
      </c>
      <c r="Z34" s="191">
        <v>1</v>
      </c>
      <c r="AA34" s="196">
        <v>3</v>
      </c>
      <c r="AB34" s="193">
        <v>0</v>
      </c>
      <c r="AC34" s="191">
        <v>3</v>
      </c>
      <c r="AD34" s="191">
        <v>1</v>
      </c>
      <c r="AE34" s="191">
        <v>1</v>
      </c>
      <c r="AF34" s="191">
        <v>0</v>
      </c>
      <c r="AG34" s="191">
        <v>0</v>
      </c>
      <c r="AH34" s="196">
        <v>5</v>
      </c>
      <c r="AI34" s="195">
        <v>8</v>
      </c>
      <c r="AJ34" s="190">
        <v>0</v>
      </c>
      <c r="AK34" s="191">
        <v>0</v>
      </c>
      <c r="AL34" s="196">
        <v>0</v>
      </c>
      <c r="AM34" s="193">
        <v>0</v>
      </c>
      <c r="AN34" s="191">
        <v>0</v>
      </c>
      <c r="AO34" s="191">
        <v>0</v>
      </c>
      <c r="AP34" s="191">
        <v>0</v>
      </c>
      <c r="AQ34" s="191">
        <v>2</v>
      </c>
      <c r="AR34" s="191">
        <v>0</v>
      </c>
      <c r="AS34" s="196">
        <v>2</v>
      </c>
      <c r="AT34" s="195">
        <v>2</v>
      </c>
      <c r="AU34" s="190">
        <v>0</v>
      </c>
      <c r="AV34" s="191">
        <v>0</v>
      </c>
      <c r="AW34" s="196">
        <v>0</v>
      </c>
      <c r="AX34" s="193">
        <v>0</v>
      </c>
      <c r="AY34" s="191">
        <v>0</v>
      </c>
      <c r="AZ34" s="191">
        <v>3</v>
      </c>
      <c r="BA34" s="191">
        <v>1</v>
      </c>
      <c r="BB34" s="191">
        <v>2</v>
      </c>
      <c r="BC34" s="191">
        <v>2</v>
      </c>
      <c r="BD34" s="194">
        <v>8</v>
      </c>
      <c r="BE34" s="195">
        <v>8</v>
      </c>
      <c r="BF34" s="190">
        <v>0</v>
      </c>
      <c r="BG34" s="191">
        <v>0</v>
      </c>
      <c r="BH34" s="196">
        <v>0</v>
      </c>
      <c r="BI34" s="193">
        <v>0</v>
      </c>
      <c r="BJ34" s="191">
        <v>7</v>
      </c>
      <c r="BK34" s="191">
        <v>3</v>
      </c>
      <c r="BL34" s="191">
        <v>0</v>
      </c>
      <c r="BM34" s="191">
        <v>1</v>
      </c>
      <c r="BN34" s="191">
        <v>0</v>
      </c>
      <c r="BO34" s="196">
        <v>11</v>
      </c>
      <c r="BP34" s="195">
        <v>11</v>
      </c>
      <c r="BQ34" s="190">
        <v>0</v>
      </c>
      <c r="BR34" s="191">
        <v>1</v>
      </c>
      <c r="BS34" s="196">
        <v>1</v>
      </c>
      <c r="BT34" s="193">
        <v>0</v>
      </c>
      <c r="BU34" s="191">
        <v>0</v>
      </c>
      <c r="BV34" s="191">
        <v>1</v>
      </c>
      <c r="BW34" s="191">
        <v>0</v>
      </c>
      <c r="BX34" s="191">
        <v>1</v>
      </c>
      <c r="BY34" s="191">
        <v>0</v>
      </c>
      <c r="BZ34" s="196">
        <v>2</v>
      </c>
      <c r="CA34" s="195">
        <v>3</v>
      </c>
      <c r="CB34" s="190">
        <v>0</v>
      </c>
      <c r="CC34" s="191">
        <v>0</v>
      </c>
      <c r="CD34" s="196">
        <v>0</v>
      </c>
      <c r="CE34" s="193">
        <v>0</v>
      </c>
      <c r="CF34" s="191">
        <v>0</v>
      </c>
      <c r="CG34" s="191">
        <v>0</v>
      </c>
      <c r="CH34" s="191">
        <v>0</v>
      </c>
      <c r="CI34" s="191">
        <v>1</v>
      </c>
      <c r="CJ34" s="191">
        <v>0</v>
      </c>
      <c r="CK34" s="196">
        <v>1</v>
      </c>
      <c r="CL34" s="195">
        <v>1</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c r="DI34" s="190">
        <v>0</v>
      </c>
      <c r="DJ34" s="191">
        <v>0</v>
      </c>
      <c r="DK34" s="196">
        <v>0</v>
      </c>
      <c r="DL34" s="193">
        <v>0</v>
      </c>
      <c r="DM34" s="191">
        <v>0</v>
      </c>
      <c r="DN34" s="191">
        <v>0</v>
      </c>
      <c r="DO34" s="191">
        <v>0</v>
      </c>
      <c r="DP34" s="191">
        <v>0</v>
      </c>
      <c r="DQ34" s="191">
        <v>0</v>
      </c>
      <c r="DR34" s="196">
        <v>0</v>
      </c>
      <c r="DS34" s="195">
        <v>0</v>
      </c>
      <c r="DT34" s="190">
        <v>3</v>
      </c>
      <c r="DU34" s="191">
        <v>1</v>
      </c>
      <c r="DV34" s="196">
        <v>4</v>
      </c>
      <c r="DW34" s="193">
        <v>0</v>
      </c>
      <c r="DX34" s="191">
        <v>5</v>
      </c>
      <c r="DY34" s="191">
        <v>6</v>
      </c>
      <c r="DZ34" s="191">
        <v>1</v>
      </c>
      <c r="EA34" s="191">
        <v>3</v>
      </c>
      <c r="EB34" s="191">
        <v>1</v>
      </c>
      <c r="EC34" s="196">
        <v>16</v>
      </c>
      <c r="ED34" s="195">
        <v>20</v>
      </c>
      <c r="EE34" s="190">
        <v>0</v>
      </c>
      <c r="EF34" s="191">
        <v>0</v>
      </c>
      <c r="EG34" s="196">
        <v>0</v>
      </c>
      <c r="EH34" s="193">
        <v>0</v>
      </c>
      <c r="EI34" s="191">
        <v>0</v>
      </c>
      <c r="EJ34" s="191">
        <v>0</v>
      </c>
      <c r="EK34" s="191">
        <v>0</v>
      </c>
      <c r="EL34" s="191">
        <v>2</v>
      </c>
      <c r="EM34" s="191">
        <v>2</v>
      </c>
      <c r="EN34" s="196">
        <v>4</v>
      </c>
      <c r="EO34" s="195">
        <v>4</v>
      </c>
      <c r="EP34" s="190">
        <v>3</v>
      </c>
      <c r="EQ34" s="191">
        <v>2</v>
      </c>
      <c r="ER34" s="196">
        <v>5</v>
      </c>
      <c r="ES34" s="193">
        <v>0</v>
      </c>
      <c r="ET34" s="191">
        <v>12</v>
      </c>
      <c r="EU34" s="191">
        <v>8</v>
      </c>
      <c r="EV34" s="191">
        <v>2</v>
      </c>
      <c r="EW34" s="191">
        <v>3</v>
      </c>
      <c r="EX34" s="191">
        <v>1</v>
      </c>
      <c r="EY34" s="196">
        <v>26</v>
      </c>
      <c r="EZ34" s="195">
        <v>31</v>
      </c>
    </row>
    <row r="35" spans="2:156" ht="21" customHeight="1" x14ac:dyDescent="0.2">
      <c r="B35" s="106" t="s">
        <v>33</v>
      </c>
      <c r="C35" s="190">
        <v>0</v>
      </c>
      <c r="D35" s="191">
        <v>0</v>
      </c>
      <c r="E35" s="192">
        <v>0</v>
      </c>
      <c r="F35" s="193">
        <v>0</v>
      </c>
      <c r="G35" s="191">
        <v>1</v>
      </c>
      <c r="H35" s="191">
        <v>0</v>
      </c>
      <c r="I35" s="191">
        <v>1</v>
      </c>
      <c r="J35" s="191">
        <v>0</v>
      </c>
      <c r="K35" s="191">
        <v>0</v>
      </c>
      <c r="L35" s="194">
        <v>2</v>
      </c>
      <c r="M35" s="195">
        <v>2</v>
      </c>
      <c r="N35" s="190">
        <v>0</v>
      </c>
      <c r="O35" s="191">
        <v>0</v>
      </c>
      <c r="P35" s="196">
        <v>0</v>
      </c>
      <c r="Q35" s="193">
        <v>0</v>
      </c>
      <c r="R35" s="191">
        <v>0</v>
      </c>
      <c r="S35" s="191">
        <v>0</v>
      </c>
      <c r="T35" s="191">
        <v>0</v>
      </c>
      <c r="U35" s="191">
        <v>0</v>
      </c>
      <c r="V35" s="191">
        <v>0</v>
      </c>
      <c r="W35" s="196">
        <v>0</v>
      </c>
      <c r="X35" s="195">
        <v>0</v>
      </c>
      <c r="Y35" s="190">
        <v>0</v>
      </c>
      <c r="Z35" s="191">
        <v>0</v>
      </c>
      <c r="AA35" s="196">
        <v>0</v>
      </c>
      <c r="AB35" s="193">
        <v>0</v>
      </c>
      <c r="AC35" s="191">
        <v>2</v>
      </c>
      <c r="AD35" s="191">
        <v>2</v>
      </c>
      <c r="AE35" s="191">
        <v>0</v>
      </c>
      <c r="AF35" s="191">
        <v>0</v>
      </c>
      <c r="AG35" s="191">
        <v>0</v>
      </c>
      <c r="AH35" s="196">
        <v>4</v>
      </c>
      <c r="AI35" s="195">
        <v>4</v>
      </c>
      <c r="AJ35" s="190">
        <v>0</v>
      </c>
      <c r="AK35" s="191">
        <v>0</v>
      </c>
      <c r="AL35" s="196">
        <v>0</v>
      </c>
      <c r="AM35" s="193">
        <v>0</v>
      </c>
      <c r="AN35" s="191">
        <v>1</v>
      </c>
      <c r="AO35" s="191">
        <v>1</v>
      </c>
      <c r="AP35" s="191">
        <v>2</v>
      </c>
      <c r="AQ35" s="191">
        <v>1</v>
      </c>
      <c r="AR35" s="191">
        <v>0</v>
      </c>
      <c r="AS35" s="196">
        <v>5</v>
      </c>
      <c r="AT35" s="195">
        <v>5</v>
      </c>
      <c r="AU35" s="190">
        <v>1</v>
      </c>
      <c r="AV35" s="191">
        <v>0</v>
      </c>
      <c r="AW35" s="196">
        <v>1</v>
      </c>
      <c r="AX35" s="193">
        <v>0</v>
      </c>
      <c r="AY35" s="191">
        <v>4</v>
      </c>
      <c r="AZ35" s="191">
        <v>2</v>
      </c>
      <c r="BA35" s="191">
        <v>3</v>
      </c>
      <c r="BB35" s="191">
        <v>4</v>
      </c>
      <c r="BC35" s="191">
        <v>2</v>
      </c>
      <c r="BD35" s="194">
        <v>15</v>
      </c>
      <c r="BE35" s="195">
        <v>16</v>
      </c>
      <c r="BF35" s="190">
        <v>0</v>
      </c>
      <c r="BG35" s="191">
        <v>0</v>
      </c>
      <c r="BH35" s="196">
        <v>0</v>
      </c>
      <c r="BI35" s="193">
        <v>0</v>
      </c>
      <c r="BJ35" s="191">
        <v>2</v>
      </c>
      <c r="BK35" s="191">
        <v>0</v>
      </c>
      <c r="BL35" s="191">
        <v>0</v>
      </c>
      <c r="BM35" s="191">
        <v>0</v>
      </c>
      <c r="BN35" s="191">
        <v>0</v>
      </c>
      <c r="BO35" s="196">
        <v>2</v>
      </c>
      <c r="BP35" s="195">
        <v>2</v>
      </c>
      <c r="BQ35" s="190">
        <v>1</v>
      </c>
      <c r="BR35" s="191">
        <v>0</v>
      </c>
      <c r="BS35" s="196">
        <v>1</v>
      </c>
      <c r="BT35" s="193">
        <v>0</v>
      </c>
      <c r="BU35" s="191">
        <v>2</v>
      </c>
      <c r="BV35" s="191">
        <v>0</v>
      </c>
      <c r="BW35" s="191">
        <v>0</v>
      </c>
      <c r="BX35" s="191">
        <v>0</v>
      </c>
      <c r="BY35" s="191">
        <v>0</v>
      </c>
      <c r="BZ35" s="196">
        <v>2</v>
      </c>
      <c r="CA35" s="195">
        <v>3</v>
      </c>
      <c r="CB35" s="190">
        <v>0</v>
      </c>
      <c r="CC35" s="191">
        <v>0</v>
      </c>
      <c r="CD35" s="196">
        <v>0</v>
      </c>
      <c r="CE35" s="193">
        <v>0</v>
      </c>
      <c r="CF35" s="191">
        <v>0</v>
      </c>
      <c r="CG35" s="191">
        <v>0</v>
      </c>
      <c r="CH35" s="191">
        <v>0</v>
      </c>
      <c r="CI35" s="191">
        <v>0</v>
      </c>
      <c r="CJ35" s="191">
        <v>0</v>
      </c>
      <c r="CK35" s="196">
        <v>0</v>
      </c>
      <c r="CL35" s="195">
        <v>0</v>
      </c>
      <c r="CM35" s="190">
        <v>0</v>
      </c>
      <c r="CN35" s="191">
        <v>0</v>
      </c>
      <c r="CO35" s="196">
        <v>0</v>
      </c>
      <c r="CP35" s="193">
        <v>0</v>
      </c>
      <c r="CQ35" s="191">
        <v>1</v>
      </c>
      <c r="CR35" s="191">
        <v>0</v>
      </c>
      <c r="CS35" s="191">
        <v>0</v>
      </c>
      <c r="CT35" s="191">
        <v>0</v>
      </c>
      <c r="CU35" s="191">
        <v>0</v>
      </c>
      <c r="CV35" s="196">
        <v>1</v>
      </c>
      <c r="CW35" s="195">
        <v>1</v>
      </c>
      <c r="CX35" s="190">
        <v>0</v>
      </c>
      <c r="CY35" s="191">
        <v>0</v>
      </c>
      <c r="CZ35" s="196">
        <v>0</v>
      </c>
      <c r="DA35" s="193">
        <v>0</v>
      </c>
      <c r="DB35" s="191">
        <v>0</v>
      </c>
      <c r="DC35" s="191">
        <v>0</v>
      </c>
      <c r="DD35" s="191">
        <v>0</v>
      </c>
      <c r="DE35" s="191">
        <v>0</v>
      </c>
      <c r="DF35" s="191">
        <v>0</v>
      </c>
      <c r="DG35" s="196">
        <v>0</v>
      </c>
      <c r="DH35" s="195">
        <v>0</v>
      </c>
      <c r="DI35" s="190">
        <v>0</v>
      </c>
      <c r="DJ35" s="191">
        <v>0</v>
      </c>
      <c r="DK35" s="196">
        <v>0</v>
      </c>
      <c r="DL35" s="193">
        <v>0</v>
      </c>
      <c r="DM35" s="191">
        <v>0</v>
      </c>
      <c r="DN35" s="191">
        <v>0</v>
      </c>
      <c r="DO35" s="191">
        <v>0</v>
      </c>
      <c r="DP35" s="191">
        <v>0</v>
      </c>
      <c r="DQ35" s="191">
        <v>0</v>
      </c>
      <c r="DR35" s="196">
        <v>0</v>
      </c>
      <c r="DS35" s="195">
        <v>0</v>
      </c>
      <c r="DT35" s="190">
        <v>1</v>
      </c>
      <c r="DU35" s="191">
        <v>1</v>
      </c>
      <c r="DV35" s="196">
        <v>2</v>
      </c>
      <c r="DW35" s="193">
        <v>0</v>
      </c>
      <c r="DX35" s="191">
        <v>7</v>
      </c>
      <c r="DY35" s="191">
        <v>4</v>
      </c>
      <c r="DZ35" s="191">
        <v>2</v>
      </c>
      <c r="EA35" s="191">
        <v>1</v>
      </c>
      <c r="EB35" s="191">
        <v>0</v>
      </c>
      <c r="EC35" s="196">
        <v>14</v>
      </c>
      <c r="ED35" s="195">
        <v>16</v>
      </c>
      <c r="EE35" s="190">
        <v>0</v>
      </c>
      <c r="EF35" s="191">
        <v>0</v>
      </c>
      <c r="EG35" s="196">
        <v>0</v>
      </c>
      <c r="EH35" s="193">
        <v>0</v>
      </c>
      <c r="EI35" s="191">
        <v>2</v>
      </c>
      <c r="EJ35" s="191">
        <v>1</v>
      </c>
      <c r="EK35" s="191">
        <v>2</v>
      </c>
      <c r="EL35" s="191">
        <v>2</v>
      </c>
      <c r="EM35" s="191">
        <v>2</v>
      </c>
      <c r="EN35" s="196">
        <v>9</v>
      </c>
      <c r="EO35" s="195">
        <v>9</v>
      </c>
      <c r="EP35" s="190">
        <v>2</v>
      </c>
      <c r="EQ35" s="191">
        <v>1</v>
      </c>
      <c r="ER35" s="196">
        <v>3</v>
      </c>
      <c r="ES35" s="193">
        <v>0</v>
      </c>
      <c r="ET35" s="191">
        <v>12</v>
      </c>
      <c r="EU35" s="191">
        <v>4</v>
      </c>
      <c r="EV35" s="191">
        <v>2</v>
      </c>
      <c r="EW35" s="191">
        <v>2</v>
      </c>
      <c r="EX35" s="191">
        <v>0</v>
      </c>
      <c r="EY35" s="196">
        <v>20</v>
      </c>
      <c r="EZ35" s="195">
        <v>23</v>
      </c>
    </row>
    <row r="36" spans="2:156" ht="21" customHeight="1" x14ac:dyDescent="0.2">
      <c r="B36" s="106" t="s">
        <v>34</v>
      </c>
      <c r="C36" s="190">
        <v>0</v>
      </c>
      <c r="D36" s="191">
        <v>0</v>
      </c>
      <c r="E36" s="192">
        <v>0</v>
      </c>
      <c r="F36" s="193">
        <v>0</v>
      </c>
      <c r="G36" s="191">
        <v>1</v>
      </c>
      <c r="H36" s="191">
        <v>1</v>
      </c>
      <c r="I36" s="191">
        <v>0</v>
      </c>
      <c r="J36" s="191">
        <v>0</v>
      </c>
      <c r="K36" s="191">
        <v>0</v>
      </c>
      <c r="L36" s="194">
        <v>2</v>
      </c>
      <c r="M36" s="195">
        <v>2</v>
      </c>
      <c r="N36" s="190">
        <v>0</v>
      </c>
      <c r="O36" s="191">
        <v>0</v>
      </c>
      <c r="P36" s="196">
        <v>0</v>
      </c>
      <c r="Q36" s="193">
        <v>0</v>
      </c>
      <c r="R36" s="191">
        <v>0</v>
      </c>
      <c r="S36" s="191">
        <v>0</v>
      </c>
      <c r="T36" s="191">
        <v>0</v>
      </c>
      <c r="U36" s="191">
        <v>0</v>
      </c>
      <c r="V36" s="191">
        <v>0</v>
      </c>
      <c r="W36" s="196">
        <v>0</v>
      </c>
      <c r="X36" s="195">
        <v>0</v>
      </c>
      <c r="Y36" s="190">
        <v>0</v>
      </c>
      <c r="Z36" s="191">
        <v>0</v>
      </c>
      <c r="AA36" s="196">
        <v>0</v>
      </c>
      <c r="AB36" s="193">
        <v>0</v>
      </c>
      <c r="AC36" s="191">
        <v>1</v>
      </c>
      <c r="AD36" s="191">
        <v>1</v>
      </c>
      <c r="AE36" s="191">
        <v>0</v>
      </c>
      <c r="AF36" s="191">
        <v>0</v>
      </c>
      <c r="AG36" s="191">
        <v>0</v>
      </c>
      <c r="AH36" s="196">
        <v>2</v>
      </c>
      <c r="AI36" s="195">
        <v>2</v>
      </c>
      <c r="AJ36" s="190">
        <v>0</v>
      </c>
      <c r="AK36" s="191">
        <v>0</v>
      </c>
      <c r="AL36" s="196">
        <v>0</v>
      </c>
      <c r="AM36" s="193">
        <v>0</v>
      </c>
      <c r="AN36" s="191">
        <v>0</v>
      </c>
      <c r="AO36" s="191">
        <v>1</v>
      </c>
      <c r="AP36" s="191">
        <v>0</v>
      </c>
      <c r="AQ36" s="191">
        <v>0</v>
      </c>
      <c r="AR36" s="191">
        <v>0</v>
      </c>
      <c r="AS36" s="196">
        <v>1</v>
      </c>
      <c r="AT36" s="195">
        <v>1</v>
      </c>
      <c r="AU36" s="190">
        <v>0</v>
      </c>
      <c r="AV36" s="191">
        <v>0</v>
      </c>
      <c r="AW36" s="196">
        <v>0</v>
      </c>
      <c r="AX36" s="193">
        <v>0</v>
      </c>
      <c r="AY36" s="191">
        <v>2</v>
      </c>
      <c r="AZ36" s="191">
        <v>2</v>
      </c>
      <c r="BA36" s="191">
        <v>1</v>
      </c>
      <c r="BB36" s="191">
        <v>0</v>
      </c>
      <c r="BC36" s="191">
        <v>0</v>
      </c>
      <c r="BD36" s="194">
        <v>5</v>
      </c>
      <c r="BE36" s="195">
        <v>5</v>
      </c>
      <c r="BF36" s="190">
        <v>0</v>
      </c>
      <c r="BG36" s="191">
        <v>0</v>
      </c>
      <c r="BH36" s="196">
        <v>0</v>
      </c>
      <c r="BI36" s="193">
        <v>0</v>
      </c>
      <c r="BJ36" s="191">
        <v>0</v>
      </c>
      <c r="BK36" s="191">
        <v>1</v>
      </c>
      <c r="BL36" s="191">
        <v>1</v>
      </c>
      <c r="BM36" s="191">
        <v>1</v>
      </c>
      <c r="BN36" s="191">
        <v>0</v>
      </c>
      <c r="BO36" s="196">
        <v>3</v>
      </c>
      <c r="BP36" s="195">
        <v>3</v>
      </c>
      <c r="BQ36" s="190">
        <v>0</v>
      </c>
      <c r="BR36" s="191">
        <v>0</v>
      </c>
      <c r="BS36" s="196">
        <v>0</v>
      </c>
      <c r="BT36" s="193">
        <v>0</v>
      </c>
      <c r="BU36" s="191">
        <v>0</v>
      </c>
      <c r="BV36" s="191">
        <v>0</v>
      </c>
      <c r="BW36" s="191">
        <v>0</v>
      </c>
      <c r="BX36" s="191">
        <v>0</v>
      </c>
      <c r="BY36" s="191">
        <v>0</v>
      </c>
      <c r="BZ36" s="196">
        <v>0</v>
      </c>
      <c r="CA36" s="195">
        <v>0</v>
      </c>
      <c r="CB36" s="190">
        <v>0</v>
      </c>
      <c r="CC36" s="191">
        <v>0</v>
      </c>
      <c r="CD36" s="196">
        <v>0</v>
      </c>
      <c r="CE36" s="193">
        <v>0</v>
      </c>
      <c r="CF36" s="191">
        <v>0</v>
      </c>
      <c r="CG36" s="191">
        <v>0</v>
      </c>
      <c r="CH36" s="191">
        <v>1</v>
      </c>
      <c r="CI36" s="191">
        <v>0</v>
      </c>
      <c r="CJ36" s="191">
        <v>0</v>
      </c>
      <c r="CK36" s="196">
        <v>1</v>
      </c>
      <c r="CL36" s="195">
        <v>1</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c r="DI36" s="190">
        <v>0</v>
      </c>
      <c r="DJ36" s="191">
        <v>0</v>
      </c>
      <c r="DK36" s="196">
        <v>0</v>
      </c>
      <c r="DL36" s="193">
        <v>0</v>
      </c>
      <c r="DM36" s="191">
        <v>0</v>
      </c>
      <c r="DN36" s="191">
        <v>0</v>
      </c>
      <c r="DO36" s="191">
        <v>0</v>
      </c>
      <c r="DP36" s="191">
        <v>0</v>
      </c>
      <c r="DQ36" s="191">
        <v>0</v>
      </c>
      <c r="DR36" s="196">
        <v>0</v>
      </c>
      <c r="DS36" s="195">
        <v>0</v>
      </c>
      <c r="DT36" s="190">
        <v>1</v>
      </c>
      <c r="DU36" s="191">
        <v>0</v>
      </c>
      <c r="DV36" s="196">
        <v>1</v>
      </c>
      <c r="DW36" s="193">
        <v>0</v>
      </c>
      <c r="DX36" s="191">
        <v>1</v>
      </c>
      <c r="DY36" s="191">
        <v>2</v>
      </c>
      <c r="DZ36" s="191">
        <v>0</v>
      </c>
      <c r="EA36" s="191">
        <v>1</v>
      </c>
      <c r="EB36" s="191">
        <v>0</v>
      </c>
      <c r="EC36" s="196">
        <v>4</v>
      </c>
      <c r="ED36" s="195">
        <v>5</v>
      </c>
      <c r="EE36" s="190">
        <v>0</v>
      </c>
      <c r="EF36" s="191">
        <v>0</v>
      </c>
      <c r="EG36" s="196">
        <v>0</v>
      </c>
      <c r="EH36" s="193">
        <v>0</v>
      </c>
      <c r="EI36" s="191">
        <v>0</v>
      </c>
      <c r="EJ36" s="191">
        <v>2</v>
      </c>
      <c r="EK36" s="191">
        <v>2</v>
      </c>
      <c r="EL36" s="191">
        <v>0</v>
      </c>
      <c r="EM36" s="191">
        <v>0</v>
      </c>
      <c r="EN36" s="196">
        <v>4</v>
      </c>
      <c r="EO36" s="195">
        <v>4</v>
      </c>
      <c r="EP36" s="190">
        <v>1</v>
      </c>
      <c r="EQ36" s="191">
        <v>0</v>
      </c>
      <c r="ER36" s="196">
        <v>1</v>
      </c>
      <c r="ES36" s="193">
        <v>0</v>
      </c>
      <c r="ET36" s="191">
        <v>2</v>
      </c>
      <c r="EU36" s="191">
        <v>2</v>
      </c>
      <c r="EV36" s="191">
        <v>1</v>
      </c>
      <c r="EW36" s="191">
        <v>1</v>
      </c>
      <c r="EX36" s="191">
        <v>0</v>
      </c>
      <c r="EY36" s="196">
        <v>6</v>
      </c>
      <c r="EZ36" s="195">
        <v>7</v>
      </c>
    </row>
    <row r="37" spans="2:156" ht="21" customHeight="1" x14ac:dyDescent="0.2">
      <c r="B37" s="106" t="s">
        <v>35</v>
      </c>
      <c r="C37" s="190">
        <v>0</v>
      </c>
      <c r="D37" s="191">
        <v>0</v>
      </c>
      <c r="E37" s="192">
        <v>0</v>
      </c>
      <c r="F37" s="193">
        <v>0</v>
      </c>
      <c r="G37" s="191">
        <v>2</v>
      </c>
      <c r="H37" s="191">
        <v>5</v>
      </c>
      <c r="I37" s="191">
        <v>2</v>
      </c>
      <c r="J37" s="191">
        <v>0</v>
      </c>
      <c r="K37" s="191">
        <v>0</v>
      </c>
      <c r="L37" s="194">
        <v>9</v>
      </c>
      <c r="M37" s="195">
        <v>9</v>
      </c>
      <c r="N37" s="190">
        <v>0</v>
      </c>
      <c r="O37" s="191">
        <v>0</v>
      </c>
      <c r="P37" s="196">
        <v>0</v>
      </c>
      <c r="Q37" s="193">
        <v>0</v>
      </c>
      <c r="R37" s="191">
        <v>0</v>
      </c>
      <c r="S37" s="191">
        <v>0</v>
      </c>
      <c r="T37" s="191">
        <v>1</v>
      </c>
      <c r="U37" s="191">
        <v>0</v>
      </c>
      <c r="V37" s="191">
        <v>0</v>
      </c>
      <c r="W37" s="196">
        <v>1</v>
      </c>
      <c r="X37" s="195">
        <v>1</v>
      </c>
      <c r="Y37" s="190">
        <v>1</v>
      </c>
      <c r="Z37" s="191">
        <v>2</v>
      </c>
      <c r="AA37" s="196">
        <v>3</v>
      </c>
      <c r="AB37" s="193">
        <v>0</v>
      </c>
      <c r="AC37" s="191">
        <v>3</v>
      </c>
      <c r="AD37" s="191">
        <v>4</v>
      </c>
      <c r="AE37" s="191">
        <v>2</v>
      </c>
      <c r="AF37" s="191">
        <v>0</v>
      </c>
      <c r="AG37" s="191">
        <v>1</v>
      </c>
      <c r="AH37" s="196">
        <v>10</v>
      </c>
      <c r="AI37" s="195">
        <v>13</v>
      </c>
      <c r="AJ37" s="190">
        <v>1</v>
      </c>
      <c r="AK37" s="191">
        <v>2</v>
      </c>
      <c r="AL37" s="196">
        <v>3</v>
      </c>
      <c r="AM37" s="193">
        <v>0</v>
      </c>
      <c r="AN37" s="191">
        <v>0</v>
      </c>
      <c r="AO37" s="191">
        <v>1</v>
      </c>
      <c r="AP37" s="191">
        <v>0</v>
      </c>
      <c r="AQ37" s="191">
        <v>0</v>
      </c>
      <c r="AR37" s="191">
        <v>1</v>
      </c>
      <c r="AS37" s="196">
        <v>2</v>
      </c>
      <c r="AT37" s="195">
        <v>5</v>
      </c>
      <c r="AU37" s="190">
        <v>2</v>
      </c>
      <c r="AV37" s="191">
        <v>2</v>
      </c>
      <c r="AW37" s="196">
        <v>4</v>
      </c>
      <c r="AX37" s="193">
        <v>0</v>
      </c>
      <c r="AY37" s="191">
        <v>6</v>
      </c>
      <c r="AZ37" s="191">
        <v>4</v>
      </c>
      <c r="BA37" s="191">
        <v>5</v>
      </c>
      <c r="BB37" s="191">
        <v>2</v>
      </c>
      <c r="BC37" s="191">
        <v>2</v>
      </c>
      <c r="BD37" s="194">
        <v>19</v>
      </c>
      <c r="BE37" s="195">
        <v>23</v>
      </c>
      <c r="BF37" s="190">
        <v>0</v>
      </c>
      <c r="BG37" s="191">
        <v>0</v>
      </c>
      <c r="BH37" s="196">
        <v>0</v>
      </c>
      <c r="BI37" s="193">
        <v>0</v>
      </c>
      <c r="BJ37" s="191">
        <v>3</v>
      </c>
      <c r="BK37" s="191">
        <v>3</v>
      </c>
      <c r="BL37" s="191">
        <v>2</v>
      </c>
      <c r="BM37" s="191">
        <v>0</v>
      </c>
      <c r="BN37" s="191">
        <v>1</v>
      </c>
      <c r="BO37" s="196">
        <v>9</v>
      </c>
      <c r="BP37" s="195">
        <v>9</v>
      </c>
      <c r="BQ37" s="190">
        <v>1</v>
      </c>
      <c r="BR37" s="191">
        <v>2</v>
      </c>
      <c r="BS37" s="196">
        <v>3</v>
      </c>
      <c r="BT37" s="193">
        <v>0</v>
      </c>
      <c r="BU37" s="191">
        <v>1</v>
      </c>
      <c r="BV37" s="191">
        <v>2</v>
      </c>
      <c r="BW37" s="191">
        <v>4</v>
      </c>
      <c r="BX37" s="191">
        <v>0</v>
      </c>
      <c r="BY37" s="191">
        <v>0</v>
      </c>
      <c r="BZ37" s="196">
        <v>7</v>
      </c>
      <c r="CA37" s="195">
        <v>10</v>
      </c>
      <c r="CB37" s="190">
        <v>0</v>
      </c>
      <c r="CC37" s="191">
        <v>0</v>
      </c>
      <c r="CD37" s="196">
        <v>0</v>
      </c>
      <c r="CE37" s="193">
        <v>0</v>
      </c>
      <c r="CF37" s="191">
        <v>0</v>
      </c>
      <c r="CG37" s="191">
        <v>1</v>
      </c>
      <c r="CH37" s="191">
        <v>1</v>
      </c>
      <c r="CI37" s="191">
        <v>0</v>
      </c>
      <c r="CJ37" s="191">
        <v>1</v>
      </c>
      <c r="CK37" s="196">
        <v>3</v>
      </c>
      <c r="CL37" s="195">
        <v>3</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c r="DI37" s="190">
        <v>0</v>
      </c>
      <c r="DJ37" s="191">
        <v>0</v>
      </c>
      <c r="DK37" s="196">
        <v>0</v>
      </c>
      <c r="DL37" s="193">
        <v>0</v>
      </c>
      <c r="DM37" s="191">
        <v>0</v>
      </c>
      <c r="DN37" s="191">
        <v>0</v>
      </c>
      <c r="DO37" s="191">
        <v>0</v>
      </c>
      <c r="DP37" s="191">
        <v>0</v>
      </c>
      <c r="DQ37" s="191">
        <v>0</v>
      </c>
      <c r="DR37" s="196">
        <v>0</v>
      </c>
      <c r="DS37" s="195">
        <v>0</v>
      </c>
      <c r="DT37" s="190">
        <v>3</v>
      </c>
      <c r="DU37" s="191">
        <v>6</v>
      </c>
      <c r="DV37" s="196">
        <v>9</v>
      </c>
      <c r="DW37" s="193">
        <v>0</v>
      </c>
      <c r="DX37" s="191">
        <v>5</v>
      </c>
      <c r="DY37" s="191">
        <v>9</v>
      </c>
      <c r="DZ37" s="191">
        <v>4</v>
      </c>
      <c r="EA37" s="191">
        <v>0</v>
      </c>
      <c r="EB37" s="191">
        <v>2</v>
      </c>
      <c r="EC37" s="196">
        <v>20</v>
      </c>
      <c r="ED37" s="195">
        <v>29</v>
      </c>
      <c r="EE37" s="190">
        <v>3</v>
      </c>
      <c r="EF37" s="191">
        <v>1</v>
      </c>
      <c r="EG37" s="196">
        <v>4</v>
      </c>
      <c r="EH37" s="193">
        <v>0</v>
      </c>
      <c r="EI37" s="191">
        <v>4</v>
      </c>
      <c r="EJ37" s="191">
        <v>2</v>
      </c>
      <c r="EK37" s="191">
        <v>2</v>
      </c>
      <c r="EL37" s="191">
        <v>2</v>
      </c>
      <c r="EM37" s="191">
        <v>1</v>
      </c>
      <c r="EN37" s="196">
        <v>11</v>
      </c>
      <c r="EO37" s="195">
        <v>15</v>
      </c>
      <c r="EP37" s="190">
        <v>5</v>
      </c>
      <c r="EQ37" s="191">
        <v>9</v>
      </c>
      <c r="ER37" s="196">
        <v>14</v>
      </c>
      <c r="ES37" s="193">
        <v>0</v>
      </c>
      <c r="ET37" s="191">
        <v>9</v>
      </c>
      <c r="EU37" s="191">
        <v>10</v>
      </c>
      <c r="EV37" s="191">
        <v>6</v>
      </c>
      <c r="EW37" s="191">
        <v>0</v>
      </c>
      <c r="EX37" s="191">
        <v>2</v>
      </c>
      <c r="EY37" s="196">
        <v>27</v>
      </c>
      <c r="EZ37" s="195">
        <v>41</v>
      </c>
    </row>
    <row r="38" spans="2:156" ht="21" customHeight="1" x14ac:dyDescent="0.2">
      <c r="B38" s="106" t="s">
        <v>36</v>
      </c>
      <c r="C38" s="190">
        <v>0</v>
      </c>
      <c r="D38" s="191">
        <v>0</v>
      </c>
      <c r="E38" s="192">
        <v>0</v>
      </c>
      <c r="F38" s="193">
        <v>0</v>
      </c>
      <c r="G38" s="191">
        <v>1</v>
      </c>
      <c r="H38" s="191">
        <v>3</v>
      </c>
      <c r="I38" s="191">
        <v>1</v>
      </c>
      <c r="J38" s="191">
        <v>0</v>
      </c>
      <c r="K38" s="191">
        <v>0</v>
      </c>
      <c r="L38" s="194">
        <v>5</v>
      </c>
      <c r="M38" s="195">
        <v>5</v>
      </c>
      <c r="N38" s="190">
        <v>0</v>
      </c>
      <c r="O38" s="191">
        <v>0</v>
      </c>
      <c r="P38" s="196">
        <v>0</v>
      </c>
      <c r="Q38" s="193">
        <v>0</v>
      </c>
      <c r="R38" s="191">
        <v>0</v>
      </c>
      <c r="S38" s="191">
        <v>0</v>
      </c>
      <c r="T38" s="191">
        <v>0</v>
      </c>
      <c r="U38" s="191">
        <v>0</v>
      </c>
      <c r="V38" s="191">
        <v>0</v>
      </c>
      <c r="W38" s="196">
        <v>0</v>
      </c>
      <c r="X38" s="195">
        <v>0</v>
      </c>
      <c r="Y38" s="190">
        <v>0</v>
      </c>
      <c r="Z38" s="191">
        <v>2</v>
      </c>
      <c r="AA38" s="196">
        <v>2</v>
      </c>
      <c r="AB38" s="193">
        <v>0</v>
      </c>
      <c r="AC38" s="191">
        <v>1</v>
      </c>
      <c r="AD38" s="191">
        <v>3</v>
      </c>
      <c r="AE38" s="191">
        <v>0</v>
      </c>
      <c r="AF38" s="191">
        <v>2</v>
      </c>
      <c r="AG38" s="191">
        <v>0</v>
      </c>
      <c r="AH38" s="196">
        <v>6</v>
      </c>
      <c r="AI38" s="195">
        <v>8</v>
      </c>
      <c r="AJ38" s="190">
        <v>0</v>
      </c>
      <c r="AK38" s="191">
        <v>0</v>
      </c>
      <c r="AL38" s="196">
        <v>0</v>
      </c>
      <c r="AM38" s="193">
        <v>0</v>
      </c>
      <c r="AN38" s="191">
        <v>1</v>
      </c>
      <c r="AO38" s="191">
        <v>0</v>
      </c>
      <c r="AP38" s="191">
        <v>0</v>
      </c>
      <c r="AQ38" s="191">
        <v>0</v>
      </c>
      <c r="AR38" s="191">
        <v>0</v>
      </c>
      <c r="AS38" s="196">
        <v>1</v>
      </c>
      <c r="AT38" s="195">
        <v>1</v>
      </c>
      <c r="AU38" s="190">
        <v>1</v>
      </c>
      <c r="AV38" s="191">
        <v>0</v>
      </c>
      <c r="AW38" s="196">
        <v>1</v>
      </c>
      <c r="AX38" s="193">
        <v>0</v>
      </c>
      <c r="AY38" s="191">
        <v>3</v>
      </c>
      <c r="AZ38" s="191">
        <v>7</v>
      </c>
      <c r="BA38" s="191">
        <v>3</v>
      </c>
      <c r="BB38" s="191">
        <v>4</v>
      </c>
      <c r="BC38" s="191">
        <v>0</v>
      </c>
      <c r="BD38" s="194">
        <v>17</v>
      </c>
      <c r="BE38" s="195">
        <v>18</v>
      </c>
      <c r="BF38" s="190">
        <v>0</v>
      </c>
      <c r="BG38" s="191">
        <v>0</v>
      </c>
      <c r="BH38" s="196">
        <v>0</v>
      </c>
      <c r="BI38" s="193">
        <v>0</v>
      </c>
      <c r="BJ38" s="191">
        <v>1</v>
      </c>
      <c r="BK38" s="191">
        <v>5</v>
      </c>
      <c r="BL38" s="191">
        <v>0</v>
      </c>
      <c r="BM38" s="191">
        <v>2</v>
      </c>
      <c r="BN38" s="191">
        <v>0</v>
      </c>
      <c r="BO38" s="196">
        <v>8</v>
      </c>
      <c r="BP38" s="195">
        <v>8</v>
      </c>
      <c r="BQ38" s="190">
        <v>0</v>
      </c>
      <c r="BR38" s="191">
        <v>0</v>
      </c>
      <c r="BS38" s="196">
        <v>0</v>
      </c>
      <c r="BT38" s="193">
        <v>0</v>
      </c>
      <c r="BU38" s="191">
        <v>0</v>
      </c>
      <c r="BV38" s="191">
        <v>0</v>
      </c>
      <c r="BW38" s="191">
        <v>1</v>
      </c>
      <c r="BX38" s="191">
        <v>0</v>
      </c>
      <c r="BY38" s="191">
        <v>0</v>
      </c>
      <c r="BZ38" s="196">
        <v>1</v>
      </c>
      <c r="CA38" s="195">
        <v>1</v>
      </c>
      <c r="CB38" s="190">
        <v>0</v>
      </c>
      <c r="CC38" s="191">
        <v>0</v>
      </c>
      <c r="CD38" s="196">
        <v>0</v>
      </c>
      <c r="CE38" s="193">
        <v>0</v>
      </c>
      <c r="CF38" s="191">
        <v>0</v>
      </c>
      <c r="CG38" s="191">
        <v>2</v>
      </c>
      <c r="CH38" s="191">
        <v>0</v>
      </c>
      <c r="CI38" s="191">
        <v>1</v>
      </c>
      <c r="CJ38" s="191">
        <v>0</v>
      </c>
      <c r="CK38" s="196">
        <v>3</v>
      </c>
      <c r="CL38" s="195">
        <v>3</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c r="DI38" s="190">
        <v>0</v>
      </c>
      <c r="DJ38" s="191">
        <v>0</v>
      </c>
      <c r="DK38" s="196">
        <v>0</v>
      </c>
      <c r="DL38" s="193">
        <v>0</v>
      </c>
      <c r="DM38" s="191">
        <v>0</v>
      </c>
      <c r="DN38" s="191">
        <v>0</v>
      </c>
      <c r="DO38" s="191">
        <v>0</v>
      </c>
      <c r="DP38" s="191">
        <v>0</v>
      </c>
      <c r="DQ38" s="191">
        <v>0</v>
      </c>
      <c r="DR38" s="196">
        <v>0</v>
      </c>
      <c r="DS38" s="195">
        <v>0</v>
      </c>
      <c r="DT38" s="190">
        <v>1</v>
      </c>
      <c r="DU38" s="191">
        <v>2</v>
      </c>
      <c r="DV38" s="196">
        <v>3</v>
      </c>
      <c r="DW38" s="193">
        <v>0</v>
      </c>
      <c r="DX38" s="191">
        <v>4</v>
      </c>
      <c r="DY38" s="191">
        <v>11</v>
      </c>
      <c r="DZ38" s="191">
        <v>2</v>
      </c>
      <c r="EA38" s="191">
        <v>2</v>
      </c>
      <c r="EB38" s="191">
        <v>0</v>
      </c>
      <c r="EC38" s="196">
        <v>19</v>
      </c>
      <c r="ED38" s="195">
        <v>22</v>
      </c>
      <c r="EE38" s="190">
        <v>0</v>
      </c>
      <c r="EF38" s="191">
        <v>0</v>
      </c>
      <c r="EG38" s="196">
        <v>0</v>
      </c>
      <c r="EH38" s="193">
        <v>0</v>
      </c>
      <c r="EI38" s="191">
        <v>2</v>
      </c>
      <c r="EJ38" s="191">
        <v>2</v>
      </c>
      <c r="EK38" s="191">
        <v>1</v>
      </c>
      <c r="EL38" s="191">
        <v>2</v>
      </c>
      <c r="EM38" s="191">
        <v>0</v>
      </c>
      <c r="EN38" s="196">
        <v>7</v>
      </c>
      <c r="EO38" s="195">
        <v>7</v>
      </c>
      <c r="EP38" s="190">
        <v>0</v>
      </c>
      <c r="EQ38" s="191">
        <v>4</v>
      </c>
      <c r="ER38" s="196">
        <v>4</v>
      </c>
      <c r="ES38" s="193">
        <v>0</v>
      </c>
      <c r="ET38" s="191">
        <v>7</v>
      </c>
      <c r="EU38" s="191">
        <v>12</v>
      </c>
      <c r="EV38" s="191">
        <v>2</v>
      </c>
      <c r="EW38" s="191">
        <v>3</v>
      </c>
      <c r="EX38" s="191">
        <v>0</v>
      </c>
      <c r="EY38" s="196">
        <v>24</v>
      </c>
      <c r="EZ38" s="195">
        <v>28</v>
      </c>
    </row>
    <row r="39" spans="2:156" ht="21" customHeight="1" thickBot="1" x14ac:dyDescent="0.25">
      <c r="B39" s="108" t="s">
        <v>37</v>
      </c>
      <c r="C39" s="197">
        <v>0</v>
      </c>
      <c r="D39" s="198">
        <v>0</v>
      </c>
      <c r="E39" s="199">
        <v>0</v>
      </c>
      <c r="F39" s="200">
        <v>0</v>
      </c>
      <c r="G39" s="198">
        <v>0</v>
      </c>
      <c r="H39" s="198">
        <v>0</v>
      </c>
      <c r="I39" s="198">
        <v>0</v>
      </c>
      <c r="J39" s="198">
        <v>0</v>
      </c>
      <c r="K39" s="198">
        <v>1</v>
      </c>
      <c r="L39" s="201">
        <v>1</v>
      </c>
      <c r="M39" s="202">
        <v>1</v>
      </c>
      <c r="N39" s="197">
        <v>0</v>
      </c>
      <c r="O39" s="198">
        <v>0</v>
      </c>
      <c r="P39" s="203">
        <v>0</v>
      </c>
      <c r="Q39" s="200">
        <v>0</v>
      </c>
      <c r="R39" s="198">
        <v>0</v>
      </c>
      <c r="S39" s="198">
        <v>0</v>
      </c>
      <c r="T39" s="198">
        <v>0</v>
      </c>
      <c r="U39" s="198">
        <v>0</v>
      </c>
      <c r="V39" s="198">
        <v>0</v>
      </c>
      <c r="W39" s="203">
        <v>0</v>
      </c>
      <c r="X39" s="202">
        <v>0</v>
      </c>
      <c r="Y39" s="197">
        <v>0</v>
      </c>
      <c r="Z39" s="198">
        <v>0</v>
      </c>
      <c r="AA39" s="203">
        <v>0</v>
      </c>
      <c r="AB39" s="200">
        <v>0</v>
      </c>
      <c r="AC39" s="198">
        <v>0</v>
      </c>
      <c r="AD39" s="198">
        <v>1</v>
      </c>
      <c r="AE39" s="198">
        <v>0</v>
      </c>
      <c r="AF39" s="198">
        <v>0</v>
      </c>
      <c r="AG39" s="198">
        <v>1</v>
      </c>
      <c r="AH39" s="203">
        <v>2</v>
      </c>
      <c r="AI39" s="202">
        <v>2</v>
      </c>
      <c r="AJ39" s="197">
        <v>0</v>
      </c>
      <c r="AK39" s="198">
        <v>0</v>
      </c>
      <c r="AL39" s="203">
        <v>0</v>
      </c>
      <c r="AM39" s="200">
        <v>0</v>
      </c>
      <c r="AN39" s="198">
        <v>0</v>
      </c>
      <c r="AO39" s="198">
        <v>0</v>
      </c>
      <c r="AP39" s="198">
        <v>0</v>
      </c>
      <c r="AQ39" s="198">
        <v>0</v>
      </c>
      <c r="AR39" s="198">
        <v>0</v>
      </c>
      <c r="AS39" s="203">
        <v>0</v>
      </c>
      <c r="AT39" s="202">
        <v>0</v>
      </c>
      <c r="AU39" s="197">
        <v>0</v>
      </c>
      <c r="AV39" s="198">
        <v>0</v>
      </c>
      <c r="AW39" s="203">
        <v>0</v>
      </c>
      <c r="AX39" s="200">
        <v>0</v>
      </c>
      <c r="AY39" s="198">
        <v>0</v>
      </c>
      <c r="AZ39" s="198">
        <v>0</v>
      </c>
      <c r="BA39" s="198">
        <v>0</v>
      </c>
      <c r="BB39" s="198">
        <v>0</v>
      </c>
      <c r="BC39" s="198">
        <v>1</v>
      </c>
      <c r="BD39" s="201">
        <v>1</v>
      </c>
      <c r="BE39" s="202">
        <v>1</v>
      </c>
      <c r="BF39" s="197">
        <v>0</v>
      </c>
      <c r="BG39" s="198">
        <v>0</v>
      </c>
      <c r="BH39" s="203">
        <v>0</v>
      </c>
      <c r="BI39" s="200">
        <v>0</v>
      </c>
      <c r="BJ39" s="198">
        <v>0</v>
      </c>
      <c r="BK39" s="198">
        <v>1</v>
      </c>
      <c r="BL39" s="198">
        <v>0</v>
      </c>
      <c r="BM39" s="198">
        <v>0</v>
      </c>
      <c r="BN39" s="198">
        <v>0</v>
      </c>
      <c r="BO39" s="203">
        <v>1</v>
      </c>
      <c r="BP39" s="202">
        <v>1</v>
      </c>
      <c r="BQ39" s="197">
        <v>0</v>
      </c>
      <c r="BR39" s="198">
        <v>0</v>
      </c>
      <c r="BS39" s="203">
        <v>0</v>
      </c>
      <c r="BT39" s="200">
        <v>0</v>
      </c>
      <c r="BU39" s="198">
        <v>0</v>
      </c>
      <c r="BV39" s="198">
        <v>0</v>
      </c>
      <c r="BW39" s="198">
        <v>0</v>
      </c>
      <c r="BX39" s="198">
        <v>0</v>
      </c>
      <c r="BY39" s="198">
        <v>0</v>
      </c>
      <c r="BZ39" s="203">
        <v>0</v>
      </c>
      <c r="CA39" s="202">
        <v>0</v>
      </c>
      <c r="CB39" s="197">
        <v>0</v>
      </c>
      <c r="CC39" s="198">
        <v>0</v>
      </c>
      <c r="CD39" s="203">
        <v>0</v>
      </c>
      <c r="CE39" s="200">
        <v>0</v>
      </c>
      <c r="CF39" s="198">
        <v>0</v>
      </c>
      <c r="CG39" s="198">
        <v>0</v>
      </c>
      <c r="CH39" s="198">
        <v>0</v>
      </c>
      <c r="CI39" s="198">
        <v>0</v>
      </c>
      <c r="CJ39" s="198">
        <v>0</v>
      </c>
      <c r="CK39" s="203">
        <v>0</v>
      </c>
      <c r="CL39" s="202">
        <v>0</v>
      </c>
      <c r="CM39" s="197">
        <v>0</v>
      </c>
      <c r="CN39" s="198">
        <v>0</v>
      </c>
      <c r="CO39" s="203">
        <v>0</v>
      </c>
      <c r="CP39" s="200">
        <v>0</v>
      </c>
      <c r="CQ39" s="198">
        <v>0</v>
      </c>
      <c r="CR39" s="198">
        <v>0</v>
      </c>
      <c r="CS39" s="198">
        <v>0</v>
      </c>
      <c r="CT39" s="198">
        <v>0</v>
      </c>
      <c r="CU39" s="198">
        <v>1</v>
      </c>
      <c r="CV39" s="203">
        <v>1</v>
      </c>
      <c r="CW39" s="202">
        <v>1</v>
      </c>
      <c r="CX39" s="197">
        <v>0</v>
      </c>
      <c r="CY39" s="198">
        <v>0</v>
      </c>
      <c r="CZ39" s="203">
        <v>0</v>
      </c>
      <c r="DA39" s="200">
        <v>0</v>
      </c>
      <c r="DB39" s="198">
        <v>0</v>
      </c>
      <c r="DC39" s="198">
        <v>0</v>
      </c>
      <c r="DD39" s="198">
        <v>0</v>
      </c>
      <c r="DE39" s="198">
        <v>0</v>
      </c>
      <c r="DF39" s="198">
        <v>0</v>
      </c>
      <c r="DG39" s="203">
        <v>0</v>
      </c>
      <c r="DH39" s="202">
        <v>0</v>
      </c>
      <c r="DI39" s="197">
        <v>0</v>
      </c>
      <c r="DJ39" s="198">
        <v>0</v>
      </c>
      <c r="DK39" s="203">
        <v>0</v>
      </c>
      <c r="DL39" s="200">
        <v>0</v>
      </c>
      <c r="DM39" s="198">
        <v>0</v>
      </c>
      <c r="DN39" s="198">
        <v>0</v>
      </c>
      <c r="DO39" s="198">
        <v>0</v>
      </c>
      <c r="DP39" s="198">
        <v>0</v>
      </c>
      <c r="DQ39" s="198">
        <v>0</v>
      </c>
      <c r="DR39" s="203">
        <v>0</v>
      </c>
      <c r="DS39" s="202">
        <v>0</v>
      </c>
      <c r="DT39" s="197">
        <v>0</v>
      </c>
      <c r="DU39" s="198">
        <v>0</v>
      </c>
      <c r="DV39" s="203">
        <v>0</v>
      </c>
      <c r="DW39" s="200">
        <v>0</v>
      </c>
      <c r="DX39" s="198">
        <v>0</v>
      </c>
      <c r="DY39" s="198">
        <v>1</v>
      </c>
      <c r="DZ39" s="198">
        <v>0</v>
      </c>
      <c r="EA39" s="198">
        <v>0</v>
      </c>
      <c r="EB39" s="198">
        <v>1</v>
      </c>
      <c r="EC39" s="203">
        <v>2</v>
      </c>
      <c r="ED39" s="202">
        <v>2</v>
      </c>
      <c r="EE39" s="197">
        <v>0</v>
      </c>
      <c r="EF39" s="198">
        <v>0</v>
      </c>
      <c r="EG39" s="203">
        <v>0</v>
      </c>
      <c r="EH39" s="200">
        <v>0</v>
      </c>
      <c r="EI39" s="198">
        <v>0</v>
      </c>
      <c r="EJ39" s="198">
        <v>0</v>
      </c>
      <c r="EK39" s="198">
        <v>0</v>
      </c>
      <c r="EL39" s="198">
        <v>0</v>
      </c>
      <c r="EM39" s="198">
        <v>0</v>
      </c>
      <c r="EN39" s="203">
        <v>0</v>
      </c>
      <c r="EO39" s="202">
        <v>0</v>
      </c>
      <c r="EP39" s="197">
        <v>0</v>
      </c>
      <c r="EQ39" s="198">
        <v>0</v>
      </c>
      <c r="ER39" s="203">
        <v>0</v>
      </c>
      <c r="ES39" s="200">
        <v>0</v>
      </c>
      <c r="ET39" s="198">
        <v>0</v>
      </c>
      <c r="EU39" s="198">
        <v>1</v>
      </c>
      <c r="EV39" s="198">
        <v>0</v>
      </c>
      <c r="EW39" s="198">
        <v>0</v>
      </c>
      <c r="EX39" s="198">
        <v>1</v>
      </c>
      <c r="EY39" s="203">
        <v>2</v>
      </c>
      <c r="EZ39" s="202">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71" customWidth="1"/>
    <col min="2" max="2" width="9.77734375" style="175" customWidth="1"/>
    <col min="3" max="5" width="9" style="175"/>
    <col min="6" max="6" width="7.77734375" style="175" customWidth="1"/>
    <col min="7" max="7" width="9" style="175"/>
    <col min="8" max="8" width="10.6640625" style="175" customWidth="1"/>
    <col min="9" max="16" width="9" style="175"/>
    <col min="17" max="17" width="7.77734375" style="175" customWidth="1"/>
    <col min="18" max="27" width="9" style="175"/>
    <col min="28" max="28" width="6.88671875" style="175" customWidth="1"/>
    <col min="29" max="38" width="9" style="175"/>
    <col min="39" max="39" width="7.21875" style="175" customWidth="1"/>
    <col min="40" max="49" width="9" style="175"/>
    <col min="50" max="50" width="7.44140625" style="175" customWidth="1"/>
    <col min="51" max="60" width="9" style="175"/>
    <col min="61" max="61" width="7.6640625" style="175" customWidth="1"/>
    <col min="62" max="71" width="9" style="175"/>
    <col min="72" max="72" width="7.88671875" style="175" customWidth="1"/>
    <col min="73" max="82" width="9" style="175"/>
    <col min="83" max="83" width="7" style="175" customWidth="1"/>
    <col min="84" max="93" width="9" style="175"/>
    <col min="94" max="94" width="7.6640625" style="175" customWidth="1"/>
    <col min="95" max="16384" width="9" style="175"/>
  </cols>
  <sheetData>
    <row r="1" spans="2:112" ht="24" customHeight="1" x14ac:dyDescent="0.2">
      <c r="B1" s="142" t="s">
        <v>121</v>
      </c>
      <c r="J1" s="442">
        <f>第１表!F2</f>
        <v>6</v>
      </c>
      <c r="K1" s="442"/>
      <c r="L1" s="18">
        <f>第１表!G2</f>
        <v>11</v>
      </c>
      <c r="M1" s="447">
        <f>IF(L1&lt;3,L1+12-2,L1-2)</f>
        <v>9</v>
      </c>
      <c r="N1" s="447"/>
    </row>
    <row r="2" spans="2:112" ht="24" customHeight="1" thickBot="1" x14ac:dyDescent="0.25">
      <c r="B2" s="142" t="s">
        <v>136</v>
      </c>
    </row>
    <row r="3" spans="2:112" ht="21" customHeight="1" thickBot="1" x14ac:dyDescent="0.25">
      <c r="B3" s="484"/>
      <c r="C3" s="487" t="s">
        <v>111</v>
      </c>
      <c r="D3" s="487"/>
      <c r="E3" s="487"/>
      <c r="F3" s="487"/>
      <c r="G3" s="487"/>
      <c r="H3" s="487"/>
      <c r="I3" s="487"/>
      <c r="J3" s="487"/>
      <c r="K3" s="487"/>
      <c r="L3" s="487"/>
      <c r="M3" s="488"/>
      <c r="N3" s="482" t="s">
        <v>110</v>
      </c>
      <c r="O3" s="482"/>
      <c r="P3" s="482"/>
      <c r="Q3" s="482"/>
      <c r="R3" s="482"/>
      <c r="S3" s="482"/>
      <c r="T3" s="482"/>
      <c r="U3" s="482"/>
      <c r="V3" s="482"/>
      <c r="W3" s="482"/>
      <c r="X3" s="483"/>
      <c r="Y3" s="481" t="s">
        <v>109</v>
      </c>
      <c r="Z3" s="482"/>
      <c r="AA3" s="482"/>
      <c r="AB3" s="482"/>
      <c r="AC3" s="482"/>
      <c r="AD3" s="482"/>
      <c r="AE3" s="482"/>
      <c r="AF3" s="482"/>
      <c r="AG3" s="482"/>
      <c r="AH3" s="482"/>
      <c r="AI3" s="483"/>
      <c r="AJ3" s="481" t="s">
        <v>108</v>
      </c>
      <c r="AK3" s="482"/>
      <c r="AL3" s="482"/>
      <c r="AM3" s="482"/>
      <c r="AN3" s="482"/>
      <c r="AO3" s="482"/>
      <c r="AP3" s="482"/>
      <c r="AQ3" s="482"/>
      <c r="AR3" s="482"/>
      <c r="AS3" s="482"/>
      <c r="AT3" s="483"/>
      <c r="AU3" s="481" t="s">
        <v>107</v>
      </c>
      <c r="AV3" s="482"/>
      <c r="AW3" s="482"/>
      <c r="AX3" s="482"/>
      <c r="AY3" s="482"/>
      <c r="AZ3" s="482"/>
      <c r="BA3" s="482"/>
      <c r="BB3" s="482"/>
      <c r="BC3" s="482"/>
      <c r="BD3" s="482"/>
      <c r="BE3" s="483"/>
      <c r="BF3" s="481" t="s">
        <v>106</v>
      </c>
      <c r="BG3" s="482"/>
      <c r="BH3" s="482"/>
      <c r="BI3" s="482"/>
      <c r="BJ3" s="482"/>
      <c r="BK3" s="482"/>
      <c r="BL3" s="482"/>
      <c r="BM3" s="482"/>
      <c r="BN3" s="482"/>
      <c r="BO3" s="482"/>
      <c r="BP3" s="483"/>
      <c r="BQ3" s="481" t="s">
        <v>105</v>
      </c>
      <c r="BR3" s="482"/>
      <c r="BS3" s="482"/>
      <c r="BT3" s="482"/>
      <c r="BU3" s="482"/>
      <c r="BV3" s="482"/>
      <c r="BW3" s="482"/>
      <c r="BX3" s="482"/>
      <c r="BY3" s="482"/>
      <c r="BZ3" s="482"/>
      <c r="CA3" s="483"/>
      <c r="CB3" s="481" t="s">
        <v>125</v>
      </c>
      <c r="CC3" s="482"/>
      <c r="CD3" s="482"/>
      <c r="CE3" s="482"/>
      <c r="CF3" s="482"/>
      <c r="CG3" s="482"/>
      <c r="CH3" s="482"/>
      <c r="CI3" s="482"/>
      <c r="CJ3" s="482"/>
      <c r="CK3" s="482"/>
      <c r="CL3" s="483"/>
      <c r="CM3" s="481" t="s">
        <v>104</v>
      </c>
      <c r="CN3" s="482"/>
      <c r="CO3" s="482"/>
      <c r="CP3" s="482"/>
      <c r="CQ3" s="482"/>
      <c r="CR3" s="482"/>
      <c r="CS3" s="482"/>
      <c r="CT3" s="482"/>
      <c r="CU3" s="482"/>
      <c r="CV3" s="482"/>
      <c r="CW3" s="483"/>
      <c r="CX3" s="481" t="s">
        <v>157</v>
      </c>
      <c r="CY3" s="482"/>
      <c r="CZ3" s="482"/>
      <c r="DA3" s="482"/>
      <c r="DB3" s="482"/>
      <c r="DC3" s="482"/>
      <c r="DD3" s="482"/>
      <c r="DE3" s="482"/>
      <c r="DF3" s="482"/>
      <c r="DG3" s="482"/>
      <c r="DH3" s="483"/>
    </row>
    <row r="4" spans="2:112" ht="21" customHeight="1" x14ac:dyDescent="0.2">
      <c r="B4" s="485"/>
      <c r="C4" s="489" t="s">
        <v>61</v>
      </c>
      <c r="D4" s="466"/>
      <c r="E4" s="467"/>
      <c r="F4" s="468" t="s">
        <v>62</v>
      </c>
      <c r="G4" s="466"/>
      <c r="H4" s="466"/>
      <c r="I4" s="466"/>
      <c r="J4" s="466"/>
      <c r="K4" s="466"/>
      <c r="L4" s="471"/>
      <c r="M4" s="469" t="s">
        <v>52</v>
      </c>
      <c r="N4" s="489" t="s">
        <v>61</v>
      </c>
      <c r="O4" s="466"/>
      <c r="P4" s="467"/>
      <c r="Q4" s="468" t="s">
        <v>62</v>
      </c>
      <c r="R4" s="466"/>
      <c r="S4" s="466"/>
      <c r="T4" s="466"/>
      <c r="U4" s="466"/>
      <c r="V4" s="466"/>
      <c r="W4" s="467"/>
      <c r="X4" s="469" t="s">
        <v>52</v>
      </c>
      <c r="Y4" s="465" t="s">
        <v>61</v>
      </c>
      <c r="Z4" s="466"/>
      <c r="AA4" s="471"/>
      <c r="AB4" s="468" t="s">
        <v>62</v>
      </c>
      <c r="AC4" s="466"/>
      <c r="AD4" s="466"/>
      <c r="AE4" s="466"/>
      <c r="AF4" s="466"/>
      <c r="AG4" s="466"/>
      <c r="AH4" s="467"/>
      <c r="AI4" s="469" t="s">
        <v>52</v>
      </c>
      <c r="AJ4" s="465" t="s">
        <v>61</v>
      </c>
      <c r="AK4" s="466"/>
      <c r="AL4" s="467"/>
      <c r="AM4" s="468" t="s">
        <v>62</v>
      </c>
      <c r="AN4" s="466"/>
      <c r="AO4" s="466"/>
      <c r="AP4" s="466"/>
      <c r="AQ4" s="466"/>
      <c r="AR4" s="466"/>
      <c r="AS4" s="467"/>
      <c r="AT4" s="469" t="s">
        <v>52</v>
      </c>
      <c r="AU4" s="465" t="s">
        <v>61</v>
      </c>
      <c r="AV4" s="466"/>
      <c r="AW4" s="471"/>
      <c r="AX4" s="468" t="s">
        <v>62</v>
      </c>
      <c r="AY4" s="466"/>
      <c r="AZ4" s="466"/>
      <c r="BA4" s="466"/>
      <c r="BB4" s="466"/>
      <c r="BC4" s="466"/>
      <c r="BD4" s="471"/>
      <c r="BE4" s="469" t="s">
        <v>52</v>
      </c>
      <c r="BF4" s="465" t="s">
        <v>61</v>
      </c>
      <c r="BG4" s="466"/>
      <c r="BH4" s="467"/>
      <c r="BI4" s="468" t="s">
        <v>62</v>
      </c>
      <c r="BJ4" s="466"/>
      <c r="BK4" s="466"/>
      <c r="BL4" s="466"/>
      <c r="BM4" s="466"/>
      <c r="BN4" s="466"/>
      <c r="BO4" s="467"/>
      <c r="BP4" s="469" t="s">
        <v>52</v>
      </c>
      <c r="BQ4" s="465" t="s">
        <v>61</v>
      </c>
      <c r="BR4" s="466"/>
      <c r="BS4" s="467"/>
      <c r="BT4" s="468" t="s">
        <v>62</v>
      </c>
      <c r="BU4" s="466"/>
      <c r="BV4" s="466"/>
      <c r="BW4" s="466"/>
      <c r="BX4" s="466"/>
      <c r="BY4" s="466"/>
      <c r="BZ4" s="467"/>
      <c r="CA4" s="469" t="s">
        <v>52</v>
      </c>
      <c r="CB4" s="465" t="s">
        <v>61</v>
      </c>
      <c r="CC4" s="466"/>
      <c r="CD4" s="467"/>
      <c r="CE4" s="468" t="s">
        <v>62</v>
      </c>
      <c r="CF4" s="466"/>
      <c r="CG4" s="466"/>
      <c r="CH4" s="466"/>
      <c r="CI4" s="466"/>
      <c r="CJ4" s="466"/>
      <c r="CK4" s="467"/>
      <c r="CL4" s="469" t="s">
        <v>52</v>
      </c>
      <c r="CM4" s="465" t="s">
        <v>61</v>
      </c>
      <c r="CN4" s="466"/>
      <c r="CO4" s="467"/>
      <c r="CP4" s="468" t="s">
        <v>62</v>
      </c>
      <c r="CQ4" s="466"/>
      <c r="CR4" s="466"/>
      <c r="CS4" s="466"/>
      <c r="CT4" s="466"/>
      <c r="CU4" s="466"/>
      <c r="CV4" s="467"/>
      <c r="CW4" s="469" t="s">
        <v>52</v>
      </c>
      <c r="CX4" s="465" t="s">
        <v>61</v>
      </c>
      <c r="CY4" s="466"/>
      <c r="CZ4" s="467"/>
      <c r="DA4" s="468" t="s">
        <v>62</v>
      </c>
      <c r="DB4" s="466"/>
      <c r="DC4" s="466"/>
      <c r="DD4" s="466"/>
      <c r="DE4" s="466"/>
      <c r="DF4" s="466"/>
      <c r="DG4" s="467"/>
      <c r="DH4" s="469" t="s">
        <v>52</v>
      </c>
    </row>
    <row r="5" spans="2:112" ht="30" customHeight="1" thickBot="1" x14ac:dyDescent="0.25">
      <c r="B5" s="486"/>
      <c r="C5" s="204" t="s">
        <v>43</v>
      </c>
      <c r="D5" s="178" t="s">
        <v>44</v>
      </c>
      <c r="E5" s="179" t="s">
        <v>45</v>
      </c>
      <c r="F5" s="180" t="s">
        <v>83</v>
      </c>
      <c r="G5" s="178" t="s">
        <v>47</v>
      </c>
      <c r="H5" s="178" t="s">
        <v>48</v>
      </c>
      <c r="I5" s="178" t="s">
        <v>49</v>
      </c>
      <c r="J5" s="178" t="s">
        <v>50</v>
      </c>
      <c r="K5" s="178" t="s">
        <v>51</v>
      </c>
      <c r="L5" s="181" t="s">
        <v>45</v>
      </c>
      <c r="M5" s="470"/>
      <c r="N5" s="204" t="s">
        <v>43</v>
      </c>
      <c r="O5" s="178" t="s">
        <v>44</v>
      </c>
      <c r="P5" s="182" t="s">
        <v>45</v>
      </c>
      <c r="Q5" s="180" t="s">
        <v>83</v>
      </c>
      <c r="R5" s="178" t="s">
        <v>47</v>
      </c>
      <c r="S5" s="178" t="s">
        <v>48</v>
      </c>
      <c r="T5" s="178" t="s">
        <v>49</v>
      </c>
      <c r="U5" s="178" t="s">
        <v>50</v>
      </c>
      <c r="V5" s="178" t="s">
        <v>51</v>
      </c>
      <c r="W5" s="182" t="s">
        <v>45</v>
      </c>
      <c r="X5" s="470"/>
      <c r="Y5" s="177" t="s">
        <v>43</v>
      </c>
      <c r="Z5" s="178" t="s">
        <v>44</v>
      </c>
      <c r="AA5" s="181" t="s">
        <v>45</v>
      </c>
      <c r="AB5" s="180" t="s">
        <v>83</v>
      </c>
      <c r="AC5" s="178" t="s">
        <v>47</v>
      </c>
      <c r="AD5" s="178" t="s">
        <v>48</v>
      </c>
      <c r="AE5" s="178" t="s">
        <v>49</v>
      </c>
      <c r="AF5" s="178" t="s">
        <v>50</v>
      </c>
      <c r="AG5" s="178" t="s">
        <v>51</v>
      </c>
      <c r="AH5" s="182" t="s">
        <v>45</v>
      </c>
      <c r="AI5" s="470"/>
      <c r="AJ5" s="177" t="s">
        <v>43</v>
      </c>
      <c r="AK5" s="178" t="s">
        <v>44</v>
      </c>
      <c r="AL5" s="182" t="s">
        <v>45</v>
      </c>
      <c r="AM5" s="180" t="s">
        <v>83</v>
      </c>
      <c r="AN5" s="178" t="s">
        <v>47</v>
      </c>
      <c r="AO5" s="178" t="s">
        <v>48</v>
      </c>
      <c r="AP5" s="178" t="s">
        <v>49</v>
      </c>
      <c r="AQ5" s="178" t="s">
        <v>50</v>
      </c>
      <c r="AR5" s="178" t="s">
        <v>51</v>
      </c>
      <c r="AS5" s="182" t="s">
        <v>45</v>
      </c>
      <c r="AT5" s="470"/>
      <c r="AU5" s="177" t="s">
        <v>43</v>
      </c>
      <c r="AV5" s="178" t="s">
        <v>44</v>
      </c>
      <c r="AW5" s="181" t="s">
        <v>45</v>
      </c>
      <c r="AX5" s="180" t="s">
        <v>83</v>
      </c>
      <c r="AY5" s="178" t="s">
        <v>47</v>
      </c>
      <c r="AZ5" s="178" t="s">
        <v>48</v>
      </c>
      <c r="BA5" s="178" t="s">
        <v>49</v>
      </c>
      <c r="BB5" s="178" t="s">
        <v>50</v>
      </c>
      <c r="BC5" s="178" t="s">
        <v>51</v>
      </c>
      <c r="BD5" s="181" t="s">
        <v>45</v>
      </c>
      <c r="BE5" s="470"/>
      <c r="BF5" s="177" t="s">
        <v>43</v>
      </c>
      <c r="BG5" s="178" t="s">
        <v>44</v>
      </c>
      <c r="BH5" s="182" t="s">
        <v>45</v>
      </c>
      <c r="BI5" s="180" t="s">
        <v>83</v>
      </c>
      <c r="BJ5" s="178" t="s">
        <v>47</v>
      </c>
      <c r="BK5" s="178" t="s">
        <v>48</v>
      </c>
      <c r="BL5" s="178" t="s">
        <v>49</v>
      </c>
      <c r="BM5" s="178" t="s">
        <v>50</v>
      </c>
      <c r="BN5" s="178" t="s">
        <v>51</v>
      </c>
      <c r="BO5" s="182" t="s">
        <v>45</v>
      </c>
      <c r="BP5" s="470"/>
      <c r="BQ5" s="177" t="s">
        <v>43</v>
      </c>
      <c r="BR5" s="178" t="s">
        <v>44</v>
      </c>
      <c r="BS5" s="182" t="s">
        <v>45</v>
      </c>
      <c r="BT5" s="180" t="s">
        <v>83</v>
      </c>
      <c r="BU5" s="178" t="s">
        <v>47</v>
      </c>
      <c r="BV5" s="178" t="s">
        <v>48</v>
      </c>
      <c r="BW5" s="178" t="s">
        <v>49</v>
      </c>
      <c r="BX5" s="178" t="s">
        <v>50</v>
      </c>
      <c r="BY5" s="178" t="s">
        <v>51</v>
      </c>
      <c r="BZ5" s="182" t="s">
        <v>45</v>
      </c>
      <c r="CA5" s="470"/>
      <c r="CB5" s="177" t="s">
        <v>43</v>
      </c>
      <c r="CC5" s="178" t="s">
        <v>44</v>
      </c>
      <c r="CD5" s="182" t="s">
        <v>45</v>
      </c>
      <c r="CE5" s="180" t="s">
        <v>83</v>
      </c>
      <c r="CF5" s="178" t="s">
        <v>47</v>
      </c>
      <c r="CG5" s="178" t="s">
        <v>48</v>
      </c>
      <c r="CH5" s="178" t="s">
        <v>49</v>
      </c>
      <c r="CI5" s="178" t="s">
        <v>50</v>
      </c>
      <c r="CJ5" s="178" t="s">
        <v>51</v>
      </c>
      <c r="CK5" s="182" t="s">
        <v>45</v>
      </c>
      <c r="CL5" s="470"/>
      <c r="CM5" s="177" t="s">
        <v>43</v>
      </c>
      <c r="CN5" s="178" t="s">
        <v>44</v>
      </c>
      <c r="CO5" s="182" t="s">
        <v>45</v>
      </c>
      <c r="CP5" s="180" t="s">
        <v>83</v>
      </c>
      <c r="CQ5" s="178" t="s">
        <v>47</v>
      </c>
      <c r="CR5" s="178" t="s">
        <v>48</v>
      </c>
      <c r="CS5" s="178" t="s">
        <v>49</v>
      </c>
      <c r="CT5" s="178" t="s">
        <v>50</v>
      </c>
      <c r="CU5" s="178" t="s">
        <v>51</v>
      </c>
      <c r="CV5" s="182" t="s">
        <v>45</v>
      </c>
      <c r="CW5" s="470"/>
      <c r="CX5" s="177" t="s">
        <v>43</v>
      </c>
      <c r="CY5" s="178" t="s">
        <v>44</v>
      </c>
      <c r="CZ5" s="182" t="s">
        <v>45</v>
      </c>
      <c r="DA5" s="180" t="s">
        <v>83</v>
      </c>
      <c r="DB5" s="178" t="s">
        <v>47</v>
      </c>
      <c r="DC5" s="178" t="s">
        <v>48</v>
      </c>
      <c r="DD5" s="178" t="s">
        <v>49</v>
      </c>
      <c r="DE5" s="178" t="s">
        <v>50</v>
      </c>
      <c r="DF5" s="178" t="s">
        <v>51</v>
      </c>
      <c r="DG5" s="182" t="s">
        <v>45</v>
      </c>
      <c r="DH5" s="470"/>
    </row>
    <row r="6" spans="2:112" ht="21" customHeight="1" x14ac:dyDescent="0.2">
      <c r="B6" s="84" t="s">
        <v>4</v>
      </c>
      <c r="C6" s="183">
        <v>0</v>
      </c>
      <c r="D6" s="184">
        <v>0</v>
      </c>
      <c r="E6" s="185">
        <v>0</v>
      </c>
      <c r="F6" s="186">
        <v>0</v>
      </c>
      <c r="G6" s="184">
        <v>213035</v>
      </c>
      <c r="H6" s="184">
        <v>367111</v>
      </c>
      <c r="I6" s="184">
        <v>392200</v>
      </c>
      <c r="J6" s="184">
        <v>477166</v>
      </c>
      <c r="K6" s="184">
        <v>441729</v>
      </c>
      <c r="L6" s="187">
        <v>1891241</v>
      </c>
      <c r="M6" s="188">
        <v>1891241</v>
      </c>
      <c r="N6" s="183">
        <v>9</v>
      </c>
      <c r="O6" s="184">
        <v>80</v>
      </c>
      <c r="P6" s="189">
        <v>89</v>
      </c>
      <c r="Q6" s="186">
        <v>0</v>
      </c>
      <c r="R6" s="184">
        <v>379</v>
      </c>
      <c r="S6" s="184">
        <v>1728</v>
      </c>
      <c r="T6" s="184">
        <v>3491</v>
      </c>
      <c r="U6" s="184">
        <v>9617</v>
      </c>
      <c r="V6" s="184">
        <v>18000</v>
      </c>
      <c r="W6" s="189">
        <v>33215</v>
      </c>
      <c r="X6" s="188">
        <v>33304</v>
      </c>
      <c r="Y6" s="183">
        <v>14638</v>
      </c>
      <c r="Z6" s="184">
        <v>47903</v>
      </c>
      <c r="AA6" s="189">
        <v>62541</v>
      </c>
      <c r="AB6" s="186">
        <v>0</v>
      </c>
      <c r="AC6" s="184">
        <v>116025</v>
      </c>
      <c r="AD6" s="184">
        <v>194586</v>
      </c>
      <c r="AE6" s="184">
        <v>116533</v>
      </c>
      <c r="AF6" s="184">
        <v>96209</v>
      </c>
      <c r="AG6" s="184">
        <v>78988</v>
      </c>
      <c r="AH6" s="189">
        <v>602341</v>
      </c>
      <c r="AI6" s="188">
        <v>664882</v>
      </c>
      <c r="AJ6" s="183">
        <v>2512</v>
      </c>
      <c r="AK6" s="184">
        <v>9222</v>
      </c>
      <c r="AL6" s="189">
        <v>11734</v>
      </c>
      <c r="AM6" s="186">
        <v>0</v>
      </c>
      <c r="AN6" s="184">
        <v>13839</v>
      </c>
      <c r="AO6" s="184">
        <v>22336</v>
      </c>
      <c r="AP6" s="184">
        <v>13904</v>
      </c>
      <c r="AQ6" s="184">
        <v>11071</v>
      </c>
      <c r="AR6" s="184">
        <v>7559</v>
      </c>
      <c r="AS6" s="189">
        <v>68709</v>
      </c>
      <c r="AT6" s="188">
        <v>80443</v>
      </c>
      <c r="AU6" s="183">
        <v>0</v>
      </c>
      <c r="AV6" s="184">
        <v>0</v>
      </c>
      <c r="AW6" s="189">
        <v>0</v>
      </c>
      <c r="AX6" s="186">
        <v>0</v>
      </c>
      <c r="AY6" s="184">
        <v>190520</v>
      </c>
      <c r="AZ6" s="184">
        <v>201758</v>
      </c>
      <c r="BA6" s="184">
        <v>119233</v>
      </c>
      <c r="BB6" s="184">
        <v>67699</v>
      </c>
      <c r="BC6" s="184">
        <v>32193</v>
      </c>
      <c r="BD6" s="187">
        <v>611403</v>
      </c>
      <c r="BE6" s="188">
        <v>611403</v>
      </c>
      <c r="BF6" s="183">
        <v>0</v>
      </c>
      <c r="BG6" s="184">
        <v>0</v>
      </c>
      <c r="BH6" s="189">
        <v>0</v>
      </c>
      <c r="BI6" s="186">
        <v>0</v>
      </c>
      <c r="BJ6" s="184">
        <v>31340</v>
      </c>
      <c r="BK6" s="184">
        <v>46736</v>
      </c>
      <c r="BL6" s="184">
        <v>28130</v>
      </c>
      <c r="BM6" s="184">
        <v>17222</v>
      </c>
      <c r="BN6" s="184">
        <v>6315</v>
      </c>
      <c r="BO6" s="189">
        <v>129743</v>
      </c>
      <c r="BP6" s="188">
        <v>129743</v>
      </c>
      <c r="BQ6" s="183">
        <v>328</v>
      </c>
      <c r="BR6" s="184">
        <v>1228</v>
      </c>
      <c r="BS6" s="189">
        <v>1556</v>
      </c>
      <c r="BT6" s="186">
        <v>0</v>
      </c>
      <c r="BU6" s="184">
        <v>17190</v>
      </c>
      <c r="BV6" s="184">
        <v>33038</v>
      </c>
      <c r="BW6" s="184">
        <v>54172</v>
      </c>
      <c r="BX6" s="184">
        <v>41057</v>
      </c>
      <c r="BY6" s="184">
        <v>21039</v>
      </c>
      <c r="BZ6" s="189">
        <v>166496</v>
      </c>
      <c r="CA6" s="188">
        <v>168052</v>
      </c>
      <c r="CB6" s="183">
        <v>25</v>
      </c>
      <c r="CC6" s="184">
        <v>103</v>
      </c>
      <c r="CD6" s="189">
        <v>128</v>
      </c>
      <c r="CE6" s="186">
        <v>0</v>
      </c>
      <c r="CF6" s="184">
        <v>1291</v>
      </c>
      <c r="CG6" s="184">
        <v>3039</v>
      </c>
      <c r="CH6" s="184">
        <v>3994</v>
      </c>
      <c r="CI6" s="184">
        <v>3933</v>
      </c>
      <c r="CJ6" s="184">
        <v>2848</v>
      </c>
      <c r="CK6" s="189">
        <v>15105</v>
      </c>
      <c r="CL6" s="188">
        <v>15233</v>
      </c>
      <c r="CM6" s="183">
        <v>0</v>
      </c>
      <c r="CN6" s="184">
        <v>0</v>
      </c>
      <c r="CO6" s="189">
        <v>0</v>
      </c>
      <c r="CP6" s="186">
        <v>0</v>
      </c>
      <c r="CQ6" s="184">
        <v>0</v>
      </c>
      <c r="CR6" s="184">
        <v>0</v>
      </c>
      <c r="CS6" s="184">
        <v>0</v>
      </c>
      <c r="CT6" s="184">
        <v>0</v>
      </c>
      <c r="CU6" s="184">
        <v>0</v>
      </c>
      <c r="CV6" s="189">
        <v>0</v>
      </c>
      <c r="CW6" s="188">
        <v>0</v>
      </c>
      <c r="CX6" s="183">
        <v>0</v>
      </c>
      <c r="CY6" s="184">
        <v>0</v>
      </c>
      <c r="CZ6" s="189">
        <v>0</v>
      </c>
      <c r="DA6" s="186">
        <v>0</v>
      </c>
      <c r="DB6" s="184">
        <v>0</v>
      </c>
      <c r="DC6" s="184">
        <v>0</v>
      </c>
      <c r="DD6" s="184">
        <v>0</v>
      </c>
      <c r="DE6" s="184">
        <v>0</v>
      </c>
      <c r="DF6" s="184">
        <v>0</v>
      </c>
      <c r="DG6" s="189">
        <v>0</v>
      </c>
      <c r="DH6" s="188">
        <v>0</v>
      </c>
    </row>
    <row r="7" spans="2:112" ht="21" customHeight="1" x14ac:dyDescent="0.2">
      <c r="B7" s="95" t="s">
        <v>5</v>
      </c>
      <c r="C7" s="190">
        <v>0</v>
      </c>
      <c r="D7" s="191">
        <v>0</v>
      </c>
      <c r="E7" s="192">
        <v>0</v>
      </c>
      <c r="F7" s="193">
        <v>0</v>
      </c>
      <c r="G7" s="191">
        <v>69191</v>
      </c>
      <c r="H7" s="191">
        <v>153081</v>
      </c>
      <c r="I7" s="191">
        <v>139342</v>
      </c>
      <c r="J7" s="191">
        <v>167613</v>
      </c>
      <c r="K7" s="191">
        <v>161449</v>
      </c>
      <c r="L7" s="194">
        <v>690676</v>
      </c>
      <c r="M7" s="195">
        <v>690676</v>
      </c>
      <c r="N7" s="190">
        <v>0</v>
      </c>
      <c r="O7" s="191">
        <v>53</v>
      </c>
      <c r="P7" s="196">
        <v>53</v>
      </c>
      <c r="Q7" s="193">
        <v>0</v>
      </c>
      <c r="R7" s="191">
        <v>81</v>
      </c>
      <c r="S7" s="191">
        <v>589</v>
      </c>
      <c r="T7" s="191">
        <v>1324</v>
      </c>
      <c r="U7" s="191">
        <v>3784</v>
      </c>
      <c r="V7" s="191">
        <v>7989</v>
      </c>
      <c r="W7" s="196">
        <v>13767</v>
      </c>
      <c r="X7" s="195">
        <v>13820</v>
      </c>
      <c r="Y7" s="190">
        <v>5999</v>
      </c>
      <c r="Z7" s="191">
        <v>25275</v>
      </c>
      <c r="AA7" s="196">
        <v>31274</v>
      </c>
      <c r="AB7" s="193">
        <v>0</v>
      </c>
      <c r="AC7" s="191">
        <v>40926</v>
      </c>
      <c r="AD7" s="191">
        <v>102791</v>
      </c>
      <c r="AE7" s="191">
        <v>57572</v>
      </c>
      <c r="AF7" s="191">
        <v>45545</v>
      </c>
      <c r="AG7" s="191">
        <v>35655</v>
      </c>
      <c r="AH7" s="196">
        <v>282489</v>
      </c>
      <c r="AI7" s="195">
        <v>313763</v>
      </c>
      <c r="AJ7" s="190">
        <v>869</v>
      </c>
      <c r="AK7" s="191">
        <v>4716</v>
      </c>
      <c r="AL7" s="196">
        <v>5585</v>
      </c>
      <c r="AM7" s="193">
        <v>0</v>
      </c>
      <c r="AN7" s="191">
        <v>3338</v>
      </c>
      <c r="AO7" s="191">
        <v>9350</v>
      </c>
      <c r="AP7" s="191">
        <v>5925</v>
      </c>
      <c r="AQ7" s="191">
        <v>4558</v>
      </c>
      <c r="AR7" s="191">
        <v>3222</v>
      </c>
      <c r="AS7" s="196">
        <v>26393</v>
      </c>
      <c r="AT7" s="195">
        <v>31978</v>
      </c>
      <c r="AU7" s="190">
        <v>0</v>
      </c>
      <c r="AV7" s="191">
        <v>0</v>
      </c>
      <c r="AW7" s="196">
        <v>0</v>
      </c>
      <c r="AX7" s="193">
        <v>0</v>
      </c>
      <c r="AY7" s="191">
        <v>58810</v>
      </c>
      <c r="AZ7" s="191">
        <v>81338</v>
      </c>
      <c r="BA7" s="191">
        <v>41892</v>
      </c>
      <c r="BB7" s="191">
        <v>22336</v>
      </c>
      <c r="BC7" s="191">
        <v>10607</v>
      </c>
      <c r="BD7" s="194">
        <v>214983</v>
      </c>
      <c r="BE7" s="195">
        <v>214983</v>
      </c>
      <c r="BF7" s="190">
        <v>0</v>
      </c>
      <c r="BG7" s="191">
        <v>0</v>
      </c>
      <c r="BH7" s="196">
        <v>0</v>
      </c>
      <c r="BI7" s="193">
        <v>0</v>
      </c>
      <c r="BJ7" s="191">
        <v>9010</v>
      </c>
      <c r="BK7" s="191">
        <v>20613</v>
      </c>
      <c r="BL7" s="191">
        <v>12251</v>
      </c>
      <c r="BM7" s="191">
        <v>7470</v>
      </c>
      <c r="BN7" s="191">
        <v>2502</v>
      </c>
      <c r="BO7" s="196">
        <v>51846</v>
      </c>
      <c r="BP7" s="195">
        <v>51846</v>
      </c>
      <c r="BQ7" s="190">
        <v>110</v>
      </c>
      <c r="BR7" s="191">
        <v>517</v>
      </c>
      <c r="BS7" s="196">
        <v>627</v>
      </c>
      <c r="BT7" s="193">
        <v>0</v>
      </c>
      <c r="BU7" s="191">
        <v>5370</v>
      </c>
      <c r="BV7" s="191">
        <v>12914</v>
      </c>
      <c r="BW7" s="191">
        <v>20322</v>
      </c>
      <c r="BX7" s="191">
        <v>14067</v>
      </c>
      <c r="BY7" s="191">
        <v>8176</v>
      </c>
      <c r="BZ7" s="196">
        <v>60849</v>
      </c>
      <c r="CA7" s="195">
        <v>61476</v>
      </c>
      <c r="CB7" s="190">
        <v>14</v>
      </c>
      <c r="CC7" s="191">
        <v>68</v>
      </c>
      <c r="CD7" s="196">
        <v>82</v>
      </c>
      <c r="CE7" s="193">
        <v>0</v>
      </c>
      <c r="CF7" s="191">
        <v>466</v>
      </c>
      <c r="CG7" s="191">
        <v>1693</v>
      </c>
      <c r="CH7" s="191">
        <v>2421</v>
      </c>
      <c r="CI7" s="191">
        <v>2294</v>
      </c>
      <c r="CJ7" s="191">
        <v>1602</v>
      </c>
      <c r="CK7" s="196">
        <v>8476</v>
      </c>
      <c r="CL7" s="195">
        <v>8558</v>
      </c>
      <c r="CM7" s="190">
        <v>0</v>
      </c>
      <c r="CN7" s="191">
        <v>0</v>
      </c>
      <c r="CO7" s="196">
        <v>0</v>
      </c>
      <c r="CP7" s="193">
        <v>0</v>
      </c>
      <c r="CQ7" s="191">
        <v>0</v>
      </c>
      <c r="CR7" s="191">
        <v>0</v>
      </c>
      <c r="CS7" s="191">
        <v>0</v>
      </c>
      <c r="CT7" s="191">
        <v>0</v>
      </c>
      <c r="CU7" s="191">
        <v>0</v>
      </c>
      <c r="CV7" s="196">
        <v>0</v>
      </c>
      <c r="CW7" s="195">
        <v>0</v>
      </c>
      <c r="CX7" s="190">
        <v>0</v>
      </c>
      <c r="CY7" s="191">
        <v>0</v>
      </c>
      <c r="CZ7" s="196">
        <v>0</v>
      </c>
      <c r="DA7" s="193">
        <v>0</v>
      </c>
      <c r="DB7" s="191">
        <v>0</v>
      </c>
      <c r="DC7" s="191">
        <v>0</v>
      </c>
      <c r="DD7" s="191">
        <v>0</v>
      </c>
      <c r="DE7" s="191">
        <v>0</v>
      </c>
      <c r="DF7" s="191">
        <v>0</v>
      </c>
      <c r="DG7" s="196">
        <v>0</v>
      </c>
      <c r="DH7" s="195">
        <v>0</v>
      </c>
    </row>
    <row r="8" spans="2:112" ht="21" customHeight="1" x14ac:dyDescent="0.2">
      <c r="B8" s="106" t="s">
        <v>6</v>
      </c>
      <c r="C8" s="190">
        <v>0</v>
      </c>
      <c r="D8" s="191">
        <v>0</v>
      </c>
      <c r="E8" s="192">
        <v>0</v>
      </c>
      <c r="F8" s="193">
        <v>0</v>
      </c>
      <c r="G8" s="191">
        <v>36905</v>
      </c>
      <c r="H8" s="191">
        <v>54152</v>
      </c>
      <c r="I8" s="191">
        <v>58323</v>
      </c>
      <c r="J8" s="191">
        <v>74828</v>
      </c>
      <c r="K8" s="191">
        <v>74614</v>
      </c>
      <c r="L8" s="194">
        <v>298822</v>
      </c>
      <c r="M8" s="195">
        <v>298822</v>
      </c>
      <c r="N8" s="190">
        <v>9</v>
      </c>
      <c r="O8" s="191">
        <v>4</v>
      </c>
      <c r="P8" s="196">
        <v>13</v>
      </c>
      <c r="Q8" s="193">
        <v>0</v>
      </c>
      <c r="R8" s="191">
        <v>57</v>
      </c>
      <c r="S8" s="191">
        <v>179</v>
      </c>
      <c r="T8" s="191">
        <v>492</v>
      </c>
      <c r="U8" s="191">
        <v>1364</v>
      </c>
      <c r="V8" s="191">
        <v>2451</v>
      </c>
      <c r="W8" s="196">
        <v>4543</v>
      </c>
      <c r="X8" s="195">
        <v>4556</v>
      </c>
      <c r="Y8" s="190">
        <v>2718</v>
      </c>
      <c r="Z8" s="191">
        <v>6581</v>
      </c>
      <c r="AA8" s="196">
        <v>9299</v>
      </c>
      <c r="AB8" s="193">
        <v>0</v>
      </c>
      <c r="AC8" s="191">
        <v>25998</v>
      </c>
      <c r="AD8" s="191">
        <v>29777</v>
      </c>
      <c r="AE8" s="191">
        <v>17427</v>
      </c>
      <c r="AF8" s="191">
        <v>13750</v>
      </c>
      <c r="AG8" s="191">
        <v>12603</v>
      </c>
      <c r="AH8" s="196">
        <v>99555</v>
      </c>
      <c r="AI8" s="195">
        <v>108854</v>
      </c>
      <c r="AJ8" s="190">
        <v>265</v>
      </c>
      <c r="AK8" s="191">
        <v>726</v>
      </c>
      <c r="AL8" s="196">
        <v>991</v>
      </c>
      <c r="AM8" s="193">
        <v>0</v>
      </c>
      <c r="AN8" s="191">
        <v>2385</v>
      </c>
      <c r="AO8" s="191">
        <v>2660</v>
      </c>
      <c r="AP8" s="191">
        <v>1622</v>
      </c>
      <c r="AQ8" s="191">
        <v>1535</v>
      </c>
      <c r="AR8" s="191">
        <v>869</v>
      </c>
      <c r="AS8" s="196">
        <v>9071</v>
      </c>
      <c r="AT8" s="195">
        <v>10062</v>
      </c>
      <c r="AU8" s="190">
        <v>0</v>
      </c>
      <c r="AV8" s="191">
        <v>0</v>
      </c>
      <c r="AW8" s="196">
        <v>0</v>
      </c>
      <c r="AX8" s="193">
        <v>0</v>
      </c>
      <c r="AY8" s="191">
        <v>31440</v>
      </c>
      <c r="AZ8" s="191">
        <v>28768</v>
      </c>
      <c r="BA8" s="191">
        <v>16762</v>
      </c>
      <c r="BB8" s="191">
        <v>10025</v>
      </c>
      <c r="BC8" s="191">
        <v>4548</v>
      </c>
      <c r="BD8" s="194">
        <v>91543</v>
      </c>
      <c r="BE8" s="195">
        <v>91543</v>
      </c>
      <c r="BF8" s="190">
        <v>0</v>
      </c>
      <c r="BG8" s="191">
        <v>0</v>
      </c>
      <c r="BH8" s="196">
        <v>0</v>
      </c>
      <c r="BI8" s="193">
        <v>0</v>
      </c>
      <c r="BJ8" s="191">
        <v>4681</v>
      </c>
      <c r="BK8" s="191">
        <v>5195</v>
      </c>
      <c r="BL8" s="191">
        <v>3487</v>
      </c>
      <c r="BM8" s="191">
        <v>2162</v>
      </c>
      <c r="BN8" s="191">
        <v>862</v>
      </c>
      <c r="BO8" s="196">
        <v>16387</v>
      </c>
      <c r="BP8" s="195">
        <v>16387</v>
      </c>
      <c r="BQ8" s="190">
        <v>12</v>
      </c>
      <c r="BR8" s="191">
        <v>76</v>
      </c>
      <c r="BS8" s="196">
        <v>88</v>
      </c>
      <c r="BT8" s="193">
        <v>0</v>
      </c>
      <c r="BU8" s="191">
        <v>1768</v>
      </c>
      <c r="BV8" s="191">
        <v>3727</v>
      </c>
      <c r="BW8" s="191">
        <v>5876</v>
      </c>
      <c r="BX8" s="191">
        <v>4522</v>
      </c>
      <c r="BY8" s="191">
        <v>2446</v>
      </c>
      <c r="BZ8" s="196">
        <v>18339</v>
      </c>
      <c r="CA8" s="195">
        <v>18427</v>
      </c>
      <c r="CB8" s="190">
        <v>0</v>
      </c>
      <c r="CC8" s="191">
        <v>4</v>
      </c>
      <c r="CD8" s="196">
        <v>4</v>
      </c>
      <c r="CE8" s="193">
        <v>0</v>
      </c>
      <c r="CF8" s="191">
        <v>180</v>
      </c>
      <c r="CG8" s="191">
        <v>495</v>
      </c>
      <c r="CH8" s="191">
        <v>506</v>
      </c>
      <c r="CI8" s="191">
        <v>500</v>
      </c>
      <c r="CJ8" s="191">
        <v>401</v>
      </c>
      <c r="CK8" s="196">
        <v>2082</v>
      </c>
      <c r="CL8" s="195">
        <v>2086</v>
      </c>
      <c r="CM8" s="190">
        <v>0</v>
      </c>
      <c r="CN8" s="191">
        <v>0</v>
      </c>
      <c r="CO8" s="196">
        <v>0</v>
      </c>
      <c r="CP8" s="193">
        <v>0</v>
      </c>
      <c r="CQ8" s="191">
        <v>0</v>
      </c>
      <c r="CR8" s="191">
        <v>0</v>
      </c>
      <c r="CS8" s="191">
        <v>0</v>
      </c>
      <c r="CT8" s="191">
        <v>0</v>
      </c>
      <c r="CU8" s="191">
        <v>0</v>
      </c>
      <c r="CV8" s="196">
        <v>0</v>
      </c>
      <c r="CW8" s="195">
        <v>0</v>
      </c>
      <c r="CX8" s="190">
        <v>0</v>
      </c>
      <c r="CY8" s="191">
        <v>0</v>
      </c>
      <c r="CZ8" s="196">
        <v>0</v>
      </c>
      <c r="DA8" s="193">
        <v>0</v>
      </c>
      <c r="DB8" s="191">
        <v>0</v>
      </c>
      <c r="DC8" s="191">
        <v>0</v>
      </c>
      <c r="DD8" s="191">
        <v>0</v>
      </c>
      <c r="DE8" s="191">
        <v>0</v>
      </c>
      <c r="DF8" s="191">
        <v>0</v>
      </c>
      <c r="DG8" s="196">
        <v>0</v>
      </c>
      <c r="DH8" s="195">
        <v>0</v>
      </c>
    </row>
    <row r="9" spans="2:112" ht="21" customHeight="1" x14ac:dyDescent="0.2">
      <c r="B9" s="106" t="s">
        <v>14</v>
      </c>
      <c r="C9" s="190">
        <v>0</v>
      </c>
      <c r="D9" s="191">
        <v>0</v>
      </c>
      <c r="E9" s="192">
        <v>0</v>
      </c>
      <c r="F9" s="193">
        <v>0</v>
      </c>
      <c r="G9" s="191">
        <v>14242</v>
      </c>
      <c r="H9" s="191">
        <v>29077</v>
      </c>
      <c r="I9" s="191">
        <v>34244</v>
      </c>
      <c r="J9" s="191">
        <v>37355</v>
      </c>
      <c r="K9" s="191">
        <v>31816</v>
      </c>
      <c r="L9" s="194">
        <v>146734</v>
      </c>
      <c r="M9" s="195">
        <v>146734</v>
      </c>
      <c r="N9" s="190">
        <v>0</v>
      </c>
      <c r="O9" s="191">
        <v>4</v>
      </c>
      <c r="P9" s="196">
        <v>4</v>
      </c>
      <c r="Q9" s="193">
        <v>0</v>
      </c>
      <c r="R9" s="191">
        <v>0</v>
      </c>
      <c r="S9" s="191">
        <v>85</v>
      </c>
      <c r="T9" s="191">
        <v>233</v>
      </c>
      <c r="U9" s="191">
        <v>702</v>
      </c>
      <c r="V9" s="191">
        <v>1121</v>
      </c>
      <c r="W9" s="196">
        <v>2141</v>
      </c>
      <c r="X9" s="195">
        <v>2145</v>
      </c>
      <c r="Y9" s="190">
        <v>647</v>
      </c>
      <c r="Z9" s="191">
        <v>3443</v>
      </c>
      <c r="AA9" s="196">
        <v>4090</v>
      </c>
      <c r="AB9" s="193">
        <v>0</v>
      </c>
      <c r="AC9" s="191">
        <v>6650</v>
      </c>
      <c r="AD9" s="191">
        <v>13240</v>
      </c>
      <c r="AE9" s="191">
        <v>9731</v>
      </c>
      <c r="AF9" s="191">
        <v>7660</v>
      </c>
      <c r="AG9" s="191">
        <v>5882</v>
      </c>
      <c r="AH9" s="196">
        <v>43163</v>
      </c>
      <c r="AI9" s="195">
        <v>47253</v>
      </c>
      <c r="AJ9" s="190">
        <v>77</v>
      </c>
      <c r="AK9" s="191">
        <v>401</v>
      </c>
      <c r="AL9" s="196">
        <v>478</v>
      </c>
      <c r="AM9" s="193">
        <v>0</v>
      </c>
      <c r="AN9" s="191">
        <v>210</v>
      </c>
      <c r="AO9" s="191">
        <v>823</v>
      </c>
      <c r="AP9" s="191">
        <v>456</v>
      </c>
      <c r="AQ9" s="191">
        <v>535</v>
      </c>
      <c r="AR9" s="191">
        <v>195</v>
      </c>
      <c r="AS9" s="196">
        <v>2219</v>
      </c>
      <c r="AT9" s="195">
        <v>2697</v>
      </c>
      <c r="AU9" s="190">
        <v>0</v>
      </c>
      <c r="AV9" s="191">
        <v>0</v>
      </c>
      <c r="AW9" s="196">
        <v>0</v>
      </c>
      <c r="AX9" s="193">
        <v>0</v>
      </c>
      <c r="AY9" s="191">
        <v>14332</v>
      </c>
      <c r="AZ9" s="191">
        <v>17802</v>
      </c>
      <c r="BA9" s="191">
        <v>12246</v>
      </c>
      <c r="BB9" s="191">
        <v>6394</v>
      </c>
      <c r="BC9" s="191">
        <v>3254</v>
      </c>
      <c r="BD9" s="194">
        <v>54028</v>
      </c>
      <c r="BE9" s="195">
        <v>54028</v>
      </c>
      <c r="BF9" s="190">
        <v>0</v>
      </c>
      <c r="BG9" s="191">
        <v>0</v>
      </c>
      <c r="BH9" s="196">
        <v>0</v>
      </c>
      <c r="BI9" s="193">
        <v>0</v>
      </c>
      <c r="BJ9" s="191">
        <v>926</v>
      </c>
      <c r="BK9" s="191">
        <v>2862</v>
      </c>
      <c r="BL9" s="191">
        <v>1830</v>
      </c>
      <c r="BM9" s="191">
        <v>1012</v>
      </c>
      <c r="BN9" s="191">
        <v>443</v>
      </c>
      <c r="BO9" s="196">
        <v>7073</v>
      </c>
      <c r="BP9" s="195">
        <v>7073</v>
      </c>
      <c r="BQ9" s="190">
        <v>14</v>
      </c>
      <c r="BR9" s="191">
        <v>74</v>
      </c>
      <c r="BS9" s="196">
        <v>88</v>
      </c>
      <c r="BT9" s="193">
        <v>0</v>
      </c>
      <c r="BU9" s="191">
        <v>896</v>
      </c>
      <c r="BV9" s="191">
        <v>2565</v>
      </c>
      <c r="BW9" s="191">
        <v>5708</v>
      </c>
      <c r="BX9" s="191">
        <v>4176</v>
      </c>
      <c r="BY9" s="191">
        <v>1804</v>
      </c>
      <c r="BZ9" s="196">
        <v>15149</v>
      </c>
      <c r="CA9" s="195">
        <v>15237</v>
      </c>
      <c r="CB9" s="190">
        <v>0</v>
      </c>
      <c r="CC9" s="191">
        <v>0</v>
      </c>
      <c r="CD9" s="196">
        <v>0</v>
      </c>
      <c r="CE9" s="193">
        <v>0</v>
      </c>
      <c r="CF9" s="191">
        <v>18</v>
      </c>
      <c r="CG9" s="191">
        <v>39</v>
      </c>
      <c r="CH9" s="191">
        <v>71</v>
      </c>
      <c r="CI9" s="191">
        <v>6</v>
      </c>
      <c r="CJ9" s="191">
        <v>63</v>
      </c>
      <c r="CK9" s="196">
        <v>197</v>
      </c>
      <c r="CL9" s="195">
        <v>197</v>
      </c>
      <c r="CM9" s="190">
        <v>0</v>
      </c>
      <c r="CN9" s="191">
        <v>0</v>
      </c>
      <c r="CO9" s="196">
        <v>0</v>
      </c>
      <c r="CP9" s="193">
        <v>0</v>
      </c>
      <c r="CQ9" s="191">
        <v>0</v>
      </c>
      <c r="CR9" s="191">
        <v>0</v>
      </c>
      <c r="CS9" s="191">
        <v>0</v>
      </c>
      <c r="CT9" s="191">
        <v>0</v>
      </c>
      <c r="CU9" s="191">
        <v>0</v>
      </c>
      <c r="CV9" s="196">
        <v>0</v>
      </c>
      <c r="CW9" s="195">
        <v>0</v>
      </c>
      <c r="CX9" s="190">
        <v>0</v>
      </c>
      <c r="CY9" s="191">
        <v>0</v>
      </c>
      <c r="CZ9" s="196">
        <v>0</v>
      </c>
      <c r="DA9" s="193">
        <v>0</v>
      </c>
      <c r="DB9" s="191">
        <v>0</v>
      </c>
      <c r="DC9" s="191">
        <v>0</v>
      </c>
      <c r="DD9" s="191">
        <v>0</v>
      </c>
      <c r="DE9" s="191">
        <v>0</v>
      </c>
      <c r="DF9" s="191">
        <v>0</v>
      </c>
      <c r="DG9" s="196">
        <v>0</v>
      </c>
      <c r="DH9" s="195">
        <v>0</v>
      </c>
    </row>
    <row r="10" spans="2:112" ht="21" customHeight="1" x14ac:dyDescent="0.2">
      <c r="B10" s="106" t="s">
        <v>7</v>
      </c>
      <c r="C10" s="190">
        <v>0</v>
      </c>
      <c r="D10" s="191">
        <v>0</v>
      </c>
      <c r="E10" s="192">
        <v>0</v>
      </c>
      <c r="F10" s="193">
        <v>0</v>
      </c>
      <c r="G10" s="191">
        <v>16980</v>
      </c>
      <c r="H10" s="191">
        <v>19736</v>
      </c>
      <c r="I10" s="191">
        <v>22657</v>
      </c>
      <c r="J10" s="191">
        <v>29868</v>
      </c>
      <c r="K10" s="191">
        <v>22913</v>
      </c>
      <c r="L10" s="194">
        <v>112154</v>
      </c>
      <c r="M10" s="195">
        <v>112154</v>
      </c>
      <c r="N10" s="190">
        <v>0</v>
      </c>
      <c r="O10" s="191">
        <v>1</v>
      </c>
      <c r="P10" s="196">
        <v>1</v>
      </c>
      <c r="Q10" s="193">
        <v>0</v>
      </c>
      <c r="R10" s="191">
        <v>48</v>
      </c>
      <c r="S10" s="191">
        <v>157</v>
      </c>
      <c r="T10" s="191">
        <v>182</v>
      </c>
      <c r="U10" s="191">
        <v>721</v>
      </c>
      <c r="V10" s="191">
        <v>1021</v>
      </c>
      <c r="W10" s="196">
        <v>2129</v>
      </c>
      <c r="X10" s="195">
        <v>2130</v>
      </c>
      <c r="Y10" s="190">
        <v>147</v>
      </c>
      <c r="Z10" s="191">
        <v>280</v>
      </c>
      <c r="AA10" s="196">
        <v>427</v>
      </c>
      <c r="AB10" s="193">
        <v>0</v>
      </c>
      <c r="AC10" s="191">
        <v>4919</v>
      </c>
      <c r="AD10" s="191">
        <v>4652</v>
      </c>
      <c r="AE10" s="191">
        <v>2812</v>
      </c>
      <c r="AF10" s="191">
        <v>3186</v>
      </c>
      <c r="AG10" s="191">
        <v>2971</v>
      </c>
      <c r="AH10" s="196">
        <v>18540</v>
      </c>
      <c r="AI10" s="195">
        <v>18967</v>
      </c>
      <c r="AJ10" s="190">
        <v>34</v>
      </c>
      <c r="AK10" s="191">
        <v>127</v>
      </c>
      <c r="AL10" s="196">
        <v>161</v>
      </c>
      <c r="AM10" s="193">
        <v>0</v>
      </c>
      <c r="AN10" s="191">
        <v>792</v>
      </c>
      <c r="AO10" s="191">
        <v>964</v>
      </c>
      <c r="AP10" s="191">
        <v>498</v>
      </c>
      <c r="AQ10" s="191">
        <v>449</v>
      </c>
      <c r="AR10" s="191">
        <v>348</v>
      </c>
      <c r="AS10" s="196">
        <v>3051</v>
      </c>
      <c r="AT10" s="195">
        <v>3212</v>
      </c>
      <c r="AU10" s="190">
        <v>0</v>
      </c>
      <c r="AV10" s="191">
        <v>0</v>
      </c>
      <c r="AW10" s="196">
        <v>0</v>
      </c>
      <c r="AX10" s="193">
        <v>0</v>
      </c>
      <c r="AY10" s="191">
        <v>14071</v>
      </c>
      <c r="AZ10" s="191">
        <v>9470</v>
      </c>
      <c r="BA10" s="191">
        <v>5103</v>
      </c>
      <c r="BB10" s="191">
        <v>2928</v>
      </c>
      <c r="BC10" s="191">
        <v>1396</v>
      </c>
      <c r="BD10" s="194">
        <v>32968</v>
      </c>
      <c r="BE10" s="195">
        <v>32968</v>
      </c>
      <c r="BF10" s="190">
        <v>0</v>
      </c>
      <c r="BG10" s="191">
        <v>0</v>
      </c>
      <c r="BH10" s="196">
        <v>0</v>
      </c>
      <c r="BI10" s="193">
        <v>0</v>
      </c>
      <c r="BJ10" s="191">
        <v>2122</v>
      </c>
      <c r="BK10" s="191">
        <v>1630</v>
      </c>
      <c r="BL10" s="191">
        <v>948</v>
      </c>
      <c r="BM10" s="191">
        <v>639</v>
      </c>
      <c r="BN10" s="191">
        <v>245</v>
      </c>
      <c r="BO10" s="196">
        <v>5584</v>
      </c>
      <c r="BP10" s="195">
        <v>5584</v>
      </c>
      <c r="BQ10" s="190">
        <v>17</v>
      </c>
      <c r="BR10" s="191">
        <v>33</v>
      </c>
      <c r="BS10" s="196">
        <v>50</v>
      </c>
      <c r="BT10" s="193">
        <v>0</v>
      </c>
      <c r="BU10" s="191">
        <v>1979</v>
      </c>
      <c r="BV10" s="191">
        <v>2236</v>
      </c>
      <c r="BW10" s="191">
        <v>3031</v>
      </c>
      <c r="BX10" s="191">
        <v>2377</v>
      </c>
      <c r="BY10" s="191">
        <v>1328</v>
      </c>
      <c r="BZ10" s="196">
        <v>10951</v>
      </c>
      <c r="CA10" s="195">
        <v>11001</v>
      </c>
      <c r="CB10" s="190">
        <v>0</v>
      </c>
      <c r="CC10" s="191">
        <v>0</v>
      </c>
      <c r="CD10" s="196">
        <v>0</v>
      </c>
      <c r="CE10" s="193">
        <v>0</v>
      </c>
      <c r="CF10" s="191">
        <v>65</v>
      </c>
      <c r="CG10" s="191">
        <v>106</v>
      </c>
      <c r="CH10" s="191">
        <v>78</v>
      </c>
      <c r="CI10" s="191">
        <v>95</v>
      </c>
      <c r="CJ10" s="191">
        <v>94</v>
      </c>
      <c r="CK10" s="196">
        <v>438</v>
      </c>
      <c r="CL10" s="195">
        <v>438</v>
      </c>
      <c r="CM10" s="190">
        <v>0</v>
      </c>
      <c r="CN10" s="191">
        <v>0</v>
      </c>
      <c r="CO10" s="196">
        <v>0</v>
      </c>
      <c r="CP10" s="193">
        <v>0</v>
      </c>
      <c r="CQ10" s="191">
        <v>0</v>
      </c>
      <c r="CR10" s="191">
        <v>0</v>
      </c>
      <c r="CS10" s="191">
        <v>0</v>
      </c>
      <c r="CT10" s="191">
        <v>0</v>
      </c>
      <c r="CU10" s="191">
        <v>0</v>
      </c>
      <c r="CV10" s="196">
        <v>0</v>
      </c>
      <c r="CW10" s="195">
        <v>0</v>
      </c>
      <c r="CX10" s="190">
        <v>0</v>
      </c>
      <c r="CY10" s="191">
        <v>0</v>
      </c>
      <c r="CZ10" s="196">
        <v>0</v>
      </c>
      <c r="DA10" s="193">
        <v>0</v>
      </c>
      <c r="DB10" s="191">
        <v>0</v>
      </c>
      <c r="DC10" s="191">
        <v>0</v>
      </c>
      <c r="DD10" s="191">
        <v>0</v>
      </c>
      <c r="DE10" s="191">
        <v>0</v>
      </c>
      <c r="DF10" s="191">
        <v>0</v>
      </c>
      <c r="DG10" s="196">
        <v>0</v>
      </c>
      <c r="DH10" s="195">
        <v>0</v>
      </c>
    </row>
    <row r="11" spans="2:112" ht="21" customHeight="1" x14ac:dyDescent="0.2">
      <c r="B11" s="106" t="s">
        <v>8</v>
      </c>
      <c r="C11" s="190">
        <v>0</v>
      </c>
      <c r="D11" s="191">
        <v>0</v>
      </c>
      <c r="E11" s="192">
        <v>0</v>
      </c>
      <c r="F11" s="193">
        <v>0</v>
      </c>
      <c r="G11" s="191">
        <v>6449</v>
      </c>
      <c r="H11" s="191">
        <v>11933</v>
      </c>
      <c r="I11" s="191">
        <v>15348</v>
      </c>
      <c r="J11" s="191">
        <v>15691</v>
      </c>
      <c r="K11" s="191">
        <v>17786</v>
      </c>
      <c r="L11" s="194">
        <v>67207</v>
      </c>
      <c r="M11" s="195">
        <v>67207</v>
      </c>
      <c r="N11" s="190">
        <v>0</v>
      </c>
      <c r="O11" s="191">
        <v>0</v>
      </c>
      <c r="P11" s="196">
        <v>0</v>
      </c>
      <c r="Q11" s="193">
        <v>0</v>
      </c>
      <c r="R11" s="191">
        <v>21</v>
      </c>
      <c r="S11" s="191">
        <v>73</v>
      </c>
      <c r="T11" s="191">
        <v>138</v>
      </c>
      <c r="U11" s="191">
        <v>243</v>
      </c>
      <c r="V11" s="191">
        <v>487</v>
      </c>
      <c r="W11" s="196">
        <v>962</v>
      </c>
      <c r="X11" s="195">
        <v>962</v>
      </c>
      <c r="Y11" s="190">
        <v>264</v>
      </c>
      <c r="Z11" s="191">
        <v>529</v>
      </c>
      <c r="AA11" s="196">
        <v>793</v>
      </c>
      <c r="AB11" s="193">
        <v>0</v>
      </c>
      <c r="AC11" s="191">
        <v>2058</v>
      </c>
      <c r="AD11" s="191">
        <v>3096</v>
      </c>
      <c r="AE11" s="191">
        <v>2092</v>
      </c>
      <c r="AF11" s="191">
        <v>2134</v>
      </c>
      <c r="AG11" s="191">
        <v>1844</v>
      </c>
      <c r="AH11" s="196">
        <v>11224</v>
      </c>
      <c r="AI11" s="195">
        <v>12017</v>
      </c>
      <c r="AJ11" s="190">
        <v>124</v>
      </c>
      <c r="AK11" s="191">
        <v>255</v>
      </c>
      <c r="AL11" s="196">
        <v>379</v>
      </c>
      <c r="AM11" s="193">
        <v>0</v>
      </c>
      <c r="AN11" s="191">
        <v>1091</v>
      </c>
      <c r="AO11" s="191">
        <v>1245</v>
      </c>
      <c r="AP11" s="191">
        <v>574</v>
      </c>
      <c r="AQ11" s="191">
        <v>682</v>
      </c>
      <c r="AR11" s="191">
        <v>293</v>
      </c>
      <c r="AS11" s="196">
        <v>3885</v>
      </c>
      <c r="AT11" s="195">
        <v>4264</v>
      </c>
      <c r="AU11" s="190">
        <v>0</v>
      </c>
      <c r="AV11" s="191">
        <v>0</v>
      </c>
      <c r="AW11" s="196">
        <v>0</v>
      </c>
      <c r="AX11" s="193">
        <v>0</v>
      </c>
      <c r="AY11" s="191">
        <v>5617</v>
      </c>
      <c r="AZ11" s="191">
        <v>6147</v>
      </c>
      <c r="BA11" s="191">
        <v>3887</v>
      </c>
      <c r="BB11" s="191">
        <v>2691</v>
      </c>
      <c r="BC11" s="191">
        <v>1295</v>
      </c>
      <c r="BD11" s="194">
        <v>19637</v>
      </c>
      <c r="BE11" s="195">
        <v>19637</v>
      </c>
      <c r="BF11" s="190">
        <v>0</v>
      </c>
      <c r="BG11" s="191">
        <v>0</v>
      </c>
      <c r="BH11" s="196">
        <v>0</v>
      </c>
      <c r="BI11" s="193">
        <v>0</v>
      </c>
      <c r="BJ11" s="191">
        <v>1069</v>
      </c>
      <c r="BK11" s="191">
        <v>1222</v>
      </c>
      <c r="BL11" s="191">
        <v>831</v>
      </c>
      <c r="BM11" s="191">
        <v>488</v>
      </c>
      <c r="BN11" s="191">
        <v>148</v>
      </c>
      <c r="BO11" s="196">
        <v>3758</v>
      </c>
      <c r="BP11" s="195">
        <v>3758</v>
      </c>
      <c r="BQ11" s="190">
        <v>20</v>
      </c>
      <c r="BR11" s="191">
        <v>52</v>
      </c>
      <c r="BS11" s="196">
        <v>72</v>
      </c>
      <c r="BT11" s="193">
        <v>0</v>
      </c>
      <c r="BU11" s="191">
        <v>614</v>
      </c>
      <c r="BV11" s="191">
        <v>1390</v>
      </c>
      <c r="BW11" s="191">
        <v>2799</v>
      </c>
      <c r="BX11" s="191">
        <v>1967</v>
      </c>
      <c r="BY11" s="191">
        <v>782</v>
      </c>
      <c r="BZ11" s="196">
        <v>7552</v>
      </c>
      <c r="CA11" s="195">
        <v>7624</v>
      </c>
      <c r="CB11" s="190">
        <v>5</v>
      </c>
      <c r="CC11" s="191">
        <v>0</v>
      </c>
      <c r="CD11" s="196">
        <v>5</v>
      </c>
      <c r="CE11" s="193">
        <v>0</v>
      </c>
      <c r="CF11" s="191">
        <v>32</v>
      </c>
      <c r="CG11" s="191">
        <v>30</v>
      </c>
      <c r="CH11" s="191">
        <v>30</v>
      </c>
      <c r="CI11" s="191">
        <v>62</v>
      </c>
      <c r="CJ11" s="191">
        <v>34</v>
      </c>
      <c r="CK11" s="196">
        <v>188</v>
      </c>
      <c r="CL11" s="195">
        <v>193</v>
      </c>
      <c r="CM11" s="190">
        <v>0</v>
      </c>
      <c r="CN11" s="191">
        <v>0</v>
      </c>
      <c r="CO11" s="196">
        <v>0</v>
      </c>
      <c r="CP11" s="193">
        <v>0</v>
      </c>
      <c r="CQ11" s="191">
        <v>0</v>
      </c>
      <c r="CR11" s="191">
        <v>0</v>
      </c>
      <c r="CS11" s="191">
        <v>0</v>
      </c>
      <c r="CT11" s="191">
        <v>0</v>
      </c>
      <c r="CU11" s="191">
        <v>0</v>
      </c>
      <c r="CV11" s="196">
        <v>0</v>
      </c>
      <c r="CW11" s="195">
        <v>0</v>
      </c>
      <c r="CX11" s="190">
        <v>0</v>
      </c>
      <c r="CY11" s="191">
        <v>0</v>
      </c>
      <c r="CZ11" s="196">
        <v>0</v>
      </c>
      <c r="DA11" s="193">
        <v>0</v>
      </c>
      <c r="DB11" s="191">
        <v>0</v>
      </c>
      <c r="DC11" s="191">
        <v>0</v>
      </c>
      <c r="DD11" s="191">
        <v>0</v>
      </c>
      <c r="DE11" s="191">
        <v>0</v>
      </c>
      <c r="DF11" s="191">
        <v>0</v>
      </c>
      <c r="DG11" s="196">
        <v>0</v>
      </c>
      <c r="DH11" s="195">
        <v>0</v>
      </c>
    </row>
    <row r="12" spans="2:112" ht="21" customHeight="1" x14ac:dyDescent="0.2">
      <c r="B12" s="106" t="s">
        <v>9</v>
      </c>
      <c r="C12" s="190">
        <v>0</v>
      </c>
      <c r="D12" s="191">
        <v>0</v>
      </c>
      <c r="E12" s="192">
        <v>0</v>
      </c>
      <c r="F12" s="193">
        <v>0</v>
      </c>
      <c r="G12" s="191">
        <v>5995</v>
      </c>
      <c r="H12" s="191">
        <v>9096</v>
      </c>
      <c r="I12" s="191">
        <v>11728</v>
      </c>
      <c r="J12" s="191">
        <v>16420</v>
      </c>
      <c r="K12" s="191">
        <v>13366</v>
      </c>
      <c r="L12" s="194">
        <v>56605</v>
      </c>
      <c r="M12" s="195">
        <v>56605</v>
      </c>
      <c r="N12" s="190">
        <v>0</v>
      </c>
      <c r="O12" s="191">
        <v>0</v>
      </c>
      <c r="P12" s="196">
        <v>0</v>
      </c>
      <c r="Q12" s="193">
        <v>0</v>
      </c>
      <c r="R12" s="191">
        <v>6</v>
      </c>
      <c r="S12" s="191">
        <v>24</v>
      </c>
      <c r="T12" s="191">
        <v>78</v>
      </c>
      <c r="U12" s="191">
        <v>209</v>
      </c>
      <c r="V12" s="191">
        <v>465</v>
      </c>
      <c r="W12" s="196">
        <v>782</v>
      </c>
      <c r="X12" s="195">
        <v>782</v>
      </c>
      <c r="Y12" s="190">
        <v>399</v>
      </c>
      <c r="Z12" s="191">
        <v>745</v>
      </c>
      <c r="AA12" s="196">
        <v>1144</v>
      </c>
      <c r="AB12" s="193">
        <v>0</v>
      </c>
      <c r="AC12" s="191">
        <v>3387</v>
      </c>
      <c r="AD12" s="191">
        <v>3641</v>
      </c>
      <c r="AE12" s="191">
        <v>2465</v>
      </c>
      <c r="AF12" s="191">
        <v>2704</v>
      </c>
      <c r="AG12" s="191">
        <v>2484</v>
      </c>
      <c r="AH12" s="196">
        <v>14681</v>
      </c>
      <c r="AI12" s="195">
        <v>15825</v>
      </c>
      <c r="AJ12" s="190">
        <v>4</v>
      </c>
      <c r="AK12" s="191">
        <v>95</v>
      </c>
      <c r="AL12" s="196">
        <v>99</v>
      </c>
      <c r="AM12" s="193">
        <v>0</v>
      </c>
      <c r="AN12" s="191">
        <v>378</v>
      </c>
      <c r="AO12" s="191">
        <v>524</v>
      </c>
      <c r="AP12" s="191">
        <v>313</v>
      </c>
      <c r="AQ12" s="191">
        <v>291</v>
      </c>
      <c r="AR12" s="191">
        <v>306</v>
      </c>
      <c r="AS12" s="196">
        <v>1812</v>
      </c>
      <c r="AT12" s="195">
        <v>1911</v>
      </c>
      <c r="AU12" s="190">
        <v>0</v>
      </c>
      <c r="AV12" s="191">
        <v>0</v>
      </c>
      <c r="AW12" s="196">
        <v>0</v>
      </c>
      <c r="AX12" s="193">
        <v>0</v>
      </c>
      <c r="AY12" s="191">
        <v>4208</v>
      </c>
      <c r="AZ12" s="191">
        <v>3427</v>
      </c>
      <c r="BA12" s="191">
        <v>2748</v>
      </c>
      <c r="BB12" s="191">
        <v>1448</v>
      </c>
      <c r="BC12" s="191">
        <v>583</v>
      </c>
      <c r="BD12" s="194">
        <v>12414</v>
      </c>
      <c r="BE12" s="195">
        <v>12414</v>
      </c>
      <c r="BF12" s="190">
        <v>0</v>
      </c>
      <c r="BG12" s="191">
        <v>0</v>
      </c>
      <c r="BH12" s="196">
        <v>0</v>
      </c>
      <c r="BI12" s="193">
        <v>0</v>
      </c>
      <c r="BJ12" s="191">
        <v>960</v>
      </c>
      <c r="BK12" s="191">
        <v>941</v>
      </c>
      <c r="BL12" s="191">
        <v>666</v>
      </c>
      <c r="BM12" s="191">
        <v>549</v>
      </c>
      <c r="BN12" s="191">
        <v>154</v>
      </c>
      <c r="BO12" s="196">
        <v>3270</v>
      </c>
      <c r="BP12" s="195">
        <v>3270</v>
      </c>
      <c r="BQ12" s="190">
        <v>15</v>
      </c>
      <c r="BR12" s="191">
        <v>11</v>
      </c>
      <c r="BS12" s="196">
        <v>26</v>
      </c>
      <c r="BT12" s="193">
        <v>0</v>
      </c>
      <c r="BU12" s="191">
        <v>429</v>
      </c>
      <c r="BV12" s="191">
        <v>894</v>
      </c>
      <c r="BW12" s="191">
        <v>1348</v>
      </c>
      <c r="BX12" s="191">
        <v>1233</v>
      </c>
      <c r="BY12" s="191">
        <v>480</v>
      </c>
      <c r="BZ12" s="196">
        <v>4384</v>
      </c>
      <c r="CA12" s="195">
        <v>4410</v>
      </c>
      <c r="CB12" s="190">
        <v>0</v>
      </c>
      <c r="CC12" s="191">
        <v>0</v>
      </c>
      <c r="CD12" s="196">
        <v>0</v>
      </c>
      <c r="CE12" s="193">
        <v>0</v>
      </c>
      <c r="CF12" s="191">
        <v>63</v>
      </c>
      <c r="CG12" s="191">
        <v>68</v>
      </c>
      <c r="CH12" s="191">
        <v>177</v>
      </c>
      <c r="CI12" s="191">
        <v>129</v>
      </c>
      <c r="CJ12" s="191">
        <v>143</v>
      </c>
      <c r="CK12" s="196">
        <v>580</v>
      </c>
      <c r="CL12" s="195">
        <v>580</v>
      </c>
      <c r="CM12" s="190">
        <v>0</v>
      </c>
      <c r="CN12" s="191">
        <v>0</v>
      </c>
      <c r="CO12" s="196">
        <v>0</v>
      </c>
      <c r="CP12" s="193">
        <v>0</v>
      </c>
      <c r="CQ12" s="191">
        <v>0</v>
      </c>
      <c r="CR12" s="191">
        <v>0</v>
      </c>
      <c r="CS12" s="191">
        <v>0</v>
      </c>
      <c r="CT12" s="191">
        <v>0</v>
      </c>
      <c r="CU12" s="191">
        <v>0</v>
      </c>
      <c r="CV12" s="196">
        <v>0</v>
      </c>
      <c r="CW12" s="195">
        <v>0</v>
      </c>
      <c r="CX12" s="190">
        <v>0</v>
      </c>
      <c r="CY12" s="191">
        <v>0</v>
      </c>
      <c r="CZ12" s="196">
        <v>0</v>
      </c>
      <c r="DA12" s="193">
        <v>0</v>
      </c>
      <c r="DB12" s="191">
        <v>0</v>
      </c>
      <c r="DC12" s="191">
        <v>0</v>
      </c>
      <c r="DD12" s="191">
        <v>0</v>
      </c>
      <c r="DE12" s="191">
        <v>0</v>
      </c>
      <c r="DF12" s="191">
        <v>0</v>
      </c>
      <c r="DG12" s="196">
        <v>0</v>
      </c>
      <c r="DH12" s="195">
        <v>0</v>
      </c>
    </row>
    <row r="13" spans="2:112" ht="21" customHeight="1" x14ac:dyDescent="0.2">
      <c r="B13" s="106" t="s">
        <v>10</v>
      </c>
      <c r="C13" s="190">
        <v>0</v>
      </c>
      <c r="D13" s="191">
        <v>0</v>
      </c>
      <c r="E13" s="192">
        <v>0</v>
      </c>
      <c r="F13" s="193">
        <v>0</v>
      </c>
      <c r="G13" s="191">
        <v>16951</v>
      </c>
      <c r="H13" s="191">
        <v>17376</v>
      </c>
      <c r="I13" s="191">
        <v>24481</v>
      </c>
      <c r="J13" s="191">
        <v>30892</v>
      </c>
      <c r="K13" s="191">
        <v>23130</v>
      </c>
      <c r="L13" s="194">
        <v>112830</v>
      </c>
      <c r="M13" s="195">
        <v>112830</v>
      </c>
      <c r="N13" s="190">
        <v>0</v>
      </c>
      <c r="O13" s="191">
        <v>0</v>
      </c>
      <c r="P13" s="196">
        <v>0</v>
      </c>
      <c r="Q13" s="193">
        <v>0</v>
      </c>
      <c r="R13" s="191">
        <v>19</v>
      </c>
      <c r="S13" s="191">
        <v>100</v>
      </c>
      <c r="T13" s="191">
        <v>180</v>
      </c>
      <c r="U13" s="191">
        <v>367</v>
      </c>
      <c r="V13" s="191">
        <v>853</v>
      </c>
      <c r="W13" s="196">
        <v>1519</v>
      </c>
      <c r="X13" s="195">
        <v>1519</v>
      </c>
      <c r="Y13" s="190">
        <v>1146</v>
      </c>
      <c r="Z13" s="191">
        <v>2118</v>
      </c>
      <c r="AA13" s="196">
        <v>3264</v>
      </c>
      <c r="AB13" s="193">
        <v>0</v>
      </c>
      <c r="AC13" s="191">
        <v>8598</v>
      </c>
      <c r="AD13" s="191">
        <v>5844</v>
      </c>
      <c r="AE13" s="191">
        <v>3639</v>
      </c>
      <c r="AF13" s="191">
        <v>3725</v>
      </c>
      <c r="AG13" s="191">
        <v>3231</v>
      </c>
      <c r="AH13" s="196">
        <v>25037</v>
      </c>
      <c r="AI13" s="195">
        <v>28301</v>
      </c>
      <c r="AJ13" s="190">
        <v>170</v>
      </c>
      <c r="AK13" s="191">
        <v>512</v>
      </c>
      <c r="AL13" s="196">
        <v>682</v>
      </c>
      <c r="AM13" s="193">
        <v>0</v>
      </c>
      <c r="AN13" s="191">
        <v>1238</v>
      </c>
      <c r="AO13" s="191">
        <v>964</v>
      </c>
      <c r="AP13" s="191">
        <v>731</v>
      </c>
      <c r="AQ13" s="191">
        <v>370</v>
      </c>
      <c r="AR13" s="191">
        <v>627</v>
      </c>
      <c r="AS13" s="196">
        <v>3930</v>
      </c>
      <c r="AT13" s="195">
        <v>4612</v>
      </c>
      <c r="AU13" s="190">
        <v>0</v>
      </c>
      <c r="AV13" s="191">
        <v>0</v>
      </c>
      <c r="AW13" s="196">
        <v>0</v>
      </c>
      <c r="AX13" s="193">
        <v>0</v>
      </c>
      <c r="AY13" s="191">
        <v>14804</v>
      </c>
      <c r="AZ13" s="191">
        <v>8485</v>
      </c>
      <c r="BA13" s="191">
        <v>5017</v>
      </c>
      <c r="BB13" s="191">
        <v>2806</v>
      </c>
      <c r="BC13" s="191">
        <v>1451</v>
      </c>
      <c r="BD13" s="194">
        <v>32563</v>
      </c>
      <c r="BE13" s="195">
        <v>32563</v>
      </c>
      <c r="BF13" s="190">
        <v>0</v>
      </c>
      <c r="BG13" s="191">
        <v>0</v>
      </c>
      <c r="BH13" s="196">
        <v>0</v>
      </c>
      <c r="BI13" s="193">
        <v>0</v>
      </c>
      <c r="BJ13" s="191">
        <v>1691</v>
      </c>
      <c r="BK13" s="191">
        <v>1461</v>
      </c>
      <c r="BL13" s="191">
        <v>919</v>
      </c>
      <c r="BM13" s="191">
        <v>444</v>
      </c>
      <c r="BN13" s="191">
        <v>208</v>
      </c>
      <c r="BO13" s="196">
        <v>4723</v>
      </c>
      <c r="BP13" s="195">
        <v>4723</v>
      </c>
      <c r="BQ13" s="190">
        <v>18</v>
      </c>
      <c r="BR13" s="191">
        <v>148</v>
      </c>
      <c r="BS13" s="196">
        <v>166</v>
      </c>
      <c r="BT13" s="193">
        <v>0</v>
      </c>
      <c r="BU13" s="191">
        <v>1325</v>
      </c>
      <c r="BV13" s="191">
        <v>1667</v>
      </c>
      <c r="BW13" s="191">
        <v>1927</v>
      </c>
      <c r="BX13" s="191">
        <v>2065</v>
      </c>
      <c r="BY13" s="191">
        <v>951</v>
      </c>
      <c r="BZ13" s="196">
        <v>7935</v>
      </c>
      <c r="CA13" s="195">
        <v>8101</v>
      </c>
      <c r="CB13" s="190">
        <v>0</v>
      </c>
      <c r="CC13" s="191">
        <v>0</v>
      </c>
      <c r="CD13" s="196">
        <v>0</v>
      </c>
      <c r="CE13" s="193">
        <v>0</v>
      </c>
      <c r="CF13" s="191">
        <v>41</v>
      </c>
      <c r="CG13" s="191">
        <v>64</v>
      </c>
      <c r="CH13" s="191">
        <v>100</v>
      </c>
      <c r="CI13" s="191">
        <v>175</v>
      </c>
      <c r="CJ13" s="191">
        <v>56</v>
      </c>
      <c r="CK13" s="196">
        <v>436</v>
      </c>
      <c r="CL13" s="195">
        <v>436</v>
      </c>
      <c r="CM13" s="190">
        <v>0</v>
      </c>
      <c r="CN13" s="191">
        <v>0</v>
      </c>
      <c r="CO13" s="196">
        <v>0</v>
      </c>
      <c r="CP13" s="193">
        <v>0</v>
      </c>
      <c r="CQ13" s="191">
        <v>0</v>
      </c>
      <c r="CR13" s="191">
        <v>0</v>
      </c>
      <c r="CS13" s="191">
        <v>0</v>
      </c>
      <c r="CT13" s="191">
        <v>0</v>
      </c>
      <c r="CU13" s="191">
        <v>0</v>
      </c>
      <c r="CV13" s="196">
        <v>0</v>
      </c>
      <c r="CW13" s="195">
        <v>0</v>
      </c>
      <c r="CX13" s="190">
        <v>0</v>
      </c>
      <c r="CY13" s="191">
        <v>0</v>
      </c>
      <c r="CZ13" s="196">
        <v>0</v>
      </c>
      <c r="DA13" s="193">
        <v>0</v>
      </c>
      <c r="DB13" s="191">
        <v>0</v>
      </c>
      <c r="DC13" s="191">
        <v>0</v>
      </c>
      <c r="DD13" s="191">
        <v>0</v>
      </c>
      <c r="DE13" s="191">
        <v>0</v>
      </c>
      <c r="DF13" s="191">
        <v>0</v>
      </c>
      <c r="DG13" s="196">
        <v>0</v>
      </c>
      <c r="DH13" s="195">
        <v>0</v>
      </c>
    </row>
    <row r="14" spans="2:112" ht="21" customHeight="1" x14ac:dyDescent="0.2">
      <c r="B14" s="106" t="s">
        <v>11</v>
      </c>
      <c r="C14" s="190">
        <v>0</v>
      </c>
      <c r="D14" s="191">
        <v>0</v>
      </c>
      <c r="E14" s="192">
        <v>0</v>
      </c>
      <c r="F14" s="193">
        <v>0</v>
      </c>
      <c r="G14" s="191">
        <v>5375</v>
      </c>
      <c r="H14" s="191">
        <v>6897</v>
      </c>
      <c r="I14" s="191">
        <v>10063</v>
      </c>
      <c r="J14" s="191">
        <v>10108</v>
      </c>
      <c r="K14" s="191">
        <v>10734</v>
      </c>
      <c r="L14" s="194">
        <v>43177</v>
      </c>
      <c r="M14" s="195">
        <v>43177</v>
      </c>
      <c r="N14" s="190">
        <v>0</v>
      </c>
      <c r="O14" s="191">
        <v>0</v>
      </c>
      <c r="P14" s="196">
        <v>0</v>
      </c>
      <c r="Q14" s="193">
        <v>0</v>
      </c>
      <c r="R14" s="191">
        <v>9</v>
      </c>
      <c r="S14" s="191">
        <v>56</v>
      </c>
      <c r="T14" s="191">
        <v>132</v>
      </c>
      <c r="U14" s="191">
        <v>249</v>
      </c>
      <c r="V14" s="191">
        <v>488</v>
      </c>
      <c r="W14" s="196">
        <v>934</v>
      </c>
      <c r="X14" s="195">
        <v>934</v>
      </c>
      <c r="Y14" s="190">
        <v>248</v>
      </c>
      <c r="Z14" s="191">
        <v>391</v>
      </c>
      <c r="AA14" s="196">
        <v>639</v>
      </c>
      <c r="AB14" s="193">
        <v>0</v>
      </c>
      <c r="AC14" s="191">
        <v>2677</v>
      </c>
      <c r="AD14" s="191">
        <v>2091</v>
      </c>
      <c r="AE14" s="191">
        <v>1977</v>
      </c>
      <c r="AF14" s="191">
        <v>1720</v>
      </c>
      <c r="AG14" s="191">
        <v>1714</v>
      </c>
      <c r="AH14" s="196">
        <v>10179</v>
      </c>
      <c r="AI14" s="195">
        <v>10818</v>
      </c>
      <c r="AJ14" s="190">
        <v>38</v>
      </c>
      <c r="AK14" s="191">
        <v>65</v>
      </c>
      <c r="AL14" s="196">
        <v>103</v>
      </c>
      <c r="AM14" s="193">
        <v>0</v>
      </c>
      <c r="AN14" s="191">
        <v>325</v>
      </c>
      <c r="AO14" s="191">
        <v>324</v>
      </c>
      <c r="AP14" s="191">
        <v>412</v>
      </c>
      <c r="AQ14" s="191">
        <v>336</v>
      </c>
      <c r="AR14" s="191">
        <v>140</v>
      </c>
      <c r="AS14" s="196">
        <v>1537</v>
      </c>
      <c r="AT14" s="195">
        <v>1640</v>
      </c>
      <c r="AU14" s="190">
        <v>0</v>
      </c>
      <c r="AV14" s="191">
        <v>0</v>
      </c>
      <c r="AW14" s="196">
        <v>0</v>
      </c>
      <c r="AX14" s="193">
        <v>0</v>
      </c>
      <c r="AY14" s="191">
        <v>5870</v>
      </c>
      <c r="AZ14" s="191">
        <v>4215</v>
      </c>
      <c r="BA14" s="191">
        <v>3062</v>
      </c>
      <c r="BB14" s="191">
        <v>2129</v>
      </c>
      <c r="BC14" s="191">
        <v>778</v>
      </c>
      <c r="BD14" s="194">
        <v>16054</v>
      </c>
      <c r="BE14" s="195">
        <v>16054</v>
      </c>
      <c r="BF14" s="190">
        <v>0</v>
      </c>
      <c r="BG14" s="191">
        <v>0</v>
      </c>
      <c r="BH14" s="196">
        <v>0</v>
      </c>
      <c r="BI14" s="193">
        <v>0</v>
      </c>
      <c r="BJ14" s="191">
        <v>1563</v>
      </c>
      <c r="BK14" s="191">
        <v>1056</v>
      </c>
      <c r="BL14" s="191">
        <v>627</v>
      </c>
      <c r="BM14" s="191">
        <v>501</v>
      </c>
      <c r="BN14" s="191">
        <v>206</v>
      </c>
      <c r="BO14" s="196">
        <v>3953</v>
      </c>
      <c r="BP14" s="195">
        <v>3953</v>
      </c>
      <c r="BQ14" s="190">
        <v>35</v>
      </c>
      <c r="BR14" s="191">
        <v>57</v>
      </c>
      <c r="BS14" s="196">
        <v>92</v>
      </c>
      <c r="BT14" s="193">
        <v>0</v>
      </c>
      <c r="BU14" s="191">
        <v>568</v>
      </c>
      <c r="BV14" s="191">
        <v>756</v>
      </c>
      <c r="BW14" s="191">
        <v>1382</v>
      </c>
      <c r="BX14" s="191">
        <v>960</v>
      </c>
      <c r="BY14" s="191">
        <v>519</v>
      </c>
      <c r="BZ14" s="196">
        <v>4185</v>
      </c>
      <c r="CA14" s="195">
        <v>4277</v>
      </c>
      <c r="CB14" s="190">
        <v>4</v>
      </c>
      <c r="CC14" s="191">
        <v>16</v>
      </c>
      <c r="CD14" s="196">
        <v>20</v>
      </c>
      <c r="CE14" s="193">
        <v>0</v>
      </c>
      <c r="CF14" s="191">
        <v>46</v>
      </c>
      <c r="CG14" s="191">
        <v>42</v>
      </c>
      <c r="CH14" s="191">
        <v>51</v>
      </c>
      <c r="CI14" s="191">
        <v>34</v>
      </c>
      <c r="CJ14" s="191">
        <v>76</v>
      </c>
      <c r="CK14" s="196">
        <v>249</v>
      </c>
      <c r="CL14" s="195">
        <v>269</v>
      </c>
      <c r="CM14" s="190">
        <v>0</v>
      </c>
      <c r="CN14" s="191">
        <v>0</v>
      </c>
      <c r="CO14" s="196">
        <v>0</v>
      </c>
      <c r="CP14" s="193">
        <v>0</v>
      </c>
      <c r="CQ14" s="191">
        <v>0</v>
      </c>
      <c r="CR14" s="191">
        <v>0</v>
      </c>
      <c r="CS14" s="191">
        <v>0</v>
      </c>
      <c r="CT14" s="191">
        <v>0</v>
      </c>
      <c r="CU14" s="191">
        <v>0</v>
      </c>
      <c r="CV14" s="196">
        <v>0</v>
      </c>
      <c r="CW14" s="195">
        <v>0</v>
      </c>
      <c r="CX14" s="190">
        <v>0</v>
      </c>
      <c r="CY14" s="191">
        <v>0</v>
      </c>
      <c r="CZ14" s="196">
        <v>0</v>
      </c>
      <c r="DA14" s="193">
        <v>0</v>
      </c>
      <c r="DB14" s="191">
        <v>0</v>
      </c>
      <c r="DC14" s="191">
        <v>0</v>
      </c>
      <c r="DD14" s="191">
        <v>0</v>
      </c>
      <c r="DE14" s="191">
        <v>0</v>
      </c>
      <c r="DF14" s="191">
        <v>0</v>
      </c>
      <c r="DG14" s="196">
        <v>0</v>
      </c>
      <c r="DH14" s="195">
        <v>0</v>
      </c>
    </row>
    <row r="15" spans="2:112" ht="21" customHeight="1" x14ac:dyDescent="0.2">
      <c r="B15" s="106" t="s">
        <v>12</v>
      </c>
      <c r="C15" s="190">
        <v>0</v>
      </c>
      <c r="D15" s="191">
        <v>0</v>
      </c>
      <c r="E15" s="192">
        <v>0</v>
      </c>
      <c r="F15" s="193">
        <v>0</v>
      </c>
      <c r="G15" s="191">
        <v>7057</v>
      </c>
      <c r="H15" s="191">
        <v>9818</v>
      </c>
      <c r="I15" s="191">
        <v>11208</v>
      </c>
      <c r="J15" s="191">
        <v>15789</v>
      </c>
      <c r="K15" s="191">
        <v>11887</v>
      </c>
      <c r="L15" s="194">
        <v>55759</v>
      </c>
      <c r="M15" s="195">
        <v>55759</v>
      </c>
      <c r="N15" s="190">
        <v>0</v>
      </c>
      <c r="O15" s="191">
        <v>10</v>
      </c>
      <c r="P15" s="196">
        <v>10</v>
      </c>
      <c r="Q15" s="193">
        <v>0</v>
      </c>
      <c r="R15" s="191">
        <v>30</v>
      </c>
      <c r="S15" s="191">
        <v>86</v>
      </c>
      <c r="T15" s="191">
        <v>98</v>
      </c>
      <c r="U15" s="191">
        <v>321</v>
      </c>
      <c r="V15" s="191">
        <v>346</v>
      </c>
      <c r="W15" s="196">
        <v>881</v>
      </c>
      <c r="X15" s="195">
        <v>891</v>
      </c>
      <c r="Y15" s="190">
        <v>577</v>
      </c>
      <c r="Z15" s="191">
        <v>2049</v>
      </c>
      <c r="AA15" s="196">
        <v>2626</v>
      </c>
      <c r="AB15" s="193">
        <v>0</v>
      </c>
      <c r="AC15" s="191">
        <v>2319</v>
      </c>
      <c r="AD15" s="191">
        <v>3959</v>
      </c>
      <c r="AE15" s="191">
        <v>2139</v>
      </c>
      <c r="AF15" s="191">
        <v>2235</v>
      </c>
      <c r="AG15" s="191">
        <v>1636</v>
      </c>
      <c r="AH15" s="196">
        <v>12288</v>
      </c>
      <c r="AI15" s="195">
        <v>14914</v>
      </c>
      <c r="AJ15" s="190">
        <v>67</v>
      </c>
      <c r="AK15" s="191">
        <v>240</v>
      </c>
      <c r="AL15" s="196">
        <v>307</v>
      </c>
      <c r="AM15" s="193">
        <v>0</v>
      </c>
      <c r="AN15" s="191">
        <v>165</v>
      </c>
      <c r="AO15" s="191">
        <v>531</v>
      </c>
      <c r="AP15" s="191">
        <v>202</v>
      </c>
      <c r="AQ15" s="191">
        <v>265</v>
      </c>
      <c r="AR15" s="191">
        <v>142</v>
      </c>
      <c r="AS15" s="196">
        <v>1305</v>
      </c>
      <c r="AT15" s="195">
        <v>1612</v>
      </c>
      <c r="AU15" s="190">
        <v>0</v>
      </c>
      <c r="AV15" s="191">
        <v>0</v>
      </c>
      <c r="AW15" s="196">
        <v>0</v>
      </c>
      <c r="AX15" s="193">
        <v>0</v>
      </c>
      <c r="AY15" s="191">
        <v>6187</v>
      </c>
      <c r="AZ15" s="191">
        <v>4550</v>
      </c>
      <c r="BA15" s="191">
        <v>3175</v>
      </c>
      <c r="BB15" s="191">
        <v>2165</v>
      </c>
      <c r="BC15" s="191">
        <v>935</v>
      </c>
      <c r="BD15" s="194">
        <v>17012</v>
      </c>
      <c r="BE15" s="195">
        <v>17012</v>
      </c>
      <c r="BF15" s="190">
        <v>0</v>
      </c>
      <c r="BG15" s="191">
        <v>0</v>
      </c>
      <c r="BH15" s="196">
        <v>0</v>
      </c>
      <c r="BI15" s="193">
        <v>0</v>
      </c>
      <c r="BJ15" s="191">
        <v>813</v>
      </c>
      <c r="BK15" s="191">
        <v>1379</v>
      </c>
      <c r="BL15" s="191">
        <v>813</v>
      </c>
      <c r="BM15" s="191">
        <v>479</v>
      </c>
      <c r="BN15" s="191">
        <v>187</v>
      </c>
      <c r="BO15" s="196">
        <v>3671</v>
      </c>
      <c r="BP15" s="195">
        <v>3671</v>
      </c>
      <c r="BQ15" s="190">
        <v>30</v>
      </c>
      <c r="BR15" s="191">
        <v>60</v>
      </c>
      <c r="BS15" s="196">
        <v>90</v>
      </c>
      <c r="BT15" s="193">
        <v>0</v>
      </c>
      <c r="BU15" s="191">
        <v>798</v>
      </c>
      <c r="BV15" s="191">
        <v>881</v>
      </c>
      <c r="BW15" s="191">
        <v>1511</v>
      </c>
      <c r="BX15" s="191">
        <v>954</v>
      </c>
      <c r="BY15" s="191">
        <v>471</v>
      </c>
      <c r="BZ15" s="196">
        <v>4615</v>
      </c>
      <c r="CA15" s="195">
        <v>4705</v>
      </c>
      <c r="CB15" s="190">
        <v>0</v>
      </c>
      <c r="CC15" s="191">
        <v>0</v>
      </c>
      <c r="CD15" s="196">
        <v>0</v>
      </c>
      <c r="CE15" s="193">
        <v>0</v>
      </c>
      <c r="CF15" s="191">
        <v>33</v>
      </c>
      <c r="CG15" s="191">
        <v>56</v>
      </c>
      <c r="CH15" s="191">
        <v>34</v>
      </c>
      <c r="CI15" s="191">
        <v>57</v>
      </c>
      <c r="CJ15" s="191">
        <v>45</v>
      </c>
      <c r="CK15" s="196">
        <v>225</v>
      </c>
      <c r="CL15" s="195">
        <v>225</v>
      </c>
      <c r="CM15" s="190">
        <v>0</v>
      </c>
      <c r="CN15" s="191">
        <v>0</v>
      </c>
      <c r="CO15" s="196">
        <v>0</v>
      </c>
      <c r="CP15" s="193">
        <v>0</v>
      </c>
      <c r="CQ15" s="191">
        <v>0</v>
      </c>
      <c r="CR15" s="191">
        <v>0</v>
      </c>
      <c r="CS15" s="191">
        <v>0</v>
      </c>
      <c r="CT15" s="191">
        <v>0</v>
      </c>
      <c r="CU15" s="191">
        <v>0</v>
      </c>
      <c r="CV15" s="196">
        <v>0</v>
      </c>
      <c r="CW15" s="195">
        <v>0</v>
      </c>
      <c r="CX15" s="190">
        <v>0</v>
      </c>
      <c r="CY15" s="191">
        <v>0</v>
      </c>
      <c r="CZ15" s="196">
        <v>0</v>
      </c>
      <c r="DA15" s="193">
        <v>0</v>
      </c>
      <c r="DB15" s="191">
        <v>0</v>
      </c>
      <c r="DC15" s="191">
        <v>0</v>
      </c>
      <c r="DD15" s="191">
        <v>0</v>
      </c>
      <c r="DE15" s="191">
        <v>0</v>
      </c>
      <c r="DF15" s="191">
        <v>0</v>
      </c>
      <c r="DG15" s="196">
        <v>0</v>
      </c>
      <c r="DH15" s="195">
        <v>0</v>
      </c>
    </row>
    <row r="16" spans="2:112" ht="21" customHeight="1" x14ac:dyDescent="0.2">
      <c r="B16" s="106" t="s">
        <v>13</v>
      </c>
      <c r="C16" s="190">
        <v>0</v>
      </c>
      <c r="D16" s="191">
        <v>0</v>
      </c>
      <c r="E16" s="192">
        <v>0</v>
      </c>
      <c r="F16" s="193">
        <v>0</v>
      </c>
      <c r="G16" s="191">
        <v>2250</v>
      </c>
      <c r="H16" s="191">
        <v>4155</v>
      </c>
      <c r="I16" s="191">
        <v>3789</v>
      </c>
      <c r="J16" s="191">
        <v>4891</v>
      </c>
      <c r="K16" s="191">
        <v>6660</v>
      </c>
      <c r="L16" s="194">
        <v>21745</v>
      </c>
      <c r="M16" s="195">
        <v>21745</v>
      </c>
      <c r="N16" s="190">
        <v>0</v>
      </c>
      <c r="O16" s="191">
        <v>0</v>
      </c>
      <c r="P16" s="196">
        <v>0</v>
      </c>
      <c r="Q16" s="193">
        <v>0</v>
      </c>
      <c r="R16" s="191">
        <v>3</v>
      </c>
      <c r="S16" s="191">
        <v>13</v>
      </c>
      <c r="T16" s="191">
        <v>11</v>
      </c>
      <c r="U16" s="191">
        <v>88</v>
      </c>
      <c r="V16" s="191">
        <v>234</v>
      </c>
      <c r="W16" s="196">
        <v>349</v>
      </c>
      <c r="X16" s="195">
        <v>349</v>
      </c>
      <c r="Y16" s="190">
        <v>44</v>
      </c>
      <c r="Z16" s="191">
        <v>235</v>
      </c>
      <c r="AA16" s="196">
        <v>279</v>
      </c>
      <c r="AB16" s="193">
        <v>0</v>
      </c>
      <c r="AC16" s="191">
        <v>1113</v>
      </c>
      <c r="AD16" s="191">
        <v>1976</v>
      </c>
      <c r="AE16" s="191">
        <v>965</v>
      </c>
      <c r="AF16" s="191">
        <v>780</v>
      </c>
      <c r="AG16" s="191">
        <v>831</v>
      </c>
      <c r="AH16" s="196">
        <v>5665</v>
      </c>
      <c r="AI16" s="195">
        <v>5944</v>
      </c>
      <c r="AJ16" s="190">
        <v>20</v>
      </c>
      <c r="AK16" s="191">
        <v>20</v>
      </c>
      <c r="AL16" s="196">
        <v>40</v>
      </c>
      <c r="AM16" s="193">
        <v>0</v>
      </c>
      <c r="AN16" s="191">
        <v>112</v>
      </c>
      <c r="AO16" s="191">
        <v>158</v>
      </c>
      <c r="AP16" s="191">
        <v>151</v>
      </c>
      <c r="AQ16" s="191">
        <v>49</v>
      </c>
      <c r="AR16" s="191">
        <v>93</v>
      </c>
      <c r="AS16" s="196">
        <v>563</v>
      </c>
      <c r="AT16" s="195">
        <v>603</v>
      </c>
      <c r="AU16" s="190">
        <v>0</v>
      </c>
      <c r="AV16" s="191">
        <v>0</v>
      </c>
      <c r="AW16" s="196">
        <v>0</v>
      </c>
      <c r="AX16" s="193">
        <v>0</v>
      </c>
      <c r="AY16" s="191">
        <v>1448</v>
      </c>
      <c r="AZ16" s="191">
        <v>1834</v>
      </c>
      <c r="BA16" s="191">
        <v>752</v>
      </c>
      <c r="BB16" s="191">
        <v>759</v>
      </c>
      <c r="BC16" s="191">
        <v>325</v>
      </c>
      <c r="BD16" s="194">
        <v>5118</v>
      </c>
      <c r="BE16" s="195">
        <v>5118</v>
      </c>
      <c r="BF16" s="190">
        <v>0</v>
      </c>
      <c r="BG16" s="191">
        <v>0</v>
      </c>
      <c r="BH16" s="196">
        <v>0</v>
      </c>
      <c r="BI16" s="193">
        <v>0</v>
      </c>
      <c r="BJ16" s="191">
        <v>209</v>
      </c>
      <c r="BK16" s="191">
        <v>300</v>
      </c>
      <c r="BL16" s="191">
        <v>166</v>
      </c>
      <c r="BM16" s="191">
        <v>235</v>
      </c>
      <c r="BN16" s="191">
        <v>60</v>
      </c>
      <c r="BO16" s="196">
        <v>970</v>
      </c>
      <c r="BP16" s="195">
        <v>970</v>
      </c>
      <c r="BQ16" s="190">
        <v>0</v>
      </c>
      <c r="BR16" s="191">
        <v>0</v>
      </c>
      <c r="BS16" s="196">
        <v>0</v>
      </c>
      <c r="BT16" s="193">
        <v>0</v>
      </c>
      <c r="BU16" s="191">
        <v>74</v>
      </c>
      <c r="BV16" s="191">
        <v>241</v>
      </c>
      <c r="BW16" s="191">
        <v>426</v>
      </c>
      <c r="BX16" s="191">
        <v>373</v>
      </c>
      <c r="BY16" s="191">
        <v>341</v>
      </c>
      <c r="BZ16" s="196">
        <v>1455</v>
      </c>
      <c r="CA16" s="195">
        <v>1455</v>
      </c>
      <c r="CB16" s="190">
        <v>0</v>
      </c>
      <c r="CC16" s="191">
        <v>0</v>
      </c>
      <c r="CD16" s="196">
        <v>0</v>
      </c>
      <c r="CE16" s="193">
        <v>0</v>
      </c>
      <c r="CF16" s="191">
        <v>14</v>
      </c>
      <c r="CG16" s="191">
        <v>17</v>
      </c>
      <c r="CH16" s="191">
        <v>45</v>
      </c>
      <c r="CI16" s="191">
        <v>48</v>
      </c>
      <c r="CJ16" s="191">
        <v>23</v>
      </c>
      <c r="CK16" s="196">
        <v>147</v>
      </c>
      <c r="CL16" s="195">
        <v>147</v>
      </c>
      <c r="CM16" s="190">
        <v>0</v>
      </c>
      <c r="CN16" s="191">
        <v>0</v>
      </c>
      <c r="CO16" s="196">
        <v>0</v>
      </c>
      <c r="CP16" s="193">
        <v>0</v>
      </c>
      <c r="CQ16" s="191">
        <v>0</v>
      </c>
      <c r="CR16" s="191">
        <v>0</v>
      </c>
      <c r="CS16" s="191">
        <v>0</v>
      </c>
      <c r="CT16" s="191">
        <v>0</v>
      </c>
      <c r="CU16" s="191">
        <v>0</v>
      </c>
      <c r="CV16" s="196">
        <v>0</v>
      </c>
      <c r="CW16" s="195">
        <v>0</v>
      </c>
      <c r="CX16" s="190">
        <v>0</v>
      </c>
      <c r="CY16" s="191">
        <v>0</v>
      </c>
      <c r="CZ16" s="196">
        <v>0</v>
      </c>
      <c r="DA16" s="193">
        <v>0</v>
      </c>
      <c r="DB16" s="191">
        <v>0</v>
      </c>
      <c r="DC16" s="191">
        <v>0</v>
      </c>
      <c r="DD16" s="191">
        <v>0</v>
      </c>
      <c r="DE16" s="191">
        <v>0</v>
      </c>
      <c r="DF16" s="191">
        <v>0</v>
      </c>
      <c r="DG16" s="196">
        <v>0</v>
      </c>
      <c r="DH16" s="195">
        <v>0</v>
      </c>
    </row>
    <row r="17" spans="2:112" ht="21" customHeight="1" x14ac:dyDescent="0.2">
      <c r="B17" s="106" t="s">
        <v>15</v>
      </c>
      <c r="C17" s="190">
        <v>0</v>
      </c>
      <c r="D17" s="191">
        <v>0</v>
      </c>
      <c r="E17" s="192">
        <v>0</v>
      </c>
      <c r="F17" s="193">
        <v>0</v>
      </c>
      <c r="G17" s="191">
        <v>923</v>
      </c>
      <c r="H17" s="191">
        <v>2185</v>
      </c>
      <c r="I17" s="191">
        <v>2616</v>
      </c>
      <c r="J17" s="191">
        <v>3082</v>
      </c>
      <c r="K17" s="191">
        <v>2406</v>
      </c>
      <c r="L17" s="194">
        <v>11212</v>
      </c>
      <c r="M17" s="195">
        <v>11212</v>
      </c>
      <c r="N17" s="190">
        <v>0</v>
      </c>
      <c r="O17" s="191">
        <v>0</v>
      </c>
      <c r="P17" s="196">
        <v>0</v>
      </c>
      <c r="Q17" s="193">
        <v>0</v>
      </c>
      <c r="R17" s="191">
        <v>5</v>
      </c>
      <c r="S17" s="191">
        <v>4</v>
      </c>
      <c r="T17" s="191">
        <v>29</v>
      </c>
      <c r="U17" s="191">
        <v>78</v>
      </c>
      <c r="V17" s="191">
        <v>95</v>
      </c>
      <c r="W17" s="196">
        <v>211</v>
      </c>
      <c r="X17" s="195">
        <v>211</v>
      </c>
      <c r="Y17" s="190">
        <v>25</v>
      </c>
      <c r="Z17" s="191">
        <v>73</v>
      </c>
      <c r="AA17" s="196">
        <v>98</v>
      </c>
      <c r="AB17" s="193">
        <v>0</v>
      </c>
      <c r="AC17" s="191">
        <v>349</v>
      </c>
      <c r="AD17" s="191">
        <v>614</v>
      </c>
      <c r="AE17" s="191">
        <v>452</v>
      </c>
      <c r="AF17" s="191">
        <v>372</v>
      </c>
      <c r="AG17" s="191">
        <v>414</v>
      </c>
      <c r="AH17" s="196">
        <v>2201</v>
      </c>
      <c r="AI17" s="195">
        <v>2299</v>
      </c>
      <c r="AJ17" s="190">
        <v>0</v>
      </c>
      <c r="AK17" s="191">
        <v>8</v>
      </c>
      <c r="AL17" s="196">
        <v>8</v>
      </c>
      <c r="AM17" s="193">
        <v>0</v>
      </c>
      <c r="AN17" s="191">
        <v>117</v>
      </c>
      <c r="AO17" s="191">
        <v>124</v>
      </c>
      <c r="AP17" s="191">
        <v>50</v>
      </c>
      <c r="AQ17" s="191">
        <v>32</v>
      </c>
      <c r="AR17" s="191">
        <v>84</v>
      </c>
      <c r="AS17" s="196">
        <v>407</v>
      </c>
      <c r="AT17" s="195">
        <v>415</v>
      </c>
      <c r="AU17" s="190">
        <v>0</v>
      </c>
      <c r="AV17" s="191">
        <v>0</v>
      </c>
      <c r="AW17" s="196">
        <v>0</v>
      </c>
      <c r="AX17" s="193">
        <v>0</v>
      </c>
      <c r="AY17" s="191">
        <v>778</v>
      </c>
      <c r="AZ17" s="191">
        <v>1005</v>
      </c>
      <c r="BA17" s="191">
        <v>528</v>
      </c>
      <c r="BB17" s="191">
        <v>299</v>
      </c>
      <c r="BC17" s="191">
        <v>89</v>
      </c>
      <c r="BD17" s="194">
        <v>2699</v>
      </c>
      <c r="BE17" s="195">
        <v>2699</v>
      </c>
      <c r="BF17" s="190">
        <v>0</v>
      </c>
      <c r="BG17" s="191">
        <v>0</v>
      </c>
      <c r="BH17" s="196">
        <v>0</v>
      </c>
      <c r="BI17" s="193">
        <v>0</v>
      </c>
      <c r="BJ17" s="191">
        <v>195</v>
      </c>
      <c r="BK17" s="191">
        <v>253</v>
      </c>
      <c r="BL17" s="191">
        <v>188</v>
      </c>
      <c r="BM17" s="191">
        <v>76</v>
      </c>
      <c r="BN17" s="191">
        <v>53</v>
      </c>
      <c r="BO17" s="196">
        <v>765</v>
      </c>
      <c r="BP17" s="195">
        <v>765</v>
      </c>
      <c r="BQ17" s="190">
        <v>2</v>
      </c>
      <c r="BR17" s="191">
        <v>11</v>
      </c>
      <c r="BS17" s="196">
        <v>13</v>
      </c>
      <c r="BT17" s="193">
        <v>0</v>
      </c>
      <c r="BU17" s="191">
        <v>89</v>
      </c>
      <c r="BV17" s="191">
        <v>305</v>
      </c>
      <c r="BW17" s="191">
        <v>612</v>
      </c>
      <c r="BX17" s="191">
        <v>888</v>
      </c>
      <c r="BY17" s="191">
        <v>435</v>
      </c>
      <c r="BZ17" s="196">
        <v>2329</v>
      </c>
      <c r="CA17" s="195">
        <v>2342</v>
      </c>
      <c r="CB17" s="190">
        <v>0</v>
      </c>
      <c r="CC17" s="191">
        <v>0</v>
      </c>
      <c r="CD17" s="196">
        <v>0</v>
      </c>
      <c r="CE17" s="193">
        <v>0</v>
      </c>
      <c r="CF17" s="191">
        <v>53</v>
      </c>
      <c r="CG17" s="191">
        <v>32</v>
      </c>
      <c r="CH17" s="191">
        <v>22</v>
      </c>
      <c r="CI17" s="191">
        <v>45</v>
      </c>
      <c r="CJ17" s="191">
        <v>0</v>
      </c>
      <c r="CK17" s="196">
        <v>152</v>
      </c>
      <c r="CL17" s="195">
        <v>152</v>
      </c>
      <c r="CM17" s="190">
        <v>0</v>
      </c>
      <c r="CN17" s="191">
        <v>0</v>
      </c>
      <c r="CO17" s="196">
        <v>0</v>
      </c>
      <c r="CP17" s="193">
        <v>0</v>
      </c>
      <c r="CQ17" s="191">
        <v>0</v>
      </c>
      <c r="CR17" s="191">
        <v>0</v>
      </c>
      <c r="CS17" s="191">
        <v>0</v>
      </c>
      <c r="CT17" s="191">
        <v>0</v>
      </c>
      <c r="CU17" s="191">
        <v>0</v>
      </c>
      <c r="CV17" s="196">
        <v>0</v>
      </c>
      <c r="CW17" s="195">
        <v>0</v>
      </c>
      <c r="CX17" s="190">
        <v>0</v>
      </c>
      <c r="CY17" s="191">
        <v>0</v>
      </c>
      <c r="CZ17" s="196">
        <v>0</v>
      </c>
      <c r="DA17" s="193">
        <v>0</v>
      </c>
      <c r="DB17" s="191">
        <v>0</v>
      </c>
      <c r="DC17" s="191">
        <v>0</v>
      </c>
      <c r="DD17" s="191">
        <v>0</v>
      </c>
      <c r="DE17" s="191">
        <v>0</v>
      </c>
      <c r="DF17" s="191">
        <v>0</v>
      </c>
      <c r="DG17" s="196">
        <v>0</v>
      </c>
      <c r="DH17" s="195">
        <v>0</v>
      </c>
    </row>
    <row r="18" spans="2:112" ht="21" customHeight="1" x14ac:dyDescent="0.2">
      <c r="B18" s="106" t="s">
        <v>16</v>
      </c>
      <c r="C18" s="190">
        <v>0</v>
      </c>
      <c r="D18" s="191">
        <v>0</v>
      </c>
      <c r="E18" s="192">
        <v>0</v>
      </c>
      <c r="F18" s="193">
        <v>0</v>
      </c>
      <c r="G18" s="191">
        <v>2120</v>
      </c>
      <c r="H18" s="191">
        <v>4068</v>
      </c>
      <c r="I18" s="191">
        <v>4533</v>
      </c>
      <c r="J18" s="191">
        <v>5952</v>
      </c>
      <c r="K18" s="191">
        <v>3601</v>
      </c>
      <c r="L18" s="194">
        <v>20274</v>
      </c>
      <c r="M18" s="195">
        <v>20274</v>
      </c>
      <c r="N18" s="190">
        <v>0</v>
      </c>
      <c r="O18" s="191">
        <v>0</v>
      </c>
      <c r="P18" s="196">
        <v>0</v>
      </c>
      <c r="Q18" s="193">
        <v>0</v>
      </c>
      <c r="R18" s="191">
        <v>12</v>
      </c>
      <c r="S18" s="191">
        <v>24</v>
      </c>
      <c r="T18" s="191">
        <v>33</v>
      </c>
      <c r="U18" s="191">
        <v>120</v>
      </c>
      <c r="V18" s="191">
        <v>189</v>
      </c>
      <c r="W18" s="196">
        <v>378</v>
      </c>
      <c r="X18" s="195">
        <v>378</v>
      </c>
      <c r="Y18" s="190">
        <v>106</v>
      </c>
      <c r="Z18" s="191">
        <v>346</v>
      </c>
      <c r="AA18" s="196">
        <v>452</v>
      </c>
      <c r="AB18" s="193">
        <v>0</v>
      </c>
      <c r="AC18" s="191">
        <v>1167</v>
      </c>
      <c r="AD18" s="191">
        <v>2791</v>
      </c>
      <c r="AE18" s="191">
        <v>1753</v>
      </c>
      <c r="AF18" s="191">
        <v>1364</v>
      </c>
      <c r="AG18" s="191">
        <v>1092</v>
      </c>
      <c r="AH18" s="196">
        <v>8167</v>
      </c>
      <c r="AI18" s="195">
        <v>8619</v>
      </c>
      <c r="AJ18" s="190">
        <v>54</v>
      </c>
      <c r="AK18" s="191">
        <v>129</v>
      </c>
      <c r="AL18" s="196">
        <v>183</v>
      </c>
      <c r="AM18" s="193">
        <v>0</v>
      </c>
      <c r="AN18" s="191">
        <v>108</v>
      </c>
      <c r="AO18" s="191">
        <v>450</v>
      </c>
      <c r="AP18" s="191">
        <v>201</v>
      </c>
      <c r="AQ18" s="191">
        <v>119</v>
      </c>
      <c r="AR18" s="191">
        <v>159</v>
      </c>
      <c r="AS18" s="196">
        <v>1037</v>
      </c>
      <c r="AT18" s="195">
        <v>1220</v>
      </c>
      <c r="AU18" s="190">
        <v>0</v>
      </c>
      <c r="AV18" s="191">
        <v>0</v>
      </c>
      <c r="AW18" s="196">
        <v>0</v>
      </c>
      <c r="AX18" s="193">
        <v>0</v>
      </c>
      <c r="AY18" s="191">
        <v>3216</v>
      </c>
      <c r="AZ18" s="191">
        <v>4399</v>
      </c>
      <c r="BA18" s="191">
        <v>2818</v>
      </c>
      <c r="BB18" s="191">
        <v>2113</v>
      </c>
      <c r="BC18" s="191">
        <v>1035</v>
      </c>
      <c r="BD18" s="194">
        <v>13581</v>
      </c>
      <c r="BE18" s="195">
        <v>13581</v>
      </c>
      <c r="BF18" s="190">
        <v>0</v>
      </c>
      <c r="BG18" s="191">
        <v>0</v>
      </c>
      <c r="BH18" s="196">
        <v>0</v>
      </c>
      <c r="BI18" s="193">
        <v>0</v>
      </c>
      <c r="BJ18" s="191">
        <v>1320</v>
      </c>
      <c r="BK18" s="191">
        <v>2008</v>
      </c>
      <c r="BL18" s="191">
        <v>843</v>
      </c>
      <c r="BM18" s="191">
        <v>568</v>
      </c>
      <c r="BN18" s="191">
        <v>248</v>
      </c>
      <c r="BO18" s="196">
        <v>4987</v>
      </c>
      <c r="BP18" s="195">
        <v>4987</v>
      </c>
      <c r="BQ18" s="190">
        <v>7</v>
      </c>
      <c r="BR18" s="191">
        <v>9</v>
      </c>
      <c r="BS18" s="196">
        <v>16</v>
      </c>
      <c r="BT18" s="193">
        <v>0</v>
      </c>
      <c r="BU18" s="191">
        <v>253</v>
      </c>
      <c r="BV18" s="191">
        <v>569</v>
      </c>
      <c r="BW18" s="191">
        <v>813</v>
      </c>
      <c r="BX18" s="191">
        <v>486</v>
      </c>
      <c r="BY18" s="191">
        <v>245</v>
      </c>
      <c r="BZ18" s="196">
        <v>2366</v>
      </c>
      <c r="CA18" s="195">
        <v>2382</v>
      </c>
      <c r="CB18" s="190">
        <v>0</v>
      </c>
      <c r="CC18" s="191">
        <v>0</v>
      </c>
      <c r="CD18" s="196">
        <v>0</v>
      </c>
      <c r="CE18" s="193">
        <v>0</v>
      </c>
      <c r="CF18" s="191">
        <v>8</v>
      </c>
      <c r="CG18" s="191">
        <v>34</v>
      </c>
      <c r="CH18" s="191">
        <v>48</v>
      </c>
      <c r="CI18" s="191">
        <v>99</v>
      </c>
      <c r="CJ18" s="191">
        <v>19</v>
      </c>
      <c r="CK18" s="196">
        <v>208</v>
      </c>
      <c r="CL18" s="195">
        <v>208</v>
      </c>
      <c r="CM18" s="190">
        <v>0</v>
      </c>
      <c r="CN18" s="191">
        <v>0</v>
      </c>
      <c r="CO18" s="196">
        <v>0</v>
      </c>
      <c r="CP18" s="193">
        <v>0</v>
      </c>
      <c r="CQ18" s="191">
        <v>0</v>
      </c>
      <c r="CR18" s="191">
        <v>0</v>
      </c>
      <c r="CS18" s="191">
        <v>0</v>
      </c>
      <c r="CT18" s="191">
        <v>0</v>
      </c>
      <c r="CU18" s="191">
        <v>0</v>
      </c>
      <c r="CV18" s="196">
        <v>0</v>
      </c>
      <c r="CW18" s="195">
        <v>0</v>
      </c>
      <c r="CX18" s="190">
        <v>0</v>
      </c>
      <c r="CY18" s="191">
        <v>0</v>
      </c>
      <c r="CZ18" s="196">
        <v>0</v>
      </c>
      <c r="DA18" s="193">
        <v>0</v>
      </c>
      <c r="DB18" s="191">
        <v>0</v>
      </c>
      <c r="DC18" s="191">
        <v>0</v>
      </c>
      <c r="DD18" s="191">
        <v>0</v>
      </c>
      <c r="DE18" s="191">
        <v>0</v>
      </c>
      <c r="DF18" s="191">
        <v>0</v>
      </c>
      <c r="DG18" s="196">
        <v>0</v>
      </c>
      <c r="DH18" s="195">
        <v>0</v>
      </c>
    </row>
    <row r="19" spans="2:112" ht="21" customHeight="1" x14ac:dyDescent="0.2">
      <c r="B19" s="106" t="s">
        <v>17</v>
      </c>
      <c r="C19" s="190">
        <v>0</v>
      </c>
      <c r="D19" s="191">
        <v>0</v>
      </c>
      <c r="E19" s="192">
        <v>0</v>
      </c>
      <c r="F19" s="193">
        <v>0</v>
      </c>
      <c r="G19" s="191">
        <v>2469</v>
      </c>
      <c r="H19" s="191">
        <v>7388</v>
      </c>
      <c r="I19" s="191">
        <v>10445</v>
      </c>
      <c r="J19" s="191">
        <v>15176</v>
      </c>
      <c r="K19" s="191">
        <v>9474</v>
      </c>
      <c r="L19" s="194">
        <v>44952</v>
      </c>
      <c r="M19" s="195">
        <v>44952</v>
      </c>
      <c r="N19" s="190">
        <v>0</v>
      </c>
      <c r="O19" s="191">
        <v>4</v>
      </c>
      <c r="P19" s="196">
        <v>4</v>
      </c>
      <c r="Q19" s="193">
        <v>0</v>
      </c>
      <c r="R19" s="191">
        <v>0</v>
      </c>
      <c r="S19" s="191">
        <v>33</v>
      </c>
      <c r="T19" s="191">
        <v>74</v>
      </c>
      <c r="U19" s="191">
        <v>197</v>
      </c>
      <c r="V19" s="191">
        <v>367</v>
      </c>
      <c r="W19" s="196">
        <v>671</v>
      </c>
      <c r="X19" s="195">
        <v>675</v>
      </c>
      <c r="Y19" s="190">
        <v>170</v>
      </c>
      <c r="Z19" s="191">
        <v>778</v>
      </c>
      <c r="AA19" s="196">
        <v>948</v>
      </c>
      <c r="AB19" s="193">
        <v>0</v>
      </c>
      <c r="AC19" s="191">
        <v>1355</v>
      </c>
      <c r="AD19" s="191">
        <v>3388</v>
      </c>
      <c r="AE19" s="191">
        <v>2349</v>
      </c>
      <c r="AF19" s="191">
        <v>1707</v>
      </c>
      <c r="AG19" s="191">
        <v>1281</v>
      </c>
      <c r="AH19" s="196">
        <v>10080</v>
      </c>
      <c r="AI19" s="195">
        <v>11028</v>
      </c>
      <c r="AJ19" s="190">
        <v>76</v>
      </c>
      <c r="AK19" s="191">
        <v>109</v>
      </c>
      <c r="AL19" s="196">
        <v>185</v>
      </c>
      <c r="AM19" s="193">
        <v>0</v>
      </c>
      <c r="AN19" s="191">
        <v>133</v>
      </c>
      <c r="AO19" s="191">
        <v>534</v>
      </c>
      <c r="AP19" s="191">
        <v>298</v>
      </c>
      <c r="AQ19" s="191">
        <v>190</v>
      </c>
      <c r="AR19" s="191">
        <v>236</v>
      </c>
      <c r="AS19" s="196">
        <v>1391</v>
      </c>
      <c r="AT19" s="195">
        <v>1576</v>
      </c>
      <c r="AU19" s="190">
        <v>0</v>
      </c>
      <c r="AV19" s="191">
        <v>0</v>
      </c>
      <c r="AW19" s="196">
        <v>0</v>
      </c>
      <c r="AX19" s="193">
        <v>0</v>
      </c>
      <c r="AY19" s="191">
        <v>3042</v>
      </c>
      <c r="AZ19" s="191">
        <v>4999</v>
      </c>
      <c r="BA19" s="191">
        <v>3607</v>
      </c>
      <c r="BB19" s="191">
        <v>2380</v>
      </c>
      <c r="BC19" s="191">
        <v>1131</v>
      </c>
      <c r="BD19" s="194">
        <v>15159</v>
      </c>
      <c r="BE19" s="195">
        <v>15159</v>
      </c>
      <c r="BF19" s="190">
        <v>0</v>
      </c>
      <c r="BG19" s="191">
        <v>0</v>
      </c>
      <c r="BH19" s="196">
        <v>0</v>
      </c>
      <c r="BI19" s="193">
        <v>0</v>
      </c>
      <c r="BJ19" s="191">
        <v>537</v>
      </c>
      <c r="BK19" s="191">
        <v>1615</v>
      </c>
      <c r="BL19" s="191">
        <v>1096</v>
      </c>
      <c r="BM19" s="191">
        <v>393</v>
      </c>
      <c r="BN19" s="191">
        <v>149</v>
      </c>
      <c r="BO19" s="196">
        <v>3790</v>
      </c>
      <c r="BP19" s="195">
        <v>3790</v>
      </c>
      <c r="BQ19" s="190">
        <v>0</v>
      </c>
      <c r="BR19" s="191">
        <v>12</v>
      </c>
      <c r="BS19" s="196">
        <v>12</v>
      </c>
      <c r="BT19" s="193">
        <v>0</v>
      </c>
      <c r="BU19" s="191">
        <v>351</v>
      </c>
      <c r="BV19" s="191">
        <v>790</v>
      </c>
      <c r="BW19" s="191">
        <v>1384</v>
      </c>
      <c r="BX19" s="191">
        <v>1196</v>
      </c>
      <c r="BY19" s="191">
        <v>362</v>
      </c>
      <c r="BZ19" s="196">
        <v>4083</v>
      </c>
      <c r="CA19" s="195">
        <v>4095</v>
      </c>
      <c r="CB19" s="190">
        <v>0</v>
      </c>
      <c r="CC19" s="191">
        <v>0</v>
      </c>
      <c r="CD19" s="196">
        <v>0</v>
      </c>
      <c r="CE19" s="193">
        <v>0</v>
      </c>
      <c r="CF19" s="191">
        <v>28</v>
      </c>
      <c r="CG19" s="191">
        <v>91</v>
      </c>
      <c r="CH19" s="191">
        <v>75</v>
      </c>
      <c r="CI19" s="191">
        <v>115</v>
      </c>
      <c r="CJ19" s="191">
        <v>73</v>
      </c>
      <c r="CK19" s="196">
        <v>382</v>
      </c>
      <c r="CL19" s="195">
        <v>382</v>
      </c>
      <c r="CM19" s="190">
        <v>0</v>
      </c>
      <c r="CN19" s="191">
        <v>0</v>
      </c>
      <c r="CO19" s="196">
        <v>0</v>
      </c>
      <c r="CP19" s="193">
        <v>0</v>
      </c>
      <c r="CQ19" s="191">
        <v>0</v>
      </c>
      <c r="CR19" s="191">
        <v>0</v>
      </c>
      <c r="CS19" s="191">
        <v>0</v>
      </c>
      <c r="CT19" s="191">
        <v>0</v>
      </c>
      <c r="CU19" s="191">
        <v>0</v>
      </c>
      <c r="CV19" s="196">
        <v>0</v>
      </c>
      <c r="CW19" s="195">
        <v>0</v>
      </c>
      <c r="CX19" s="190">
        <v>0</v>
      </c>
      <c r="CY19" s="191">
        <v>0</v>
      </c>
      <c r="CZ19" s="196">
        <v>0</v>
      </c>
      <c r="DA19" s="193">
        <v>0</v>
      </c>
      <c r="DB19" s="191">
        <v>0</v>
      </c>
      <c r="DC19" s="191">
        <v>0</v>
      </c>
      <c r="DD19" s="191">
        <v>0</v>
      </c>
      <c r="DE19" s="191">
        <v>0</v>
      </c>
      <c r="DF19" s="191">
        <v>0</v>
      </c>
      <c r="DG19" s="196">
        <v>0</v>
      </c>
      <c r="DH19" s="195">
        <v>0</v>
      </c>
    </row>
    <row r="20" spans="2:112" ht="21" customHeight="1" x14ac:dyDescent="0.2">
      <c r="B20" s="106" t="s">
        <v>18</v>
      </c>
      <c r="C20" s="190">
        <v>0</v>
      </c>
      <c r="D20" s="191">
        <v>0</v>
      </c>
      <c r="E20" s="192">
        <v>0</v>
      </c>
      <c r="F20" s="193">
        <v>0</v>
      </c>
      <c r="G20" s="191">
        <v>5614</v>
      </c>
      <c r="H20" s="191">
        <v>8647</v>
      </c>
      <c r="I20" s="191">
        <v>10763</v>
      </c>
      <c r="J20" s="191">
        <v>13003</v>
      </c>
      <c r="K20" s="191">
        <v>13688</v>
      </c>
      <c r="L20" s="194">
        <v>51715</v>
      </c>
      <c r="M20" s="195">
        <v>51715</v>
      </c>
      <c r="N20" s="190">
        <v>0</v>
      </c>
      <c r="O20" s="191">
        <v>0</v>
      </c>
      <c r="P20" s="196">
        <v>0</v>
      </c>
      <c r="Q20" s="193">
        <v>0</v>
      </c>
      <c r="R20" s="191">
        <v>10</v>
      </c>
      <c r="S20" s="191">
        <v>59</v>
      </c>
      <c r="T20" s="191">
        <v>76</v>
      </c>
      <c r="U20" s="191">
        <v>267</v>
      </c>
      <c r="V20" s="191">
        <v>412</v>
      </c>
      <c r="W20" s="196">
        <v>824</v>
      </c>
      <c r="X20" s="195">
        <v>824</v>
      </c>
      <c r="Y20" s="190">
        <v>331</v>
      </c>
      <c r="Z20" s="191">
        <v>898</v>
      </c>
      <c r="AA20" s="196">
        <v>1229</v>
      </c>
      <c r="AB20" s="193">
        <v>0</v>
      </c>
      <c r="AC20" s="191">
        <v>3087</v>
      </c>
      <c r="AD20" s="191">
        <v>3729</v>
      </c>
      <c r="AE20" s="191">
        <v>2579</v>
      </c>
      <c r="AF20" s="191">
        <v>2164</v>
      </c>
      <c r="AG20" s="191">
        <v>1662</v>
      </c>
      <c r="AH20" s="196">
        <v>13221</v>
      </c>
      <c r="AI20" s="195">
        <v>14450</v>
      </c>
      <c r="AJ20" s="190">
        <v>87</v>
      </c>
      <c r="AK20" s="191">
        <v>146</v>
      </c>
      <c r="AL20" s="196">
        <v>233</v>
      </c>
      <c r="AM20" s="193">
        <v>0</v>
      </c>
      <c r="AN20" s="191">
        <v>592</v>
      </c>
      <c r="AO20" s="191">
        <v>915</v>
      </c>
      <c r="AP20" s="191">
        <v>676</v>
      </c>
      <c r="AQ20" s="191">
        <v>364</v>
      </c>
      <c r="AR20" s="191">
        <v>249</v>
      </c>
      <c r="AS20" s="196">
        <v>2796</v>
      </c>
      <c r="AT20" s="195">
        <v>3029</v>
      </c>
      <c r="AU20" s="190">
        <v>0</v>
      </c>
      <c r="AV20" s="191">
        <v>0</v>
      </c>
      <c r="AW20" s="196">
        <v>0</v>
      </c>
      <c r="AX20" s="193">
        <v>0</v>
      </c>
      <c r="AY20" s="191">
        <v>6545</v>
      </c>
      <c r="AZ20" s="191">
        <v>6238</v>
      </c>
      <c r="BA20" s="191">
        <v>5009</v>
      </c>
      <c r="BB20" s="191">
        <v>2605</v>
      </c>
      <c r="BC20" s="191">
        <v>1470</v>
      </c>
      <c r="BD20" s="194">
        <v>21867</v>
      </c>
      <c r="BE20" s="195">
        <v>21867</v>
      </c>
      <c r="BF20" s="190">
        <v>0</v>
      </c>
      <c r="BG20" s="191">
        <v>0</v>
      </c>
      <c r="BH20" s="196">
        <v>0</v>
      </c>
      <c r="BI20" s="193">
        <v>0</v>
      </c>
      <c r="BJ20" s="191">
        <v>1265</v>
      </c>
      <c r="BK20" s="191">
        <v>1310</v>
      </c>
      <c r="BL20" s="191">
        <v>921</v>
      </c>
      <c r="BM20" s="191">
        <v>509</v>
      </c>
      <c r="BN20" s="191">
        <v>180</v>
      </c>
      <c r="BO20" s="196">
        <v>4185</v>
      </c>
      <c r="BP20" s="195">
        <v>4185</v>
      </c>
      <c r="BQ20" s="190">
        <v>8</v>
      </c>
      <c r="BR20" s="191">
        <v>44</v>
      </c>
      <c r="BS20" s="196">
        <v>52</v>
      </c>
      <c r="BT20" s="193">
        <v>0</v>
      </c>
      <c r="BU20" s="191">
        <v>455</v>
      </c>
      <c r="BV20" s="191">
        <v>988</v>
      </c>
      <c r="BW20" s="191">
        <v>1988</v>
      </c>
      <c r="BX20" s="191">
        <v>1694</v>
      </c>
      <c r="BY20" s="191">
        <v>758</v>
      </c>
      <c r="BZ20" s="196">
        <v>5883</v>
      </c>
      <c r="CA20" s="195">
        <v>5935</v>
      </c>
      <c r="CB20" s="190">
        <v>0</v>
      </c>
      <c r="CC20" s="191">
        <v>0</v>
      </c>
      <c r="CD20" s="196">
        <v>0</v>
      </c>
      <c r="CE20" s="193">
        <v>0</v>
      </c>
      <c r="CF20" s="191">
        <v>23</v>
      </c>
      <c r="CG20" s="191">
        <v>20</v>
      </c>
      <c r="CH20" s="191">
        <v>32</v>
      </c>
      <c r="CI20" s="191">
        <v>32</v>
      </c>
      <c r="CJ20" s="191">
        <v>0</v>
      </c>
      <c r="CK20" s="196">
        <v>107</v>
      </c>
      <c r="CL20" s="195">
        <v>107</v>
      </c>
      <c r="CM20" s="190">
        <v>0</v>
      </c>
      <c r="CN20" s="191">
        <v>0</v>
      </c>
      <c r="CO20" s="196">
        <v>0</v>
      </c>
      <c r="CP20" s="193">
        <v>0</v>
      </c>
      <c r="CQ20" s="191">
        <v>0</v>
      </c>
      <c r="CR20" s="191">
        <v>0</v>
      </c>
      <c r="CS20" s="191">
        <v>0</v>
      </c>
      <c r="CT20" s="191">
        <v>0</v>
      </c>
      <c r="CU20" s="191">
        <v>0</v>
      </c>
      <c r="CV20" s="196">
        <v>0</v>
      </c>
      <c r="CW20" s="195">
        <v>0</v>
      </c>
      <c r="CX20" s="190">
        <v>0</v>
      </c>
      <c r="CY20" s="191">
        <v>0</v>
      </c>
      <c r="CZ20" s="196">
        <v>0</v>
      </c>
      <c r="DA20" s="193">
        <v>0</v>
      </c>
      <c r="DB20" s="191">
        <v>0</v>
      </c>
      <c r="DC20" s="191">
        <v>0</v>
      </c>
      <c r="DD20" s="191">
        <v>0</v>
      </c>
      <c r="DE20" s="191">
        <v>0</v>
      </c>
      <c r="DF20" s="191">
        <v>0</v>
      </c>
      <c r="DG20" s="196">
        <v>0</v>
      </c>
      <c r="DH20" s="195">
        <v>0</v>
      </c>
    </row>
    <row r="21" spans="2:112" ht="21" customHeight="1" x14ac:dyDescent="0.2">
      <c r="B21" s="106" t="s">
        <v>19</v>
      </c>
      <c r="C21" s="190">
        <v>0</v>
      </c>
      <c r="D21" s="191">
        <v>0</v>
      </c>
      <c r="E21" s="192">
        <v>0</v>
      </c>
      <c r="F21" s="193">
        <v>0</v>
      </c>
      <c r="G21" s="191">
        <v>2163</v>
      </c>
      <c r="H21" s="191">
        <v>2664</v>
      </c>
      <c r="I21" s="191">
        <v>3587</v>
      </c>
      <c r="J21" s="191">
        <v>4076</v>
      </c>
      <c r="K21" s="191">
        <v>3477</v>
      </c>
      <c r="L21" s="194">
        <v>15967</v>
      </c>
      <c r="M21" s="195">
        <v>15967</v>
      </c>
      <c r="N21" s="190">
        <v>0</v>
      </c>
      <c r="O21" s="191">
        <v>0</v>
      </c>
      <c r="P21" s="196">
        <v>0</v>
      </c>
      <c r="Q21" s="193">
        <v>0</v>
      </c>
      <c r="R21" s="191">
        <v>22</v>
      </c>
      <c r="S21" s="191">
        <v>27</v>
      </c>
      <c r="T21" s="191">
        <v>64</v>
      </c>
      <c r="U21" s="191">
        <v>72</v>
      </c>
      <c r="V21" s="191">
        <v>118</v>
      </c>
      <c r="W21" s="196">
        <v>303</v>
      </c>
      <c r="X21" s="195">
        <v>303</v>
      </c>
      <c r="Y21" s="190">
        <v>224</v>
      </c>
      <c r="Z21" s="191">
        <v>355</v>
      </c>
      <c r="AA21" s="196">
        <v>579</v>
      </c>
      <c r="AB21" s="193">
        <v>0</v>
      </c>
      <c r="AC21" s="191">
        <v>1566</v>
      </c>
      <c r="AD21" s="191">
        <v>1333</v>
      </c>
      <c r="AE21" s="191">
        <v>1155</v>
      </c>
      <c r="AF21" s="191">
        <v>709</v>
      </c>
      <c r="AG21" s="191">
        <v>636</v>
      </c>
      <c r="AH21" s="196">
        <v>5399</v>
      </c>
      <c r="AI21" s="195">
        <v>5978</v>
      </c>
      <c r="AJ21" s="190">
        <v>33</v>
      </c>
      <c r="AK21" s="191">
        <v>58</v>
      </c>
      <c r="AL21" s="196">
        <v>91</v>
      </c>
      <c r="AM21" s="193">
        <v>0</v>
      </c>
      <c r="AN21" s="191">
        <v>234</v>
      </c>
      <c r="AO21" s="191">
        <v>200</v>
      </c>
      <c r="AP21" s="191">
        <v>121</v>
      </c>
      <c r="AQ21" s="191">
        <v>146</v>
      </c>
      <c r="AR21" s="191">
        <v>38</v>
      </c>
      <c r="AS21" s="196">
        <v>739</v>
      </c>
      <c r="AT21" s="195">
        <v>830</v>
      </c>
      <c r="AU21" s="190">
        <v>0</v>
      </c>
      <c r="AV21" s="191">
        <v>0</v>
      </c>
      <c r="AW21" s="196">
        <v>0</v>
      </c>
      <c r="AX21" s="193">
        <v>0</v>
      </c>
      <c r="AY21" s="191">
        <v>2189</v>
      </c>
      <c r="AZ21" s="191">
        <v>2206</v>
      </c>
      <c r="BA21" s="191">
        <v>1492</v>
      </c>
      <c r="BB21" s="191">
        <v>670</v>
      </c>
      <c r="BC21" s="191">
        <v>673</v>
      </c>
      <c r="BD21" s="194">
        <v>7230</v>
      </c>
      <c r="BE21" s="195">
        <v>7230</v>
      </c>
      <c r="BF21" s="190">
        <v>0</v>
      </c>
      <c r="BG21" s="191">
        <v>0</v>
      </c>
      <c r="BH21" s="196">
        <v>0</v>
      </c>
      <c r="BI21" s="193">
        <v>0</v>
      </c>
      <c r="BJ21" s="191">
        <v>883</v>
      </c>
      <c r="BK21" s="191">
        <v>858</v>
      </c>
      <c r="BL21" s="191">
        <v>430</v>
      </c>
      <c r="BM21" s="191">
        <v>246</v>
      </c>
      <c r="BN21" s="191">
        <v>67</v>
      </c>
      <c r="BO21" s="196">
        <v>2484</v>
      </c>
      <c r="BP21" s="195">
        <v>2484</v>
      </c>
      <c r="BQ21" s="190">
        <v>10</v>
      </c>
      <c r="BR21" s="191">
        <v>16</v>
      </c>
      <c r="BS21" s="196">
        <v>26</v>
      </c>
      <c r="BT21" s="193">
        <v>0</v>
      </c>
      <c r="BU21" s="191">
        <v>189</v>
      </c>
      <c r="BV21" s="191">
        <v>339</v>
      </c>
      <c r="BW21" s="191">
        <v>591</v>
      </c>
      <c r="BX21" s="191">
        <v>164</v>
      </c>
      <c r="BY21" s="191">
        <v>103</v>
      </c>
      <c r="BZ21" s="196">
        <v>1386</v>
      </c>
      <c r="CA21" s="195">
        <v>1412</v>
      </c>
      <c r="CB21" s="190">
        <v>0</v>
      </c>
      <c r="CC21" s="191">
        <v>0</v>
      </c>
      <c r="CD21" s="196">
        <v>0</v>
      </c>
      <c r="CE21" s="193">
        <v>0</v>
      </c>
      <c r="CF21" s="191">
        <v>39</v>
      </c>
      <c r="CG21" s="191">
        <v>81</v>
      </c>
      <c r="CH21" s="191">
        <v>47</v>
      </c>
      <c r="CI21" s="191">
        <v>55</v>
      </c>
      <c r="CJ21" s="191">
        <v>12</v>
      </c>
      <c r="CK21" s="196">
        <v>234</v>
      </c>
      <c r="CL21" s="195">
        <v>234</v>
      </c>
      <c r="CM21" s="190">
        <v>0</v>
      </c>
      <c r="CN21" s="191">
        <v>0</v>
      </c>
      <c r="CO21" s="196">
        <v>0</v>
      </c>
      <c r="CP21" s="193">
        <v>0</v>
      </c>
      <c r="CQ21" s="191">
        <v>0</v>
      </c>
      <c r="CR21" s="191">
        <v>0</v>
      </c>
      <c r="CS21" s="191">
        <v>0</v>
      </c>
      <c r="CT21" s="191">
        <v>0</v>
      </c>
      <c r="CU21" s="191">
        <v>0</v>
      </c>
      <c r="CV21" s="196">
        <v>0</v>
      </c>
      <c r="CW21" s="195">
        <v>0</v>
      </c>
      <c r="CX21" s="190">
        <v>0</v>
      </c>
      <c r="CY21" s="191">
        <v>0</v>
      </c>
      <c r="CZ21" s="196">
        <v>0</v>
      </c>
      <c r="DA21" s="193">
        <v>0</v>
      </c>
      <c r="DB21" s="191">
        <v>0</v>
      </c>
      <c r="DC21" s="191">
        <v>0</v>
      </c>
      <c r="DD21" s="191">
        <v>0</v>
      </c>
      <c r="DE21" s="191">
        <v>0</v>
      </c>
      <c r="DF21" s="191">
        <v>0</v>
      </c>
      <c r="DG21" s="196">
        <v>0</v>
      </c>
      <c r="DH21" s="195">
        <v>0</v>
      </c>
    </row>
    <row r="22" spans="2:112" ht="21" customHeight="1" x14ac:dyDescent="0.2">
      <c r="B22" s="106" t="s">
        <v>20</v>
      </c>
      <c r="C22" s="190">
        <v>0</v>
      </c>
      <c r="D22" s="191">
        <v>0</v>
      </c>
      <c r="E22" s="192">
        <v>0</v>
      </c>
      <c r="F22" s="193">
        <v>0</v>
      </c>
      <c r="G22" s="191">
        <v>4038</v>
      </c>
      <c r="H22" s="191">
        <v>4381</v>
      </c>
      <c r="I22" s="191">
        <v>5385</v>
      </c>
      <c r="J22" s="191">
        <v>6076</v>
      </c>
      <c r="K22" s="191">
        <v>6791</v>
      </c>
      <c r="L22" s="194">
        <v>26671</v>
      </c>
      <c r="M22" s="195">
        <v>26671</v>
      </c>
      <c r="N22" s="190">
        <v>0</v>
      </c>
      <c r="O22" s="191">
        <v>0</v>
      </c>
      <c r="P22" s="196">
        <v>0</v>
      </c>
      <c r="Q22" s="193">
        <v>0</v>
      </c>
      <c r="R22" s="191">
        <v>4</v>
      </c>
      <c r="S22" s="191">
        <v>24</v>
      </c>
      <c r="T22" s="191">
        <v>46</v>
      </c>
      <c r="U22" s="191">
        <v>136</v>
      </c>
      <c r="V22" s="191">
        <v>200</v>
      </c>
      <c r="W22" s="196">
        <v>410</v>
      </c>
      <c r="X22" s="195">
        <v>410</v>
      </c>
      <c r="Y22" s="190">
        <v>305</v>
      </c>
      <c r="Z22" s="191">
        <v>743</v>
      </c>
      <c r="AA22" s="196">
        <v>1048</v>
      </c>
      <c r="AB22" s="193">
        <v>0</v>
      </c>
      <c r="AC22" s="191">
        <v>2387</v>
      </c>
      <c r="AD22" s="191">
        <v>2156</v>
      </c>
      <c r="AE22" s="191">
        <v>1447</v>
      </c>
      <c r="AF22" s="191">
        <v>1117</v>
      </c>
      <c r="AG22" s="191">
        <v>627</v>
      </c>
      <c r="AH22" s="196">
        <v>7734</v>
      </c>
      <c r="AI22" s="195">
        <v>8782</v>
      </c>
      <c r="AJ22" s="190">
        <v>124</v>
      </c>
      <c r="AK22" s="191">
        <v>463</v>
      </c>
      <c r="AL22" s="196">
        <v>587</v>
      </c>
      <c r="AM22" s="193">
        <v>0</v>
      </c>
      <c r="AN22" s="191">
        <v>842</v>
      </c>
      <c r="AO22" s="191">
        <v>634</v>
      </c>
      <c r="AP22" s="191">
        <v>520</v>
      </c>
      <c r="AQ22" s="191">
        <v>432</v>
      </c>
      <c r="AR22" s="191">
        <v>109</v>
      </c>
      <c r="AS22" s="196">
        <v>2537</v>
      </c>
      <c r="AT22" s="195">
        <v>3124</v>
      </c>
      <c r="AU22" s="190">
        <v>0</v>
      </c>
      <c r="AV22" s="191">
        <v>0</v>
      </c>
      <c r="AW22" s="196">
        <v>0</v>
      </c>
      <c r="AX22" s="193">
        <v>0</v>
      </c>
      <c r="AY22" s="191">
        <v>3075</v>
      </c>
      <c r="AZ22" s="191">
        <v>2318</v>
      </c>
      <c r="BA22" s="191">
        <v>1838</v>
      </c>
      <c r="BB22" s="191">
        <v>942</v>
      </c>
      <c r="BC22" s="191">
        <v>273</v>
      </c>
      <c r="BD22" s="194">
        <v>8446</v>
      </c>
      <c r="BE22" s="195">
        <v>8446</v>
      </c>
      <c r="BF22" s="190">
        <v>0</v>
      </c>
      <c r="BG22" s="191">
        <v>0</v>
      </c>
      <c r="BH22" s="196">
        <v>0</v>
      </c>
      <c r="BI22" s="193">
        <v>0</v>
      </c>
      <c r="BJ22" s="191">
        <v>915</v>
      </c>
      <c r="BK22" s="191">
        <v>679</v>
      </c>
      <c r="BL22" s="191">
        <v>339</v>
      </c>
      <c r="BM22" s="191">
        <v>321</v>
      </c>
      <c r="BN22" s="191">
        <v>111</v>
      </c>
      <c r="BO22" s="196">
        <v>2365</v>
      </c>
      <c r="BP22" s="195">
        <v>2365</v>
      </c>
      <c r="BQ22" s="190">
        <v>8</v>
      </c>
      <c r="BR22" s="191">
        <v>14</v>
      </c>
      <c r="BS22" s="196">
        <v>22</v>
      </c>
      <c r="BT22" s="193">
        <v>0</v>
      </c>
      <c r="BU22" s="191">
        <v>510</v>
      </c>
      <c r="BV22" s="191">
        <v>474</v>
      </c>
      <c r="BW22" s="191">
        <v>847</v>
      </c>
      <c r="BX22" s="191">
        <v>606</v>
      </c>
      <c r="BY22" s="191">
        <v>443</v>
      </c>
      <c r="BZ22" s="196">
        <v>2880</v>
      </c>
      <c r="CA22" s="195">
        <v>2902</v>
      </c>
      <c r="CB22" s="190">
        <v>0</v>
      </c>
      <c r="CC22" s="191">
        <v>0</v>
      </c>
      <c r="CD22" s="196">
        <v>0</v>
      </c>
      <c r="CE22" s="193">
        <v>0</v>
      </c>
      <c r="CF22" s="191">
        <v>34</v>
      </c>
      <c r="CG22" s="191">
        <v>37</v>
      </c>
      <c r="CH22" s="191">
        <v>21</v>
      </c>
      <c r="CI22" s="191">
        <v>54</v>
      </c>
      <c r="CJ22" s="191">
        <v>36</v>
      </c>
      <c r="CK22" s="196">
        <v>182</v>
      </c>
      <c r="CL22" s="195">
        <v>182</v>
      </c>
      <c r="CM22" s="190">
        <v>0</v>
      </c>
      <c r="CN22" s="191">
        <v>0</v>
      </c>
      <c r="CO22" s="196">
        <v>0</v>
      </c>
      <c r="CP22" s="193">
        <v>0</v>
      </c>
      <c r="CQ22" s="191">
        <v>0</v>
      </c>
      <c r="CR22" s="191">
        <v>0</v>
      </c>
      <c r="CS22" s="191">
        <v>0</v>
      </c>
      <c r="CT22" s="191">
        <v>0</v>
      </c>
      <c r="CU22" s="191">
        <v>0</v>
      </c>
      <c r="CV22" s="196">
        <v>0</v>
      </c>
      <c r="CW22" s="195">
        <v>0</v>
      </c>
      <c r="CX22" s="190">
        <v>0</v>
      </c>
      <c r="CY22" s="191">
        <v>0</v>
      </c>
      <c r="CZ22" s="196">
        <v>0</v>
      </c>
      <c r="DA22" s="193">
        <v>0</v>
      </c>
      <c r="DB22" s="191">
        <v>0</v>
      </c>
      <c r="DC22" s="191">
        <v>0</v>
      </c>
      <c r="DD22" s="191">
        <v>0</v>
      </c>
      <c r="DE22" s="191">
        <v>0</v>
      </c>
      <c r="DF22" s="191">
        <v>0</v>
      </c>
      <c r="DG22" s="196">
        <v>0</v>
      </c>
      <c r="DH22" s="195">
        <v>0</v>
      </c>
    </row>
    <row r="23" spans="2:112" ht="21" customHeight="1" x14ac:dyDescent="0.2">
      <c r="B23" s="106" t="s">
        <v>21</v>
      </c>
      <c r="C23" s="190">
        <v>0</v>
      </c>
      <c r="D23" s="191">
        <v>0</v>
      </c>
      <c r="E23" s="192">
        <v>0</v>
      </c>
      <c r="F23" s="193">
        <v>0</v>
      </c>
      <c r="G23" s="191">
        <v>3352</v>
      </c>
      <c r="H23" s="191">
        <v>6626</v>
      </c>
      <c r="I23" s="191">
        <v>8477</v>
      </c>
      <c r="J23" s="191">
        <v>6543</v>
      </c>
      <c r="K23" s="191">
        <v>7068</v>
      </c>
      <c r="L23" s="194">
        <v>32066</v>
      </c>
      <c r="M23" s="195">
        <v>32066</v>
      </c>
      <c r="N23" s="190">
        <v>0</v>
      </c>
      <c r="O23" s="191">
        <v>0</v>
      </c>
      <c r="P23" s="196">
        <v>0</v>
      </c>
      <c r="Q23" s="193">
        <v>0</v>
      </c>
      <c r="R23" s="191">
        <v>1</v>
      </c>
      <c r="S23" s="191">
        <v>17</v>
      </c>
      <c r="T23" s="191">
        <v>29</v>
      </c>
      <c r="U23" s="191">
        <v>114</v>
      </c>
      <c r="V23" s="191">
        <v>223</v>
      </c>
      <c r="W23" s="196">
        <v>384</v>
      </c>
      <c r="X23" s="195">
        <v>384</v>
      </c>
      <c r="Y23" s="190">
        <v>333</v>
      </c>
      <c r="Z23" s="191">
        <v>663</v>
      </c>
      <c r="AA23" s="196">
        <v>996</v>
      </c>
      <c r="AB23" s="193">
        <v>0</v>
      </c>
      <c r="AC23" s="191">
        <v>1797</v>
      </c>
      <c r="AD23" s="191">
        <v>2339</v>
      </c>
      <c r="AE23" s="191">
        <v>1684</v>
      </c>
      <c r="AF23" s="191">
        <v>1124</v>
      </c>
      <c r="AG23" s="191">
        <v>951</v>
      </c>
      <c r="AH23" s="196">
        <v>7895</v>
      </c>
      <c r="AI23" s="195">
        <v>8891</v>
      </c>
      <c r="AJ23" s="190">
        <v>150</v>
      </c>
      <c r="AK23" s="191">
        <v>333</v>
      </c>
      <c r="AL23" s="196">
        <v>483</v>
      </c>
      <c r="AM23" s="193">
        <v>0</v>
      </c>
      <c r="AN23" s="191">
        <v>272</v>
      </c>
      <c r="AO23" s="191">
        <v>502</v>
      </c>
      <c r="AP23" s="191">
        <v>396</v>
      </c>
      <c r="AQ23" s="191">
        <v>101</v>
      </c>
      <c r="AR23" s="191">
        <v>67</v>
      </c>
      <c r="AS23" s="196">
        <v>1338</v>
      </c>
      <c r="AT23" s="195">
        <v>1821</v>
      </c>
      <c r="AU23" s="190">
        <v>0</v>
      </c>
      <c r="AV23" s="191">
        <v>0</v>
      </c>
      <c r="AW23" s="196">
        <v>0</v>
      </c>
      <c r="AX23" s="193">
        <v>0</v>
      </c>
      <c r="AY23" s="191">
        <v>3129</v>
      </c>
      <c r="AZ23" s="191">
        <v>3554</v>
      </c>
      <c r="BA23" s="191">
        <v>2608</v>
      </c>
      <c r="BB23" s="191">
        <v>1012</v>
      </c>
      <c r="BC23" s="191">
        <v>509</v>
      </c>
      <c r="BD23" s="194">
        <v>10812</v>
      </c>
      <c r="BE23" s="195">
        <v>10812</v>
      </c>
      <c r="BF23" s="190">
        <v>0</v>
      </c>
      <c r="BG23" s="191">
        <v>0</v>
      </c>
      <c r="BH23" s="196">
        <v>0</v>
      </c>
      <c r="BI23" s="193">
        <v>0</v>
      </c>
      <c r="BJ23" s="191">
        <v>462</v>
      </c>
      <c r="BK23" s="191">
        <v>463</v>
      </c>
      <c r="BL23" s="191">
        <v>269</v>
      </c>
      <c r="BM23" s="191">
        <v>132</v>
      </c>
      <c r="BN23" s="191">
        <v>76</v>
      </c>
      <c r="BO23" s="196">
        <v>1402</v>
      </c>
      <c r="BP23" s="195">
        <v>1402</v>
      </c>
      <c r="BQ23" s="190">
        <v>3</v>
      </c>
      <c r="BR23" s="191">
        <v>5</v>
      </c>
      <c r="BS23" s="196">
        <v>8</v>
      </c>
      <c r="BT23" s="193">
        <v>0</v>
      </c>
      <c r="BU23" s="191">
        <v>348</v>
      </c>
      <c r="BV23" s="191">
        <v>466</v>
      </c>
      <c r="BW23" s="191">
        <v>1036</v>
      </c>
      <c r="BX23" s="191">
        <v>1096</v>
      </c>
      <c r="BY23" s="191">
        <v>412</v>
      </c>
      <c r="BZ23" s="196">
        <v>3358</v>
      </c>
      <c r="CA23" s="195">
        <v>3366</v>
      </c>
      <c r="CB23" s="190">
        <v>0</v>
      </c>
      <c r="CC23" s="191">
        <v>12</v>
      </c>
      <c r="CD23" s="196">
        <v>12</v>
      </c>
      <c r="CE23" s="193">
        <v>0</v>
      </c>
      <c r="CF23" s="191">
        <v>2</v>
      </c>
      <c r="CG23" s="191">
        <v>12</v>
      </c>
      <c r="CH23" s="191">
        <v>21</v>
      </c>
      <c r="CI23" s="191">
        <v>-20</v>
      </c>
      <c r="CJ23" s="191">
        <v>34</v>
      </c>
      <c r="CK23" s="196">
        <v>49</v>
      </c>
      <c r="CL23" s="195">
        <v>61</v>
      </c>
      <c r="CM23" s="190">
        <v>0</v>
      </c>
      <c r="CN23" s="191">
        <v>0</v>
      </c>
      <c r="CO23" s="196">
        <v>0</v>
      </c>
      <c r="CP23" s="193">
        <v>0</v>
      </c>
      <c r="CQ23" s="191">
        <v>0</v>
      </c>
      <c r="CR23" s="191">
        <v>0</v>
      </c>
      <c r="CS23" s="191">
        <v>0</v>
      </c>
      <c r="CT23" s="191">
        <v>0</v>
      </c>
      <c r="CU23" s="191">
        <v>0</v>
      </c>
      <c r="CV23" s="196">
        <v>0</v>
      </c>
      <c r="CW23" s="195">
        <v>0</v>
      </c>
      <c r="CX23" s="190">
        <v>0</v>
      </c>
      <c r="CY23" s="191">
        <v>0</v>
      </c>
      <c r="CZ23" s="196">
        <v>0</v>
      </c>
      <c r="DA23" s="193">
        <v>0</v>
      </c>
      <c r="DB23" s="191">
        <v>0</v>
      </c>
      <c r="DC23" s="191">
        <v>0</v>
      </c>
      <c r="DD23" s="191">
        <v>0</v>
      </c>
      <c r="DE23" s="191">
        <v>0</v>
      </c>
      <c r="DF23" s="191">
        <v>0</v>
      </c>
      <c r="DG23" s="196">
        <v>0</v>
      </c>
      <c r="DH23" s="195">
        <v>0</v>
      </c>
    </row>
    <row r="24" spans="2:112" ht="21" customHeight="1" x14ac:dyDescent="0.2">
      <c r="B24" s="106" t="s">
        <v>22</v>
      </c>
      <c r="C24" s="190">
        <v>0</v>
      </c>
      <c r="D24" s="191">
        <v>0</v>
      </c>
      <c r="E24" s="192">
        <v>0</v>
      </c>
      <c r="F24" s="193">
        <v>0</v>
      </c>
      <c r="G24" s="191">
        <v>729</v>
      </c>
      <c r="H24" s="191">
        <v>1568</v>
      </c>
      <c r="I24" s="191">
        <v>615</v>
      </c>
      <c r="J24" s="191">
        <v>1919</v>
      </c>
      <c r="K24" s="191">
        <v>2062</v>
      </c>
      <c r="L24" s="194">
        <v>6893</v>
      </c>
      <c r="M24" s="195">
        <v>6893</v>
      </c>
      <c r="N24" s="190">
        <v>0</v>
      </c>
      <c r="O24" s="191">
        <v>0</v>
      </c>
      <c r="P24" s="196">
        <v>0</v>
      </c>
      <c r="Q24" s="193">
        <v>0</v>
      </c>
      <c r="R24" s="191">
        <v>12</v>
      </c>
      <c r="S24" s="191">
        <v>0</v>
      </c>
      <c r="T24" s="191">
        <v>8</v>
      </c>
      <c r="U24" s="191">
        <v>54</v>
      </c>
      <c r="V24" s="191">
        <v>120</v>
      </c>
      <c r="W24" s="196">
        <v>194</v>
      </c>
      <c r="X24" s="195">
        <v>194</v>
      </c>
      <c r="Y24" s="190">
        <v>34</v>
      </c>
      <c r="Z24" s="191">
        <v>79</v>
      </c>
      <c r="AA24" s="196">
        <v>113</v>
      </c>
      <c r="AB24" s="193">
        <v>0</v>
      </c>
      <c r="AC24" s="191">
        <v>438</v>
      </c>
      <c r="AD24" s="191">
        <v>661</v>
      </c>
      <c r="AE24" s="191">
        <v>253</v>
      </c>
      <c r="AF24" s="191">
        <v>380</v>
      </c>
      <c r="AG24" s="191">
        <v>345</v>
      </c>
      <c r="AH24" s="196">
        <v>2077</v>
      </c>
      <c r="AI24" s="195">
        <v>2190</v>
      </c>
      <c r="AJ24" s="190">
        <v>12</v>
      </c>
      <c r="AK24" s="191">
        <v>12</v>
      </c>
      <c r="AL24" s="196">
        <v>24</v>
      </c>
      <c r="AM24" s="193">
        <v>0</v>
      </c>
      <c r="AN24" s="191">
        <v>131</v>
      </c>
      <c r="AO24" s="191">
        <v>144</v>
      </c>
      <c r="AP24" s="191">
        <v>30</v>
      </c>
      <c r="AQ24" s="191">
        <v>52</v>
      </c>
      <c r="AR24" s="191">
        <v>18</v>
      </c>
      <c r="AS24" s="196">
        <v>375</v>
      </c>
      <c r="AT24" s="195">
        <v>399</v>
      </c>
      <c r="AU24" s="190">
        <v>0</v>
      </c>
      <c r="AV24" s="191">
        <v>0</v>
      </c>
      <c r="AW24" s="196">
        <v>0</v>
      </c>
      <c r="AX24" s="193">
        <v>0</v>
      </c>
      <c r="AY24" s="191">
        <v>869</v>
      </c>
      <c r="AZ24" s="191">
        <v>1180</v>
      </c>
      <c r="BA24" s="191">
        <v>859</v>
      </c>
      <c r="BB24" s="191">
        <v>359</v>
      </c>
      <c r="BC24" s="191">
        <v>175</v>
      </c>
      <c r="BD24" s="194">
        <v>3442</v>
      </c>
      <c r="BE24" s="195">
        <v>3442</v>
      </c>
      <c r="BF24" s="190">
        <v>0</v>
      </c>
      <c r="BG24" s="191">
        <v>0</v>
      </c>
      <c r="BH24" s="196">
        <v>0</v>
      </c>
      <c r="BI24" s="193">
        <v>0</v>
      </c>
      <c r="BJ24" s="191">
        <v>214</v>
      </c>
      <c r="BK24" s="191">
        <v>277</v>
      </c>
      <c r="BL24" s="191">
        <v>69</v>
      </c>
      <c r="BM24" s="191">
        <v>92</v>
      </c>
      <c r="BN24" s="191">
        <v>57</v>
      </c>
      <c r="BO24" s="196">
        <v>709</v>
      </c>
      <c r="BP24" s="195">
        <v>709</v>
      </c>
      <c r="BQ24" s="190">
        <v>0</v>
      </c>
      <c r="BR24" s="191">
        <v>0</v>
      </c>
      <c r="BS24" s="196">
        <v>0</v>
      </c>
      <c r="BT24" s="193">
        <v>0</v>
      </c>
      <c r="BU24" s="191">
        <v>91</v>
      </c>
      <c r="BV24" s="191">
        <v>139</v>
      </c>
      <c r="BW24" s="191">
        <v>303</v>
      </c>
      <c r="BX24" s="191">
        <v>179</v>
      </c>
      <c r="BY24" s="191">
        <v>123</v>
      </c>
      <c r="BZ24" s="196">
        <v>835</v>
      </c>
      <c r="CA24" s="195">
        <v>835</v>
      </c>
      <c r="CB24" s="190">
        <v>0</v>
      </c>
      <c r="CC24" s="191">
        <v>0</v>
      </c>
      <c r="CD24" s="196">
        <v>0</v>
      </c>
      <c r="CE24" s="193">
        <v>0</v>
      </c>
      <c r="CF24" s="191">
        <v>8</v>
      </c>
      <c r="CG24" s="191">
        <v>0</v>
      </c>
      <c r="CH24" s="191">
        <v>17</v>
      </c>
      <c r="CI24" s="191">
        <v>4</v>
      </c>
      <c r="CJ24" s="191">
        <v>6</v>
      </c>
      <c r="CK24" s="196">
        <v>35</v>
      </c>
      <c r="CL24" s="195">
        <v>35</v>
      </c>
      <c r="CM24" s="190">
        <v>0</v>
      </c>
      <c r="CN24" s="191">
        <v>0</v>
      </c>
      <c r="CO24" s="196">
        <v>0</v>
      </c>
      <c r="CP24" s="193">
        <v>0</v>
      </c>
      <c r="CQ24" s="191">
        <v>0</v>
      </c>
      <c r="CR24" s="191">
        <v>0</v>
      </c>
      <c r="CS24" s="191">
        <v>0</v>
      </c>
      <c r="CT24" s="191">
        <v>0</v>
      </c>
      <c r="CU24" s="191">
        <v>0</v>
      </c>
      <c r="CV24" s="196">
        <v>0</v>
      </c>
      <c r="CW24" s="195">
        <v>0</v>
      </c>
      <c r="CX24" s="190">
        <v>0</v>
      </c>
      <c r="CY24" s="191">
        <v>0</v>
      </c>
      <c r="CZ24" s="196">
        <v>0</v>
      </c>
      <c r="DA24" s="193">
        <v>0</v>
      </c>
      <c r="DB24" s="191">
        <v>0</v>
      </c>
      <c r="DC24" s="191">
        <v>0</v>
      </c>
      <c r="DD24" s="191">
        <v>0</v>
      </c>
      <c r="DE24" s="191">
        <v>0</v>
      </c>
      <c r="DF24" s="191">
        <v>0</v>
      </c>
      <c r="DG24" s="196">
        <v>0</v>
      </c>
      <c r="DH24" s="195">
        <v>0</v>
      </c>
    </row>
    <row r="25" spans="2:112" ht="21" customHeight="1" x14ac:dyDescent="0.2">
      <c r="B25" s="106" t="s">
        <v>23</v>
      </c>
      <c r="C25" s="190">
        <v>0</v>
      </c>
      <c r="D25" s="191">
        <v>0</v>
      </c>
      <c r="E25" s="192">
        <v>0</v>
      </c>
      <c r="F25" s="193">
        <v>0</v>
      </c>
      <c r="G25" s="191">
        <v>1709</v>
      </c>
      <c r="H25" s="191">
        <v>2437</v>
      </c>
      <c r="I25" s="191">
        <v>2498</v>
      </c>
      <c r="J25" s="191">
        <v>3360</v>
      </c>
      <c r="K25" s="191">
        <v>3412</v>
      </c>
      <c r="L25" s="194">
        <v>13416</v>
      </c>
      <c r="M25" s="195">
        <v>13416</v>
      </c>
      <c r="N25" s="190">
        <v>0</v>
      </c>
      <c r="O25" s="191">
        <v>0</v>
      </c>
      <c r="P25" s="196">
        <v>0</v>
      </c>
      <c r="Q25" s="193">
        <v>0</v>
      </c>
      <c r="R25" s="191">
        <v>2</v>
      </c>
      <c r="S25" s="191">
        <v>32</v>
      </c>
      <c r="T25" s="191">
        <v>26</v>
      </c>
      <c r="U25" s="191">
        <v>88</v>
      </c>
      <c r="V25" s="191">
        <v>126</v>
      </c>
      <c r="W25" s="196">
        <v>274</v>
      </c>
      <c r="X25" s="195">
        <v>274</v>
      </c>
      <c r="Y25" s="190">
        <v>244</v>
      </c>
      <c r="Z25" s="191">
        <v>650</v>
      </c>
      <c r="AA25" s="196">
        <v>894</v>
      </c>
      <c r="AB25" s="193">
        <v>0</v>
      </c>
      <c r="AC25" s="191">
        <v>1052</v>
      </c>
      <c r="AD25" s="191">
        <v>1963</v>
      </c>
      <c r="AE25" s="191">
        <v>870</v>
      </c>
      <c r="AF25" s="191">
        <v>953</v>
      </c>
      <c r="AG25" s="191">
        <v>593</v>
      </c>
      <c r="AH25" s="196">
        <v>5431</v>
      </c>
      <c r="AI25" s="195">
        <v>6325</v>
      </c>
      <c r="AJ25" s="190">
        <v>40</v>
      </c>
      <c r="AK25" s="191">
        <v>166</v>
      </c>
      <c r="AL25" s="196">
        <v>206</v>
      </c>
      <c r="AM25" s="193">
        <v>0</v>
      </c>
      <c r="AN25" s="191">
        <v>106</v>
      </c>
      <c r="AO25" s="191">
        <v>241</v>
      </c>
      <c r="AP25" s="191">
        <v>172</v>
      </c>
      <c r="AQ25" s="191">
        <v>105</v>
      </c>
      <c r="AR25" s="191">
        <v>20</v>
      </c>
      <c r="AS25" s="196">
        <v>644</v>
      </c>
      <c r="AT25" s="195">
        <v>850</v>
      </c>
      <c r="AU25" s="190">
        <v>0</v>
      </c>
      <c r="AV25" s="191">
        <v>0</v>
      </c>
      <c r="AW25" s="196">
        <v>0</v>
      </c>
      <c r="AX25" s="193">
        <v>0</v>
      </c>
      <c r="AY25" s="191">
        <v>2419</v>
      </c>
      <c r="AZ25" s="191">
        <v>2557</v>
      </c>
      <c r="BA25" s="191">
        <v>1496</v>
      </c>
      <c r="BB25" s="191">
        <v>803</v>
      </c>
      <c r="BC25" s="191">
        <v>307</v>
      </c>
      <c r="BD25" s="194">
        <v>7582</v>
      </c>
      <c r="BE25" s="195">
        <v>7582</v>
      </c>
      <c r="BF25" s="190">
        <v>0</v>
      </c>
      <c r="BG25" s="191">
        <v>0</v>
      </c>
      <c r="BH25" s="196">
        <v>0</v>
      </c>
      <c r="BI25" s="193">
        <v>0</v>
      </c>
      <c r="BJ25" s="191">
        <v>231</v>
      </c>
      <c r="BK25" s="191">
        <v>350</v>
      </c>
      <c r="BL25" s="191">
        <v>194</v>
      </c>
      <c r="BM25" s="191">
        <v>166</v>
      </c>
      <c r="BN25" s="191">
        <v>34</v>
      </c>
      <c r="BO25" s="196">
        <v>975</v>
      </c>
      <c r="BP25" s="195">
        <v>975</v>
      </c>
      <c r="BQ25" s="190">
        <v>0</v>
      </c>
      <c r="BR25" s="191">
        <v>4</v>
      </c>
      <c r="BS25" s="196">
        <v>4</v>
      </c>
      <c r="BT25" s="193">
        <v>0</v>
      </c>
      <c r="BU25" s="191">
        <v>258</v>
      </c>
      <c r="BV25" s="191">
        <v>187</v>
      </c>
      <c r="BW25" s="191">
        <v>520</v>
      </c>
      <c r="BX25" s="191">
        <v>431</v>
      </c>
      <c r="BY25" s="191">
        <v>114</v>
      </c>
      <c r="BZ25" s="196">
        <v>1510</v>
      </c>
      <c r="CA25" s="195">
        <v>1514</v>
      </c>
      <c r="CB25" s="190">
        <v>0</v>
      </c>
      <c r="CC25" s="191">
        <v>0</v>
      </c>
      <c r="CD25" s="196">
        <v>0</v>
      </c>
      <c r="CE25" s="193">
        <v>0</v>
      </c>
      <c r="CF25" s="191">
        <v>14</v>
      </c>
      <c r="CG25" s="191">
        <v>10</v>
      </c>
      <c r="CH25" s="191">
        <v>8</v>
      </c>
      <c r="CI25" s="191">
        <v>24</v>
      </c>
      <c r="CJ25" s="191">
        <v>22</v>
      </c>
      <c r="CK25" s="196">
        <v>78</v>
      </c>
      <c r="CL25" s="195">
        <v>78</v>
      </c>
      <c r="CM25" s="190">
        <v>0</v>
      </c>
      <c r="CN25" s="191">
        <v>0</v>
      </c>
      <c r="CO25" s="196">
        <v>0</v>
      </c>
      <c r="CP25" s="193">
        <v>0</v>
      </c>
      <c r="CQ25" s="191">
        <v>0</v>
      </c>
      <c r="CR25" s="191">
        <v>0</v>
      </c>
      <c r="CS25" s="191">
        <v>0</v>
      </c>
      <c r="CT25" s="191">
        <v>0</v>
      </c>
      <c r="CU25" s="191">
        <v>0</v>
      </c>
      <c r="CV25" s="196">
        <v>0</v>
      </c>
      <c r="CW25" s="195">
        <v>0</v>
      </c>
      <c r="CX25" s="190">
        <v>0</v>
      </c>
      <c r="CY25" s="191">
        <v>0</v>
      </c>
      <c r="CZ25" s="196">
        <v>0</v>
      </c>
      <c r="DA25" s="193">
        <v>0</v>
      </c>
      <c r="DB25" s="191">
        <v>0</v>
      </c>
      <c r="DC25" s="191">
        <v>0</v>
      </c>
      <c r="DD25" s="191">
        <v>0</v>
      </c>
      <c r="DE25" s="191">
        <v>0</v>
      </c>
      <c r="DF25" s="191">
        <v>0</v>
      </c>
      <c r="DG25" s="196">
        <v>0</v>
      </c>
      <c r="DH25" s="195">
        <v>0</v>
      </c>
    </row>
    <row r="26" spans="2:112" ht="21" customHeight="1" x14ac:dyDescent="0.2">
      <c r="B26" s="106" t="s">
        <v>24</v>
      </c>
      <c r="C26" s="190">
        <v>0</v>
      </c>
      <c r="D26" s="191">
        <v>0</v>
      </c>
      <c r="E26" s="192">
        <v>0</v>
      </c>
      <c r="F26" s="193">
        <v>0</v>
      </c>
      <c r="G26" s="191">
        <v>706</v>
      </c>
      <c r="H26" s="191">
        <v>970</v>
      </c>
      <c r="I26" s="191">
        <v>1609</v>
      </c>
      <c r="J26" s="191">
        <v>2021</v>
      </c>
      <c r="K26" s="191">
        <v>1807</v>
      </c>
      <c r="L26" s="194">
        <v>7113</v>
      </c>
      <c r="M26" s="195">
        <v>7113</v>
      </c>
      <c r="N26" s="190">
        <v>0</v>
      </c>
      <c r="O26" s="191">
        <v>0</v>
      </c>
      <c r="P26" s="196">
        <v>0</v>
      </c>
      <c r="Q26" s="193">
        <v>0</v>
      </c>
      <c r="R26" s="191">
        <v>0</v>
      </c>
      <c r="S26" s="191">
        <v>9</v>
      </c>
      <c r="T26" s="191">
        <v>23</v>
      </c>
      <c r="U26" s="191">
        <v>27</v>
      </c>
      <c r="V26" s="191">
        <v>127</v>
      </c>
      <c r="W26" s="196">
        <v>186</v>
      </c>
      <c r="X26" s="195">
        <v>186</v>
      </c>
      <c r="Y26" s="190">
        <v>85</v>
      </c>
      <c r="Z26" s="191">
        <v>210</v>
      </c>
      <c r="AA26" s="196">
        <v>295</v>
      </c>
      <c r="AB26" s="193">
        <v>0</v>
      </c>
      <c r="AC26" s="191">
        <v>535</v>
      </c>
      <c r="AD26" s="191">
        <v>591</v>
      </c>
      <c r="AE26" s="191">
        <v>489</v>
      </c>
      <c r="AF26" s="191">
        <v>406</v>
      </c>
      <c r="AG26" s="191">
        <v>339</v>
      </c>
      <c r="AH26" s="196">
        <v>2360</v>
      </c>
      <c r="AI26" s="195">
        <v>2655</v>
      </c>
      <c r="AJ26" s="190">
        <v>6</v>
      </c>
      <c r="AK26" s="191">
        <v>8</v>
      </c>
      <c r="AL26" s="196">
        <v>14</v>
      </c>
      <c r="AM26" s="193">
        <v>0</v>
      </c>
      <c r="AN26" s="191">
        <v>36</v>
      </c>
      <c r="AO26" s="191">
        <v>50</v>
      </c>
      <c r="AP26" s="191">
        <v>42</v>
      </c>
      <c r="AQ26" s="191">
        <v>40</v>
      </c>
      <c r="AR26" s="191">
        <v>37</v>
      </c>
      <c r="AS26" s="196">
        <v>205</v>
      </c>
      <c r="AT26" s="195">
        <v>219</v>
      </c>
      <c r="AU26" s="190">
        <v>0</v>
      </c>
      <c r="AV26" s="191">
        <v>0</v>
      </c>
      <c r="AW26" s="196">
        <v>0</v>
      </c>
      <c r="AX26" s="193">
        <v>0</v>
      </c>
      <c r="AY26" s="191">
        <v>970</v>
      </c>
      <c r="AZ26" s="191">
        <v>794</v>
      </c>
      <c r="BA26" s="191">
        <v>388</v>
      </c>
      <c r="BB26" s="191">
        <v>229</v>
      </c>
      <c r="BC26" s="191">
        <v>87</v>
      </c>
      <c r="BD26" s="194">
        <v>2468</v>
      </c>
      <c r="BE26" s="195">
        <v>2468</v>
      </c>
      <c r="BF26" s="190">
        <v>0</v>
      </c>
      <c r="BG26" s="191">
        <v>0</v>
      </c>
      <c r="BH26" s="196">
        <v>0</v>
      </c>
      <c r="BI26" s="193">
        <v>0</v>
      </c>
      <c r="BJ26" s="191">
        <v>366</v>
      </c>
      <c r="BK26" s="191">
        <v>264</v>
      </c>
      <c r="BL26" s="191">
        <v>205</v>
      </c>
      <c r="BM26" s="191">
        <v>108</v>
      </c>
      <c r="BN26" s="191">
        <v>98</v>
      </c>
      <c r="BO26" s="196">
        <v>1041</v>
      </c>
      <c r="BP26" s="195">
        <v>1041</v>
      </c>
      <c r="BQ26" s="190">
        <v>11</v>
      </c>
      <c r="BR26" s="191">
        <v>13</v>
      </c>
      <c r="BS26" s="196">
        <v>24</v>
      </c>
      <c r="BT26" s="193">
        <v>0</v>
      </c>
      <c r="BU26" s="191">
        <v>142</v>
      </c>
      <c r="BV26" s="191">
        <v>212</v>
      </c>
      <c r="BW26" s="191">
        <v>192</v>
      </c>
      <c r="BX26" s="191">
        <v>208</v>
      </c>
      <c r="BY26" s="191">
        <v>96</v>
      </c>
      <c r="BZ26" s="196">
        <v>850</v>
      </c>
      <c r="CA26" s="195">
        <v>874</v>
      </c>
      <c r="CB26" s="190">
        <v>0</v>
      </c>
      <c r="CC26" s="191">
        <v>0</v>
      </c>
      <c r="CD26" s="196">
        <v>0</v>
      </c>
      <c r="CE26" s="193">
        <v>0</v>
      </c>
      <c r="CF26" s="191">
        <v>5</v>
      </c>
      <c r="CG26" s="191">
        <v>0</v>
      </c>
      <c r="CH26" s="191">
        <v>21</v>
      </c>
      <c r="CI26" s="191">
        <v>5</v>
      </c>
      <c r="CJ26" s="191">
        <v>15</v>
      </c>
      <c r="CK26" s="196">
        <v>46</v>
      </c>
      <c r="CL26" s="195">
        <v>46</v>
      </c>
      <c r="CM26" s="190">
        <v>0</v>
      </c>
      <c r="CN26" s="191">
        <v>0</v>
      </c>
      <c r="CO26" s="196">
        <v>0</v>
      </c>
      <c r="CP26" s="193">
        <v>0</v>
      </c>
      <c r="CQ26" s="191">
        <v>0</v>
      </c>
      <c r="CR26" s="191">
        <v>0</v>
      </c>
      <c r="CS26" s="191">
        <v>0</v>
      </c>
      <c r="CT26" s="191">
        <v>0</v>
      </c>
      <c r="CU26" s="191">
        <v>0</v>
      </c>
      <c r="CV26" s="196">
        <v>0</v>
      </c>
      <c r="CW26" s="195">
        <v>0</v>
      </c>
      <c r="CX26" s="190">
        <v>0</v>
      </c>
      <c r="CY26" s="191">
        <v>0</v>
      </c>
      <c r="CZ26" s="196">
        <v>0</v>
      </c>
      <c r="DA26" s="193">
        <v>0</v>
      </c>
      <c r="DB26" s="191">
        <v>0</v>
      </c>
      <c r="DC26" s="191">
        <v>0</v>
      </c>
      <c r="DD26" s="191">
        <v>0</v>
      </c>
      <c r="DE26" s="191">
        <v>0</v>
      </c>
      <c r="DF26" s="191">
        <v>0</v>
      </c>
      <c r="DG26" s="196">
        <v>0</v>
      </c>
      <c r="DH26" s="195">
        <v>0</v>
      </c>
    </row>
    <row r="27" spans="2:112" ht="21" customHeight="1" x14ac:dyDescent="0.2">
      <c r="B27" s="106" t="s">
        <v>25</v>
      </c>
      <c r="C27" s="190">
        <v>0</v>
      </c>
      <c r="D27" s="191">
        <v>0</v>
      </c>
      <c r="E27" s="192">
        <v>0</v>
      </c>
      <c r="F27" s="193">
        <v>0</v>
      </c>
      <c r="G27" s="191">
        <v>1514</v>
      </c>
      <c r="H27" s="191">
        <v>1873</v>
      </c>
      <c r="I27" s="191">
        <v>1826</v>
      </c>
      <c r="J27" s="191">
        <v>2991</v>
      </c>
      <c r="K27" s="191">
        <v>2402</v>
      </c>
      <c r="L27" s="194">
        <v>10606</v>
      </c>
      <c r="M27" s="195">
        <v>10606</v>
      </c>
      <c r="N27" s="190">
        <v>0</v>
      </c>
      <c r="O27" s="191">
        <v>0</v>
      </c>
      <c r="P27" s="196">
        <v>0</v>
      </c>
      <c r="Q27" s="193">
        <v>0</v>
      </c>
      <c r="R27" s="191">
        <v>12</v>
      </c>
      <c r="S27" s="191">
        <v>35</v>
      </c>
      <c r="T27" s="191">
        <v>57</v>
      </c>
      <c r="U27" s="191">
        <v>77</v>
      </c>
      <c r="V27" s="191">
        <v>88</v>
      </c>
      <c r="W27" s="196">
        <v>269</v>
      </c>
      <c r="X27" s="195">
        <v>269</v>
      </c>
      <c r="Y27" s="190">
        <v>143</v>
      </c>
      <c r="Z27" s="191">
        <v>378</v>
      </c>
      <c r="AA27" s="196">
        <v>521</v>
      </c>
      <c r="AB27" s="193">
        <v>0</v>
      </c>
      <c r="AC27" s="191">
        <v>568</v>
      </c>
      <c r="AD27" s="191">
        <v>924</v>
      </c>
      <c r="AE27" s="191">
        <v>419</v>
      </c>
      <c r="AF27" s="191">
        <v>491</v>
      </c>
      <c r="AG27" s="191">
        <v>344</v>
      </c>
      <c r="AH27" s="196">
        <v>2746</v>
      </c>
      <c r="AI27" s="195">
        <v>3267</v>
      </c>
      <c r="AJ27" s="190">
        <v>16</v>
      </c>
      <c r="AK27" s="191">
        <v>36</v>
      </c>
      <c r="AL27" s="196">
        <v>52</v>
      </c>
      <c r="AM27" s="193">
        <v>0</v>
      </c>
      <c r="AN27" s="191">
        <v>0</v>
      </c>
      <c r="AO27" s="191">
        <v>179</v>
      </c>
      <c r="AP27" s="191">
        <v>50</v>
      </c>
      <c r="AQ27" s="191">
        <v>48</v>
      </c>
      <c r="AR27" s="191">
        <v>22</v>
      </c>
      <c r="AS27" s="196">
        <v>299</v>
      </c>
      <c r="AT27" s="195">
        <v>351</v>
      </c>
      <c r="AU27" s="190">
        <v>0</v>
      </c>
      <c r="AV27" s="191">
        <v>0</v>
      </c>
      <c r="AW27" s="196">
        <v>0</v>
      </c>
      <c r="AX27" s="193">
        <v>0</v>
      </c>
      <c r="AY27" s="191">
        <v>1405</v>
      </c>
      <c r="AZ27" s="191">
        <v>995</v>
      </c>
      <c r="BA27" s="191">
        <v>657</v>
      </c>
      <c r="BB27" s="191">
        <v>475</v>
      </c>
      <c r="BC27" s="191">
        <v>142</v>
      </c>
      <c r="BD27" s="194">
        <v>3674</v>
      </c>
      <c r="BE27" s="195">
        <v>3674</v>
      </c>
      <c r="BF27" s="190">
        <v>0</v>
      </c>
      <c r="BG27" s="191">
        <v>0</v>
      </c>
      <c r="BH27" s="196">
        <v>0</v>
      </c>
      <c r="BI27" s="193">
        <v>0</v>
      </c>
      <c r="BJ27" s="191">
        <v>205</v>
      </c>
      <c r="BK27" s="191">
        <v>469</v>
      </c>
      <c r="BL27" s="191">
        <v>133</v>
      </c>
      <c r="BM27" s="191">
        <v>101</v>
      </c>
      <c r="BN27" s="191">
        <v>17</v>
      </c>
      <c r="BO27" s="196">
        <v>925</v>
      </c>
      <c r="BP27" s="195">
        <v>925</v>
      </c>
      <c r="BQ27" s="190">
        <v>0</v>
      </c>
      <c r="BR27" s="191">
        <v>13</v>
      </c>
      <c r="BS27" s="196">
        <v>13</v>
      </c>
      <c r="BT27" s="193">
        <v>0</v>
      </c>
      <c r="BU27" s="191">
        <v>211</v>
      </c>
      <c r="BV27" s="191">
        <v>216</v>
      </c>
      <c r="BW27" s="191">
        <v>124</v>
      </c>
      <c r="BX27" s="191">
        <v>147</v>
      </c>
      <c r="BY27" s="191">
        <v>62</v>
      </c>
      <c r="BZ27" s="196">
        <v>760</v>
      </c>
      <c r="CA27" s="195">
        <v>773</v>
      </c>
      <c r="CB27" s="190">
        <v>0</v>
      </c>
      <c r="CC27" s="191">
        <v>0</v>
      </c>
      <c r="CD27" s="196">
        <v>0</v>
      </c>
      <c r="CE27" s="193">
        <v>0</v>
      </c>
      <c r="CF27" s="191">
        <v>13</v>
      </c>
      <c r="CG27" s="191">
        <v>33</v>
      </c>
      <c r="CH27" s="191">
        <v>38</v>
      </c>
      <c r="CI27" s="191">
        <v>39</v>
      </c>
      <c r="CJ27" s="191">
        <v>0</v>
      </c>
      <c r="CK27" s="196">
        <v>123</v>
      </c>
      <c r="CL27" s="195">
        <v>123</v>
      </c>
      <c r="CM27" s="190">
        <v>0</v>
      </c>
      <c r="CN27" s="191">
        <v>0</v>
      </c>
      <c r="CO27" s="196">
        <v>0</v>
      </c>
      <c r="CP27" s="193">
        <v>0</v>
      </c>
      <c r="CQ27" s="191">
        <v>0</v>
      </c>
      <c r="CR27" s="191">
        <v>0</v>
      </c>
      <c r="CS27" s="191">
        <v>0</v>
      </c>
      <c r="CT27" s="191">
        <v>0</v>
      </c>
      <c r="CU27" s="191">
        <v>0</v>
      </c>
      <c r="CV27" s="196">
        <v>0</v>
      </c>
      <c r="CW27" s="195">
        <v>0</v>
      </c>
      <c r="CX27" s="190">
        <v>0</v>
      </c>
      <c r="CY27" s="191">
        <v>0</v>
      </c>
      <c r="CZ27" s="196">
        <v>0</v>
      </c>
      <c r="DA27" s="193">
        <v>0</v>
      </c>
      <c r="DB27" s="191">
        <v>0</v>
      </c>
      <c r="DC27" s="191">
        <v>0</v>
      </c>
      <c r="DD27" s="191">
        <v>0</v>
      </c>
      <c r="DE27" s="191">
        <v>0</v>
      </c>
      <c r="DF27" s="191">
        <v>0</v>
      </c>
      <c r="DG27" s="196">
        <v>0</v>
      </c>
      <c r="DH27" s="195">
        <v>0</v>
      </c>
    </row>
    <row r="28" spans="2:112" ht="21" customHeight="1" x14ac:dyDescent="0.2">
      <c r="B28" s="106" t="s">
        <v>26</v>
      </c>
      <c r="C28" s="190">
        <v>0</v>
      </c>
      <c r="D28" s="191">
        <v>0</v>
      </c>
      <c r="E28" s="192">
        <v>0</v>
      </c>
      <c r="F28" s="193">
        <v>0</v>
      </c>
      <c r="G28" s="191">
        <v>783</v>
      </c>
      <c r="H28" s="191">
        <v>1967</v>
      </c>
      <c r="I28" s="191">
        <v>1856</v>
      </c>
      <c r="J28" s="191">
        <v>1264</v>
      </c>
      <c r="K28" s="191">
        <v>2673</v>
      </c>
      <c r="L28" s="194">
        <v>8543</v>
      </c>
      <c r="M28" s="195">
        <v>8543</v>
      </c>
      <c r="N28" s="190">
        <v>0</v>
      </c>
      <c r="O28" s="191">
        <v>0</v>
      </c>
      <c r="P28" s="196">
        <v>0</v>
      </c>
      <c r="Q28" s="193">
        <v>0</v>
      </c>
      <c r="R28" s="191">
        <v>0</v>
      </c>
      <c r="S28" s="191">
        <v>9</v>
      </c>
      <c r="T28" s="191">
        <v>15</v>
      </c>
      <c r="U28" s="191">
        <v>45</v>
      </c>
      <c r="V28" s="191">
        <v>100</v>
      </c>
      <c r="W28" s="196">
        <v>169</v>
      </c>
      <c r="X28" s="195">
        <v>169</v>
      </c>
      <c r="Y28" s="190">
        <v>118</v>
      </c>
      <c r="Z28" s="191">
        <v>90</v>
      </c>
      <c r="AA28" s="196">
        <v>208</v>
      </c>
      <c r="AB28" s="193">
        <v>0</v>
      </c>
      <c r="AC28" s="191">
        <v>562</v>
      </c>
      <c r="AD28" s="191">
        <v>674</v>
      </c>
      <c r="AE28" s="191">
        <v>366</v>
      </c>
      <c r="AF28" s="191">
        <v>395</v>
      </c>
      <c r="AG28" s="191">
        <v>384</v>
      </c>
      <c r="AH28" s="196">
        <v>2381</v>
      </c>
      <c r="AI28" s="195">
        <v>2589</v>
      </c>
      <c r="AJ28" s="190">
        <v>20</v>
      </c>
      <c r="AK28" s="191">
        <v>4</v>
      </c>
      <c r="AL28" s="196">
        <v>24</v>
      </c>
      <c r="AM28" s="193">
        <v>0</v>
      </c>
      <c r="AN28" s="191">
        <v>49</v>
      </c>
      <c r="AO28" s="191">
        <v>60</v>
      </c>
      <c r="AP28" s="191">
        <v>62</v>
      </c>
      <c r="AQ28" s="191">
        <v>27</v>
      </c>
      <c r="AR28" s="191">
        <v>34</v>
      </c>
      <c r="AS28" s="196">
        <v>232</v>
      </c>
      <c r="AT28" s="195">
        <v>256</v>
      </c>
      <c r="AU28" s="190">
        <v>0</v>
      </c>
      <c r="AV28" s="191">
        <v>0</v>
      </c>
      <c r="AW28" s="196">
        <v>0</v>
      </c>
      <c r="AX28" s="193">
        <v>0</v>
      </c>
      <c r="AY28" s="191">
        <v>823</v>
      </c>
      <c r="AZ28" s="191">
        <v>1028</v>
      </c>
      <c r="BA28" s="191">
        <v>478</v>
      </c>
      <c r="BB28" s="191">
        <v>209</v>
      </c>
      <c r="BC28" s="191">
        <v>182</v>
      </c>
      <c r="BD28" s="194">
        <v>2720</v>
      </c>
      <c r="BE28" s="195">
        <v>2720</v>
      </c>
      <c r="BF28" s="190">
        <v>0</v>
      </c>
      <c r="BG28" s="191">
        <v>0</v>
      </c>
      <c r="BH28" s="196">
        <v>0</v>
      </c>
      <c r="BI28" s="193">
        <v>0</v>
      </c>
      <c r="BJ28" s="191">
        <v>131</v>
      </c>
      <c r="BK28" s="191">
        <v>220</v>
      </c>
      <c r="BL28" s="191">
        <v>108</v>
      </c>
      <c r="BM28" s="191">
        <v>76</v>
      </c>
      <c r="BN28" s="191">
        <v>41</v>
      </c>
      <c r="BO28" s="196">
        <v>576</v>
      </c>
      <c r="BP28" s="195">
        <v>576</v>
      </c>
      <c r="BQ28" s="190">
        <v>0</v>
      </c>
      <c r="BR28" s="191">
        <v>21</v>
      </c>
      <c r="BS28" s="196">
        <v>21</v>
      </c>
      <c r="BT28" s="193">
        <v>0</v>
      </c>
      <c r="BU28" s="191">
        <v>94</v>
      </c>
      <c r="BV28" s="191">
        <v>325</v>
      </c>
      <c r="BW28" s="191">
        <v>298</v>
      </c>
      <c r="BX28" s="191">
        <v>231</v>
      </c>
      <c r="BY28" s="191">
        <v>149</v>
      </c>
      <c r="BZ28" s="196">
        <v>1097</v>
      </c>
      <c r="CA28" s="195">
        <v>1118</v>
      </c>
      <c r="CB28" s="190">
        <v>0</v>
      </c>
      <c r="CC28" s="191">
        <v>0</v>
      </c>
      <c r="CD28" s="196">
        <v>0</v>
      </c>
      <c r="CE28" s="193">
        <v>0</v>
      </c>
      <c r="CF28" s="191">
        <v>8</v>
      </c>
      <c r="CG28" s="191">
        <v>22</v>
      </c>
      <c r="CH28" s="191">
        <v>33</v>
      </c>
      <c r="CI28" s="191">
        <v>16</v>
      </c>
      <c r="CJ28" s="191">
        <v>13</v>
      </c>
      <c r="CK28" s="196">
        <v>92</v>
      </c>
      <c r="CL28" s="195">
        <v>92</v>
      </c>
      <c r="CM28" s="190">
        <v>0</v>
      </c>
      <c r="CN28" s="191">
        <v>0</v>
      </c>
      <c r="CO28" s="196">
        <v>0</v>
      </c>
      <c r="CP28" s="193">
        <v>0</v>
      </c>
      <c r="CQ28" s="191">
        <v>0</v>
      </c>
      <c r="CR28" s="191">
        <v>0</v>
      </c>
      <c r="CS28" s="191">
        <v>0</v>
      </c>
      <c r="CT28" s="191">
        <v>0</v>
      </c>
      <c r="CU28" s="191">
        <v>0</v>
      </c>
      <c r="CV28" s="196">
        <v>0</v>
      </c>
      <c r="CW28" s="195">
        <v>0</v>
      </c>
      <c r="CX28" s="190">
        <v>0</v>
      </c>
      <c r="CY28" s="191">
        <v>0</v>
      </c>
      <c r="CZ28" s="196">
        <v>0</v>
      </c>
      <c r="DA28" s="193">
        <v>0</v>
      </c>
      <c r="DB28" s="191">
        <v>0</v>
      </c>
      <c r="DC28" s="191">
        <v>0</v>
      </c>
      <c r="DD28" s="191">
        <v>0</v>
      </c>
      <c r="DE28" s="191">
        <v>0</v>
      </c>
      <c r="DF28" s="191">
        <v>0</v>
      </c>
      <c r="DG28" s="196">
        <v>0</v>
      </c>
      <c r="DH28" s="195">
        <v>0</v>
      </c>
    </row>
    <row r="29" spans="2:112" ht="21" customHeight="1" x14ac:dyDescent="0.2">
      <c r="B29" s="106" t="s">
        <v>27</v>
      </c>
      <c r="C29" s="190">
        <v>0</v>
      </c>
      <c r="D29" s="191">
        <v>0</v>
      </c>
      <c r="E29" s="192">
        <v>0</v>
      </c>
      <c r="F29" s="193">
        <v>0</v>
      </c>
      <c r="G29" s="191">
        <v>641</v>
      </c>
      <c r="H29" s="191">
        <v>975</v>
      </c>
      <c r="I29" s="191">
        <v>866</v>
      </c>
      <c r="J29" s="191">
        <v>1575</v>
      </c>
      <c r="K29" s="191">
        <v>1508</v>
      </c>
      <c r="L29" s="194">
        <v>5565</v>
      </c>
      <c r="M29" s="195">
        <v>5565</v>
      </c>
      <c r="N29" s="190">
        <v>0</v>
      </c>
      <c r="O29" s="191">
        <v>0</v>
      </c>
      <c r="P29" s="196">
        <v>0</v>
      </c>
      <c r="Q29" s="193">
        <v>0</v>
      </c>
      <c r="R29" s="191">
        <v>4</v>
      </c>
      <c r="S29" s="191">
        <v>19</v>
      </c>
      <c r="T29" s="191">
        <v>24</v>
      </c>
      <c r="U29" s="191">
        <v>46</v>
      </c>
      <c r="V29" s="191">
        <v>87</v>
      </c>
      <c r="W29" s="196">
        <v>180</v>
      </c>
      <c r="X29" s="195">
        <v>180</v>
      </c>
      <c r="Y29" s="190">
        <v>147</v>
      </c>
      <c r="Z29" s="191">
        <v>390</v>
      </c>
      <c r="AA29" s="196">
        <v>537</v>
      </c>
      <c r="AB29" s="193">
        <v>0</v>
      </c>
      <c r="AC29" s="191">
        <v>238</v>
      </c>
      <c r="AD29" s="191">
        <v>464</v>
      </c>
      <c r="AE29" s="191">
        <v>306</v>
      </c>
      <c r="AF29" s="191">
        <v>324</v>
      </c>
      <c r="AG29" s="191">
        <v>261</v>
      </c>
      <c r="AH29" s="196">
        <v>1593</v>
      </c>
      <c r="AI29" s="195">
        <v>2130</v>
      </c>
      <c r="AJ29" s="190">
        <v>12</v>
      </c>
      <c r="AK29" s="191">
        <v>21</v>
      </c>
      <c r="AL29" s="196">
        <v>33</v>
      </c>
      <c r="AM29" s="193">
        <v>0</v>
      </c>
      <c r="AN29" s="191">
        <v>9</v>
      </c>
      <c r="AO29" s="191">
        <v>0</v>
      </c>
      <c r="AP29" s="191">
        <v>24</v>
      </c>
      <c r="AQ29" s="191">
        <v>8</v>
      </c>
      <c r="AR29" s="191">
        <v>18</v>
      </c>
      <c r="AS29" s="196">
        <v>59</v>
      </c>
      <c r="AT29" s="195">
        <v>92</v>
      </c>
      <c r="AU29" s="190">
        <v>0</v>
      </c>
      <c r="AV29" s="191">
        <v>0</v>
      </c>
      <c r="AW29" s="196">
        <v>0</v>
      </c>
      <c r="AX29" s="193">
        <v>0</v>
      </c>
      <c r="AY29" s="191">
        <v>991</v>
      </c>
      <c r="AZ29" s="191">
        <v>497</v>
      </c>
      <c r="BA29" s="191">
        <v>353</v>
      </c>
      <c r="BB29" s="191">
        <v>362</v>
      </c>
      <c r="BC29" s="191">
        <v>163</v>
      </c>
      <c r="BD29" s="194">
        <v>2366</v>
      </c>
      <c r="BE29" s="195">
        <v>2366</v>
      </c>
      <c r="BF29" s="190">
        <v>0</v>
      </c>
      <c r="BG29" s="191">
        <v>0</v>
      </c>
      <c r="BH29" s="196">
        <v>0</v>
      </c>
      <c r="BI29" s="193">
        <v>0</v>
      </c>
      <c r="BJ29" s="191">
        <v>172</v>
      </c>
      <c r="BK29" s="191">
        <v>223</v>
      </c>
      <c r="BL29" s="191">
        <v>149</v>
      </c>
      <c r="BM29" s="191">
        <v>32</v>
      </c>
      <c r="BN29" s="191">
        <v>51</v>
      </c>
      <c r="BO29" s="196">
        <v>627</v>
      </c>
      <c r="BP29" s="195">
        <v>627</v>
      </c>
      <c r="BQ29" s="190">
        <v>5</v>
      </c>
      <c r="BR29" s="191">
        <v>21</v>
      </c>
      <c r="BS29" s="196">
        <v>26</v>
      </c>
      <c r="BT29" s="193">
        <v>0</v>
      </c>
      <c r="BU29" s="191">
        <v>86</v>
      </c>
      <c r="BV29" s="191">
        <v>131</v>
      </c>
      <c r="BW29" s="191">
        <v>216</v>
      </c>
      <c r="BX29" s="191">
        <v>109</v>
      </c>
      <c r="BY29" s="191">
        <v>50</v>
      </c>
      <c r="BZ29" s="196">
        <v>592</v>
      </c>
      <c r="CA29" s="195">
        <v>618</v>
      </c>
      <c r="CB29" s="190">
        <v>2</v>
      </c>
      <c r="CC29" s="191">
        <v>3</v>
      </c>
      <c r="CD29" s="196">
        <v>5</v>
      </c>
      <c r="CE29" s="193">
        <v>0</v>
      </c>
      <c r="CF29" s="191">
        <v>35</v>
      </c>
      <c r="CG29" s="191">
        <v>14</v>
      </c>
      <c r="CH29" s="191">
        <v>8</v>
      </c>
      <c r="CI29" s="191">
        <v>8</v>
      </c>
      <c r="CJ29" s="191">
        <v>7</v>
      </c>
      <c r="CK29" s="196">
        <v>72</v>
      </c>
      <c r="CL29" s="195">
        <v>77</v>
      </c>
      <c r="CM29" s="190">
        <v>0</v>
      </c>
      <c r="CN29" s="191">
        <v>0</v>
      </c>
      <c r="CO29" s="196">
        <v>0</v>
      </c>
      <c r="CP29" s="193">
        <v>0</v>
      </c>
      <c r="CQ29" s="191">
        <v>0</v>
      </c>
      <c r="CR29" s="191">
        <v>0</v>
      </c>
      <c r="CS29" s="191">
        <v>0</v>
      </c>
      <c r="CT29" s="191">
        <v>0</v>
      </c>
      <c r="CU29" s="191">
        <v>0</v>
      </c>
      <c r="CV29" s="196">
        <v>0</v>
      </c>
      <c r="CW29" s="195">
        <v>0</v>
      </c>
      <c r="CX29" s="190">
        <v>0</v>
      </c>
      <c r="CY29" s="191">
        <v>0</v>
      </c>
      <c r="CZ29" s="196">
        <v>0</v>
      </c>
      <c r="DA29" s="193">
        <v>0</v>
      </c>
      <c r="DB29" s="191">
        <v>0</v>
      </c>
      <c r="DC29" s="191">
        <v>0</v>
      </c>
      <c r="DD29" s="191">
        <v>0</v>
      </c>
      <c r="DE29" s="191">
        <v>0</v>
      </c>
      <c r="DF29" s="191">
        <v>0</v>
      </c>
      <c r="DG29" s="196">
        <v>0</v>
      </c>
      <c r="DH29" s="195">
        <v>0</v>
      </c>
    </row>
    <row r="30" spans="2:112" ht="21" customHeight="1" x14ac:dyDescent="0.2">
      <c r="B30" s="106" t="s">
        <v>28</v>
      </c>
      <c r="C30" s="190">
        <v>0</v>
      </c>
      <c r="D30" s="191">
        <v>0</v>
      </c>
      <c r="E30" s="192">
        <v>0</v>
      </c>
      <c r="F30" s="193">
        <v>0</v>
      </c>
      <c r="G30" s="191">
        <v>122</v>
      </c>
      <c r="H30" s="191">
        <v>279</v>
      </c>
      <c r="I30" s="191">
        <v>124</v>
      </c>
      <c r="J30" s="191">
        <v>131</v>
      </c>
      <c r="K30" s="191">
        <v>334</v>
      </c>
      <c r="L30" s="194">
        <v>990</v>
      </c>
      <c r="M30" s="195">
        <v>990</v>
      </c>
      <c r="N30" s="190">
        <v>0</v>
      </c>
      <c r="O30" s="191">
        <v>0</v>
      </c>
      <c r="P30" s="196">
        <v>0</v>
      </c>
      <c r="Q30" s="193">
        <v>0</v>
      </c>
      <c r="R30" s="191">
        <v>0</v>
      </c>
      <c r="S30" s="191">
        <v>0</v>
      </c>
      <c r="T30" s="191">
        <v>16</v>
      </c>
      <c r="U30" s="191">
        <v>9</v>
      </c>
      <c r="V30" s="191">
        <v>18</v>
      </c>
      <c r="W30" s="196">
        <v>43</v>
      </c>
      <c r="X30" s="195">
        <v>43</v>
      </c>
      <c r="Y30" s="190">
        <v>12</v>
      </c>
      <c r="Z30" s="191">
        <v>31</v>
      </c>
      <c r="AA30" s="196">
        <v>43</v>
      </c>
      <c r="AB30" s="193">
        <v>0</v>
      </c>
      <c r="AC30" s="191">
        <v>61</v>
      </c>
      <c r="AD30" s="191">
        <v>95</v>
      </c>
      <c r="AE30" s="191">
        <v>67</v>
      </c>
      <c r="AF30" s="191">
        <v>112</v>
      </c>
      <c r="AG30" s="191">
        <v>42</v>
      </c>
      <c r="AH30" s="196">
        <v>377</v>
      </c>
      <c r="AI30" s="195">
        <v>420</v>
      </c>
      <c r="AJ30" s="190">
        <v>0</v>
      </c>
      <c r="AK30" s="191">
        <v>0</v>
      </c>
      <c r="AL30" s="196">
        <v>0</v>
      </c>
      <c r="AM30" s="193">
        <v>0</v>
      </c>
      <c r="AN30" s="191">
        <v>6</v>
      </c>
      <c r="AO30" s="191">
        <v>0</v>
      </c>
      <c r="AP30" s="191">
        <v>24</v>
      </c>
      <c r="AQ30" s="191">
        <v>9</v>
      </c>
      <c r="AR30" s="191">
        <v>17</v>
      </c>
      <c r="AS30" s="196">
        <v>56</v>
      </c>
      <c r="AT30" s="195">
        <v>56</v>
      </c>
      <c r="AU30" s="190">
        <v>0</v>
      </c>
      <c r="AV30" s="191">
        <v>0</v>
      </c>
      <c r="AW30" s="196">
        <v>0</v>
      </c>
      <c r="AX30" s="193">
        <v>0</v>
      </c>
      <c r="AY30" s="191">
        <v>210</v>
      </c>
      <c r="AZ30" s="191">
        <v>376</v>
      </c>
      <c r="BA30" s="191">
        <v>218</v>
      </c>
      <c r="BB30" s="191">
        <v>127</v>
      </c>
      <c r="BC30" s="191">
        <v>79</v>
      </c>
      <c r="BD30" s="194">
        <v>1010</v>
      </c>
      <c r="BE30" s="195">
        <v>1010</v>
      </c>
      <c r="BF30" s="190">
        <v>0</v>
      </c>
      <c r="BG30" s="191">
        <v>0</v>
      </c>
      <c r="BH30" s="196">
        <v>0</v>
      </c>
      <c r="BI30" s="193">
        <v>0</v>
      </c>
      <c r="BJ30" s="191">
        <v>84</v>
      </c>
      <c r="BK30" s="191">
        <v>110</v>
      </c>
      <c r="BL30" s="191">
        <v>48</v>
      </c>
      <c r="BM30" s="191">
        <v>85</v>
      </c>
      <c r="BN30" s="191">
        <v>15</v>
      </c>
      <c r="BO30" s="196">
        <v>342</v>
      </c>
      <c r="BP30" s="195">
        <v>342</v>
      </c>
      <c r="BQ30" s="190">
        <v>0</v>
      </c>
      <c r="BR30" s="191">
        <v>0</v>
      </c>
      <c r="BS30" s="196">
        <v>0</v>
      </c>
      <c r="BT30" s="193">
        <v>0</v>
      </c>
      <c r="BU30" s="191">
        <v>4</v>
      </c>
      <c r="BV30" s="191">
        <v>29</v>
      </c>
      <c r="BW30" s="191">
        <v>41</v>
      </c>
      <c r="BX30" s="191">
        <v>112</v>
      </c>
      <c r="BY30" s="191">
        <v>27</v>
      </c>
      <c r="BZ30" s="196">
        <v>213</v>
      </c>
      <c r="CA30" s="195">
        <v>213</v>
      </c>
      <c r="CB30" s="190">
        <v>0</v>
      </c>
      <c r="CC30" s="191">
        <v>0</v>
      </c>
      <c r="CD30" s="196">
        <v>0</v>
      </c>
      <c r="CE30" s="193">
        <v>0</v>
      </c>
      <c r="CF30" s="191">
        <v>5</v>
      </c>
      <c r="CG30" s="191">
        <v>0</v>
      </c>
      <c r="CH30" s="191">
        <v>15</v>
      </c>
      <c r="CI30" s="191">
        <v>12</v>
      </c>
      <c r="CJ30" s="191">
        <v>2</v>
      </c>
      <c r="CK30" s="196">
        <v>34</v>
      </c>
      <c r="CL30" s="195">
        <v>34</v>
      </c>
      <c r="CM30" s="190">
        <v>0</v>
      </c>
      <c r="CN30" s="191">
        <v>0</v>
      </c>
      <c r="CO30" s="196">
        <v>0</v>
      </c>
      <c r="CP30" s="193">
        <v>0</v>
      </c>
      <c r="CQ30" s="191">
        <v>0</v>
      </c>
      <c r="CR30" s="191">
        <v>0</v>
      </c>
      <c r="CS30" s="191">
        <v>0</v>
      </c>
      <c r="CT30" s="191">
        <v>0</v>
      </c>
      <c r="CU30" s="191">
        <v>0</v>
      </c>
      <c r="CV30" s="196">
        <v>0</v>
      </c>
      <c r="CW30" s="195">
        <v>0</v>
      </c>
      <c r="CX30" s="190">
        <v>0</v>
      </c>
      <c r="CY30" s="191">
        <v>0</v>
      </c>
      <c r="CZ30" s="196">
        <v>0</v>
      </c>
      <c r="DA30" s="193">
        <v>0</v>
      </c>
      <c r="DB30" s="191">
        <v>0</v>
      </c>
      <c r="DC30" s="191">
        <v>0</v>
      </c>
      <c r="DD30" s="191">
        <v>0</v>
      </c>
      <c r="DE30" s="191">
        <v>0</v>
      </c>
      <c r="DF30" s="191">
        <v>0</v>
      </c>
      <c r="DG30" s="196">
        <v>0</v>
      </c>
      <c r="DH30" s="195">
        <v>0</v>
      </c>
    </row>
    <row r="31" spans="2:112" ht="21" customHeight="1" x14ac:dyDescent="0.2">
      <c r="B31" s="106" t="s">
        <v>29</v>
      </c>
      <c r="C31" s="190">
        <v>0</v>
      </c>
      <c r="D31" s="191">
        <v>0</v>
      </c>
      <c r="E31" s="192">
        <v>0</v>
      </c>
      <c r="F31" s="193">
        <v>0</v>
      </c>
      <c r="G31" s="191">
        <v>191</v>
      </c>
      <c r="H31" s="191">
        <v>523</v>
      </c>
      <c r="I31" s="191">
        <v>512</v>
      </c>
      <c r="J31" s="191">
        <v>1761</v>
      </c>
      <c r="K31" s="191">
        <v>811</v>
      </c>
      <c r="L31" s="194">
        <v>3798</v>
      </c>
      <c r="M31" s="195">
        <v>3798</v>
      </c>
      <c r="N31" s="190">
        <v>0</v>
      </c>
      <c r="O31" s="191">
        <v>0</v>
      </c>
      <c r="P31" s="196">
        <v>0</v>
      </c>
      <c r="Q31" s="193">
        <v>0</v>
      </c>
      <c r="R31" s="191">
        <v>0</v>
      </c>
      <c r="S31" s="191">
        <v>8</v>
      </c>
      <c r="T31" s="191">
        <v>0</v>
      </c>
      <c r="U31" s="191">
        <v>21</v>
      </c>
      <c r="V31" s="191">
        <v>53</v>
      </c>
      <c r="W31" s="196">
        <v>82</v>
      </c>
      <c r="X31" s="195">
        <v>82</v>
      </c>
      <c r="Y31" s="190">
        <v>7</v>
      </c>
      <c r="Z31" s="191">
        <v>36</v>
      </c>
      <c r="AA31" s="196">
        <v>43</v>
      </c>
      <c r="AB31" s="193">
        <v>0</v>
      </c>
      <c r="AC31" s="191">
        <v>178</v>
      </c>
      <c r="AD31" s="191">
        <v>248</v>
      </c>
      <c r="AE31" s="191">
        <v>145</v>
      </c>
      <c r="AF31" s="191">
        <v>150</v>
      </c>
      <c r="AG31" s="191">
        <v>143</v>
      </c>
      <c r="AH31" s="196">
        <v>864</v>
      </c>
      <c r="AI31" s="195">
        <v>907</v>
      </c>
      <c r="AJ31" s="190">
        <v>0</v>
      </c>
      <c r="AK31" s="191">
        <v>43</v>
      </c>
      <c r="AL31" s="196">
        <v>43</v>
      </c>
      <c r="AM31" s="193">
        <v>0</v>
      </c>
      <c r="AN31" s="191">
        <v>33</v>
      </c>
      <c r="AO31" s="191">
        <v>36</v>
      </c>
      <c r="AP31" s="191">
        <v>21</v>
      </c>
      <c r="AQ31" s="191">
        <v>6</v>
      </c>
      <c r="AR31" s="191">
        <v>20</v>
      </c>
      <c r="AS31" s="196">
        <v>116</v>
      </c>
      <c r="AT31" s="195">
        <v>159</v>
      </c>
      <c r="AU31" s="190">
        <v>0</v>
      </c>
      <c r="AV31" s="191">
        <v>0</v>
      </c>
      <c r="AW31" s="196">
        <v>0</v>
      </c>
      <c r="AX31" s="193">
        <v>0</v>
      </c>
      <c r="AY31" s="191">
        <v>318</v>
      </c>
      <c r="AZ31" s="191">
        <v>344</v>
      </c>
      <c r="BA31" s="191">
        <v>340</v>
      </c>
      <c r="BB31" s="191">
        <v>151</v>
      </c>
      <c r="BC31" s="191">
        <v>40</v>
      </c>
      <c r="BD31" s="194">
        <v>1193</v>
      </c>
      <c r="BE31" s="195">
        <v>1193</v>
      </c>
      <c r="BF31" s="190">
        <v>0</v>
      </c>
      <c r="BG31" s="191">
        <v>0</v>
      </c>
      <c r="BH31" s="196">
        <v>0</v>
      </c>
      <c r="BI31" s="193">
        <v>0</v>
      </c>
      <c r="BJ31" s="191">
        <v>85</v>
      </c>
      <c r="BK31" s="191">
        <v>95</v>
      </c>
      <c r="BL31" s="191">
        <v>94</v>
      </c>
      <c r="BM31" s="191">
        <v>35</v>
      </c>
      <c r="BN31" s="191">
        <v>12</v>
      </c>
      <c r="BO31" s="196">
        <v>321</v>
      </c>
      <c r="BP31" s="195">
        <v>321</v>
      </c>
      <c r="BQ31" s="190">
        <v>0</v>
      </c>
      <c r="BR31" s="191">
        <v>0</v>
      </c>
      <c r="BS31" s="196">
        <v>0</v>
      </c>
      <c r="BT31" s="193">
        <v>0</v>
      </c>
      <c r="BU31" s="191">
        <v>29</v>
      </c>
      <c r="BV31" s="191">
        <v>49</v>
      </c>
      <c r="BW31" s="191">
        <v>136</v>
      </c>
      <c r="BX31" s="191">
        <v>128</v>
      </c>
      <c r="BY31" s="191">
        <v>51</v>
      </c>
      <c r="BZ31" s="196">
        <v>393</v>
      </c>
      <c r="CA31" s="195">
        <v>393</v>
      </c>
      <c r="CB31" s="190">
        <v>0</v>
      </c>
      <c r="CC31" s="191">
        <v>0</v>
      </c>
      <c r="CD31" s="196">
        <v>0</v>
      </c>
      <c r="CE31" s="193">
        <v>0</v>
      </c>
      <c r="CF31" s="191">
        <v>0</v>
      </c>
      <c r="CG31" s="191">
        <v>4</v>
      </c>
      <c r="CH31" s="191">
        <v>8</v>
      </c>
      <c r="CI31" s="191">
        <v>13</v>
      </c>
      <c r="CJ31" s="191">
        <v>28</v>
      </c>
      <c r="CK31" s="196">
        <v>53</v>
      </c>
      <c r="CL31" s="195">
        <v>53</v>
      </c>
      <c r="CM31" s="190">
        <v>0</v>
      </c>
      <c r="CN31" s="191">
        <v>0</v>
      </c>
      <c r="CO31" s="196">
        <v>0</v>
      </c>
      <c r="CP31" s="193">
        <v>0</v>
      </c>
      <c r="CQ31" s="191">
        <v>0</v>
      </c>
      <c r="CR31" s="191">
        <v>0</v>
      </c>
      <c r="CS31" s="191">
        <v>0</v>
      </c>
      <c r="CT31" s="191">
        <v>0</v>
      </c>
      <c r="CU31" s="191">
        <v>0</v>
      </c>
      <c r="CV31" s="196">
        <v>0</v>
      </c>
      <c r="CW31" s="195">
        <v>0</v>
      </c>
      <c r="CX31" s="190">
        <v>0</v>
      </c>
      <c r="CY31" s="191">
        <v>0</v>
      </c>
      <c r="CZ31" s="196">
        <v>0</v>
      </c>
      <c r="DA31" s="193">
        <v>0</v>
      </c>
      <c r="DB31" s="191">
        <v>0</v>
      </c>
      <c r="DC31" s="191">
        <v>0</v>
      </c>
      <c r="DD31" s="191">
        <v>0</v>
      </c>
      <c r="DE31" s="191">
        <v>0</v>
      </c>
      <c r="DF31" s="191">
        <v>0</v>
      </c>
      <c r="DG31" s="196">
        <v>0</v>
      </c>
      <c r="DH31" s="195">
        <v>0</v>
      </c>
    </row>
    <row r="32" spans="2:112" ht="21" customHeight="1" x14ac:dyDescent="0.2">
      <c r="B32" s="106" t="s">
        <v>30</v>
      </c>
      <c r="C32" s="190">
        <v>0</v>
      </c>
      <c r="D32" s="191">
        <v>0</v>
      </c>
      <c r="E32" s="192">
        <v>0</v>
      </c>
      <c r="F32" s="193">
        <v>0</v>
      </c>
      <c r="G32" s="191">
        <v>414</v>
      </c>
      <c r="H32" s="191">
        <v>346</v>
      </c>
      <c r="I32" s="191">
        <v>633</v>
      </c>
      <c r="J32" s="191">
        <v>677</v>
      </c>
      <c r="K32" s="191">
        <v>441</v>
      </c>
      <c r="L32" s="194">
        <v>2511</v>
      </c>
      <c r="M32" s="195">
        <v>2511</v>
      </c>
      <c r="N32" s="190">
        <v>0</v>
      </c>
      <c r="O32" s="191">
        <v>0</v>
      </c>
      <c r="P32" s="196">
        <v>0</v>
      </c>
      <c r="Q32" s="193">
        <v>0</v>
      </c>
      <c r="R32" s="191">
        <v>5</v>
      </c>
      <c r="S32" s="191">
        <v>4</v>
      </c>
      <c r="T32" s="191">
        <v>23</v>
      </c>
      <c r="U32" s="191">
        <v>35</v>
      </c>
      <c r="V32" s="191">
        <v>8</v>
      </c>
      <c r="W32" s="196">
        <v>75</v>
      </c>
      <c r="X32" s="195">
        <v>75</v>
      </c>
      <c r="Y32" s="190">
        <v>15</v>
      </c>
      <c r="Z32" s="191">
        <v>55</v>
      </c>
      <c r="AA32" s="196">
        <v>70</v>
      </c>
      <c r="AB32" s="193">
        <v>0</v>
      </c>
      <c r="AC32" s="191">
        <v>253</v>
      </c>
      <c r="AD32" s="191">
        <v>138</v>
      </c>
      <c r="AE32" s="191">
        <v>111</v>
      </c>
      <c r="AF32" s="191">
        <v>133</v>
      </c>
      <c r="AG32" s="191">
        <v>36</v>
      </c>
      <c r="AH32" s="196">
        <v>671</v>
      </c>
      <c r="AI32" s="195">
        <v>741</v>
      </c>
      <c r="AJ32" s="190">
        <v>12</v>
      </c>
      <c r="AK32" s="191">
        <v>0</v>
      </c>
      <c r="AL32" s="196">
        <v>12</v>
      </c>
      <c r="AM32" s="193">
        <v>0</v>
      </c>
      <c r="AN32" s="191">
        <v>36</v>
      </c>
      <c r="AO32" s="191">
        <v>46</v>
      </c>
      <c r="AP32" s="191">
        <v>45</v>
      </c>
      <c r="AQ32" s="191">
        <v>0</v>
      </c>
      <c r="AR32" s="191">
        <v>0</v>
      </c>
      <c r="AS32" s="196">
        <v>127</v>
      </c>
      <c r="AT32" s="195">
        <v>139</v>
      </c>
      <c r="AU32" s="190">
        <v>0</v>
      </c>
      <c r="AV32" s="191">
        <v>0</v>
      </c>
      <c r="AW32" s="196">
        <v>0</v>
      </c>
      <c r="AX32" s="193">
        <v>0</v>
      </c>
      <c r="AY32" s="191">
        <v>281</v>
      </c>
      <c r="AZ32" s="191">
        <v>199</v>
      </c>
      <c r="BA32" s="191">
        <v>143</v>
      </c>
      <c r="BB32" s="191">
        <v>138</v>
      </c>
      <c r="BC32" s="191">
        <v>13</v>
      </c>
      <c r="BD32" s="194">
        <v>774</v>
      </c>
      <c r="BE32" s="195">
        <v>774</v>
      </c>
      <c r="BF32" s="190">
        <v>0</v>
      </c>
      <c r="BG32" s="191">
        <v>0</v>
      </c>
      <c r="BH32" s="196">
        <v>0</v>
      </c>
      <c r="BI32" s="193">
        <v>0</v>
      </c>
      <c r="BJ32" s="191">
        <v>64</v>
      </c>
      <c r="BK32" s="191">
        <v>75</v>
      </c>
      <c r="BL32" s="191">
        <v>29</v>
      </c>
      <c r="BM32" s="191">
        <v>24</v>
      </c>
      <c r="BN32" s="191">
        <v>8</v>
      </c>
      <c r="BO32" s="196">
        <v>200</v>
      </c>
      <c r="BP32" s="195">
        <v>200</v>
      </c>
      <c r="BQ32" s="190">
        <v>0</v>
      </c>
      <c r="BR32" s="191">
        <v>0</v>
      </c>
      <c r="BS32" s="196">
        <v>0</v>
      </c>
      <c r="BT32" s="193">
        <v>0</v>
      </c>
      <c r="BU32" s="191">
        <v>24</v>
      </c>
      <c r="BV32" s="191">
        <v>84</v>
      </c>
      <c r="BW32" s="191">
        <v>103</v>
      </c>
      <c r="BX32" s="191">
        <v>38</v>
      </c>
      <c r="BY32" s="191">
        <v>0</v>
      </c>
      <c r="BZ32" s="196">
        <v>249</v>
      </c>
      <c r="CA32" s="195">
        <v>249</v>
      </c>
      <c r="CB32" s="190">
        <v>0</v>
      </c>
      <c r="CC32" s="191">
        <v>0</v>
      </c>
      <c r="CD32" s="196">
        <v>0</v>
      </c>
      <c r="CE32" s="193">
        <v>0</v>
      </c>
      <c r="CF32" s="191">
        <v>6</v>
      </c>
      <c r="CG32" s="191">
        <v>5</v>
      </c>
      <c r="CH32" s="191">
        <v>0</v>
      </c>
      <c r="CI32" s="191">
        <v>0</v>
      </c>
      <c r="CJ32" s="191">
        <v>4</v>
      </c>
      <c r="CK32" s="196">
        <v>15</v>
      </c>
      <c r="CL32" s="195">
        <v>15</v>
      </c>
      <c r="CM32" s="190">
        <v>0</v>
      </c>
      <c r="CN32" s="191">
        <v>0</v>
      </c>
      <c r="CO32" s="196">
        <v>0</v>
      </c>
      <c r="CP32" s="193">
        <v>0</v>
      </c>
      <c r="CQ32" s="191">
        <v>0</v>
      </c>
      <c r="CR32" s="191">
        <v>0</v>
      </c>
      <c r="CS32" s="191">
        <v>0</v>
      </c>
      <c r="CT32" s="191">
        <v>0</v>
      </c>
      <c r="CU32" s="191">
        <v>0</v>
      </c>
      <c r="CV32" s="196">
        <v>0</v>
      </c>
      <c r="CW32" s="195">
        <v>0</v>
      </c>
      <c r="CX32" s="190">
        <v>0</v>
      </c>
      <c r="CY32" s="191">
        <v>0</v>
      </c>
      <c r="CZ32" s="196">
        <v>0</v>
      </c>
      <c r="DA32" s="193">
        <v>0</v>
      </c>
      <c r="DB32" s="191">
        <v>0</v>
      </c>
      <c r="DC32" s="191">
        <v>0</v>
      </c>
      <c r="DD32" s="191">
        <v>0</v>
      </c>
      <c r="DE32" s="191">
        <v>0</v>
      </c>
      <c r="DF32" s="191">
        <v>0</v>
      </c>
      <c r="DG32" s="196">
        <v>0</v>
      </c>
      <c r="DH32" s="195">
        <v>0</v>
      </c>
    </row>
    <row r="33" spans="2:112" ht="21" customHeight="1" x14ac:dyDescent="0.2">
      <c r="B33" s="106" t="s">
        <v>31</v>
      </c>
      <c r="C33" s="190">
        <v>0</v>
      </c>
      <c r="D33" s="191">
        <v>0</v>
      </c>
      <c r="E33" s="192">
        <v>0</v>
      </c>
      <c r="F33" s="193">
        <v>0</v>
      </c>
      <c r="G33" s="191">
        <v>136</v>
      </c>
      <c r="H33" s="191">
        <v>182</v>
      </c>
      <c r="I33" s="191">
        <v>187</v>
      </c>
      <c r="J33" s="191">
        <v>394</v>
      </c>
      <c r="K33" s="191">
        <v>6</v>
      </c>
      <c r="L33" s="194">
        <v>905</v>
      </c>
      <c r="M33" s="195">
        <v>905</v>
      </c>
      <c r="N33" s="190">
        <v>0</v>
      </c>
      <c r="O33" s="191">
        <v>0</v>
      </c>
      <c r="P33" s="196">
        <v>0</v>
      </c>
      <c r="Q33" s="193">
        <v>0</v>
      </c>
      <c r="R33" s="191">
        <v>12</v>
      </c>
      <c r="S33" s="191">
        <v>16</v>
      </c>
      <c r="T33" s="191">
        <v>8</v>
      </c>
      <c r="U33" s="191">
        <v>37</v>
      </c>
      <c r="V33" s="191">
        <v>30</v>
      </c>
      <c r="W33" s="196">
        <v>103</v>
      </c>
      <c r="X33" s="195">
        <v>103</v>
      </c>
      <c r="Y33" s="190">
        <v>12</v>
      </c>
      <c r="Z33" s="191">
        <v>23</v>
      </c>
      <c r="AA33" s="196">
        <v>35</v>
      </c>
      <c r="AB33" s="193">
        <v>0</v>
      </c>
      <c r="AC33" s="191">
        <v>136</v>
      </c>
      <c r="AD33" s="191">
        <v>150</v>
      </c>
      <c r="AE33" s="191">
        <v>189</v>
      </c>
      <c r="AF33" s="191">
        <v>135</v>
      </c>
      <c r="AG33" s="191">
        <v>71</v>
      </c>
      <c r="AH33" s="196">
        <v>681</v>
      </c>
      <c r="AI33" s="195">
        <v>716</v>
      </c>
      <c r="AJ33" s="190">
        <v>0</v>
      </c>
      <c r="AK33" s="191">
        <v>18</v>
      </c>
      <c r="AL33" s="196">
        <v>18</v>
      </c>
      <c r="AM33" s="193">
        <v>0</v>
      </c>
      <c r="AN33" s="191">
        <v>42</v>
      </c>
      <c r="AO33" s="191">
        <v>12</v>
      </c>
      <c r="AP33" s="191">
        <v>9</v>
      </c>
      <c r="AQ33" s="191">
        <v>60</v>
      </c>
      <c r="AR33" s="191">
        <v>0</v>
      </c>
      <c r="AS33" s="196">
        <v>123</v>
      </c>
      <c r="AT33" s="195">
        <v>141</v>
      </c>
      <c r="AU33" s="190">
        <v>0</v>
      </c>
      <c r="AV33" s="191">
        <v>0</v>
      </c>
      <c r="AW33" s="196">
        <v>0</v>
      </c>
      <c r="AX33" s="193">
        <v>0</v>
      </c>
      <c r="AY33" s="191">
        <v>376</v>
      </c>
      <c r="AZ33" s="191">
        <v>348</v>
      </c>
      <c r="BA33" s="191">
        <v>147</v>
      </c>
      <c r="BB33" s="191">
        <v>69</v>
      </c>
      <c r="BC33" s="191">
        <v>55</v>
      </c>
      <c r="BD33" s="194">
        <v>995</v>
      </c>
      <c r="BE33" s="195">
        <v>995</v>
      </c>
      <c r="BF33" s="190">
        <v>0</v>
      </c>
      <c r="BG33" s="191">
        <v>0</v>
      </c>
      <c r="BH33" s="196">
        <v>0</v>
      </c>
      <c r="BI33" s="193">
        <v>0</v>
      </c>
      <c r="BJ33" s="191">
        <v>46</v>
      </c>
      <c r="BK33" s="191">
        <v>48</v>
      </c>
      <c r="BL33" s="191">
        <v>59</v>
      </c>
      <c r="BM33" s="191">
        <v>50</v>
      </c>
      <c r="BN33" s="191">
        <v>7</v>
      </c>
      <c r="BO33" s="196">
        <v>210</v>
      </c>
      <c r="BP33" s="195">
        <v>210</v>
      </c>
      <c r="BQ33" s="190">
        <v>0</v>
      </c>
      <c r="BR33" s="191">
        <v>6</v>
      </c>
      <c r="BS33" s="196">
        <v>6</v>
      </c>
      <c r="BT33" s="193">
        <v>0</v>
      </c>
      <c r="BU33" s="191">
        <v>42</v>
      </c>
      <c r="BV33" s="191">
        <v>67</v>
      </c>
      <c r="BW33" s="191">
        <v>181</v>
      </c>
      <c r="BX33" s="191">
        <v>19</v>
      </c>
      <c r="BY33" s="191">
        <v>0</v>
      </c>
      <c r="BZ33" s="196">
        <v>309</v>
      </c>
      <c r="CA33" s="195">
        <v>315</v>
      </c>
      <c r="CB33" s="190">
        <v>0</v>
      </c>
      <c r="CC33" s="191">
        <v>0</v>
      </c>
      <c r="CD33" s="196">
        <v>0</v>
      </c>
      <c r="CE33" s="193">
        <v>0</v>
      </c>
      <c r="CF33" s="191">
        <v>10</v>
      </c>
      <c r="CG33" s="191">
        <v>5</v>
      </c>
      <c r="CH33" s="191">
        <v>49</v>
      </c>
      <c r="CI33" s="191">
        <v>0</v>
      </c>
      <c r="CJ33" s="191">
        <v>5</v>
      </c>
      <c r="CK33" s="196">
        <v>69</v>
      </c>
      <c r="CL33" s="195">
        <v>69</v>
      </c>
      <c r="CM33" s="190">
        <v>0</v>
      </c>
      <c r="CN33" s="191">
        <v>0</v>
      </c>
      <c r="CO33" s="196">
        <v>0</v>
      </c>
      <c r="CP33" s="193">
        <v>0</v>
      </c>
      <c r="CQ33" s="191">
        <v>0</v>
      </c>
      <c r="CR33" s="191">
        <v>0</v>
      </c>
      <c r="CS33" s="191">
        <v>0</v>
      </c>
      <c r="CT33" s="191">
        <v>0</v>
      </c>
      <c r="CU33" s="191">
        <v>0</v>
      </c>
      <c r="CV33" s="196">
        <v>0</v>
      </c>
      <c r="CW33" s="195">
        <v>0</v>
      </c>
      <c r="CX33" s="190">
        <v>0</v>
      </c>
      <c r="CY33" s="191">
        <v>0</v>
      </c>
      <c r="CZ33" s="196">
        <v>0</v>
      </c>
      <c r="DA33" s="193">
        <v>0</v>
      </c>
      <c r="DB33" s="191">
        <v>0</v>
      </c>
      <c r="DC33" s="191">
        <v>0</v>
      </c>
      <c r="DD33" s="191">
        <v>0</v>
      </c>
      <c r="DE33" s="191">
        <v>0</v>
      </c>
      <c r="DF33" s="191">
        <v>0</v>
      </c>
      <c r="DG33" s="196">
        <v>0</v>
      </c>
      <c r="DH33" s="195">
        <v>0</v>
      </c>
    </row>
    <row r="34" spans="2:112" ht="21" customHeight="1" x14ac:dyDescent="0.2">
      <c r="B34" s="106" t="s">
        <v>32</v>
      </c>
      <c r="C34" s="190">
        <v>0</v>
      </c>
      <c r="D34" s="191">
        <v>0</v>
      </c>
      <c r="E34" s="192">
        <v>0</v>
      </c>
      <c r="F34" s="193">
        <v>0</v>
      </c>
      <c r="G34" s="191">
        <v>453</v>
      </c>
      <c r="H34" s="191">
        <v>367</v>
      </c>
      <c r="I34" s="191">
        <v>450</v>
      </c>
      <c r="J34" s="191">
        <v>480</v>
      </c>
      <c r="K34" s="191">
        <v>900</v>
      </c>
      <c r="L34" s="194">
        <v>2650</v>
      </c>
      <c r="M34" s="195">
        <v>2650</v>
      </c>
      <c r="N34" s="190">
        <v>0</v>
      </c>
      <c r="O34" s="191">
        <v>0</v>
      </c>
      <c r="P34" s="196">
        <v>0</v>
      </c>
      <c r="Q34" s="193">
        <v>0</v>
      </c>
      <c r="R34" s="191">
        <v>0</v>
      </c>
      <c r="S34" s="191">
        <v>0</v>
      </c>
      <c r="T34" s="191">
        <v>4</v>
      </c>
      <c r="U34" s="191">
        <v>31</v>
      </c>
      <c r="V34" s="191">
        <v>35</v>
      </c>
      <c r="W34" s="196">
        <v>70</v>
      </c>
      <c r="X34" s="195">
        <v>70</v>
      </c>
      <c r="Y34" s="190">
        <v>44</v>
      </c>
      <c r="Z34" s="191">
        <v>54</v>
      </c>
      <c r="AA34" s="196">
        <v>98</v>
      </c>
      <c r="AB34" s="193">
        <v>0</v>
      </c>
      <c r="AC34" s="191">
        <v>284</v>
      </c>
      <c r="AD34" s="191">
        <v>209</v>
      </c>
      <c r="AE34" s="191">
        <v>129</v>
      </c>
      <c r="AF34" s="191">
        <v>137</v>
      </c>
      <c r="AG34" s="191">
        <v>107</v>
      </c>
      <c r="AH34" s="196">
        <v>866</v>
      </c>
      <c r="AI34" s="195">
        <v>964</v>
      </c>
      <c r="AJ34" s="190">
        <v>0</v>
      </c>
      <c r="AK34" s="191">
        <v>12</v>
      </c>
      <c r="AL34" s="196">
        <v>12</v>
      </c>
      <c r="AM34" s="193">
        <v>0</v>
      </c>
      <c r="AN34" s="191">
        <v>57</v>
      </c>
      <c r="AO34" s="191">
        <v>0</v>
      </c>
      <c r="AP34" s="191">
        <v>0</v>
      </c>
      <c r="AQ34" s="191">
        <v>51</v>
      </c>
      <c r="AR34" s="191">
        <v>13</v>
      </c>
      <c r="AS34" s="196">
        <v>121</v>
      </c>
      <c r="AT34" s="195">
        <v>133</v>
      </c>
      <c r="AU34" s="190">
        <v>0</v>
      </c>
      <c r="AV34" s="191">
        <v>0</v>
      </c>
      <c r="AW34" s="196">
        <v>0</v>
      </c>
      <c r="AX34" s="193">
        <v>0</v>
      </c>
      <c r="AY34" s="191">
        <v>483</v>
      </c>
      <c r="AZ34" s="191">
        <v>584</v>
      </c>
      <c r="BA34" s="191">
        <v>285</v>
      </c>
      <c r="BB34" s="191">
        <v>196</v>
      </c>
      <c r="BC34" s="191">
        <v>60</v>
      </c>
      <c r="BD34" s="194">
        <v>1608</v>
      </c>
      <c r="BE34" s="195">
        <v>1608</v>
      </c>
      <c r="BF34" s="190">
        <v>0</v>
      </c>
      <c r="BG34" s="191">
        <v>0</v>
      </c>
      <c r="BH34" s="196">
        <v>0</v>
      </c>
      <c r="BI34" s="193">
        <v>0</v>
      </c>
      <c r="BJ34" s="191">
        <v>68</v>
      </c>
      <c r="BK34" s="191">
        <v>93</v>
      </c>
      <c r="BL34" s="191">
        <v>30</v>
      </c>
      <c r="BM34" s="191">
        <v>24</v>
      </c>
      <c r="BN34" s="191">
        <v>21</v>
      </c>
      <c r="BO34" s="196">
        <v>236</v>
      </c>
      <c r="BP34" s="195">
        <v>236</v>
      </c>
      <c r="BQ34" s="190">
        <v>0</v>
      </c>
      <c r="BR34" s="191">
        <v>0</v>
      </c>
      <c r="BS34" s="196">
        <v>0</v>
      </c>
      <c r="BT34" s="193">
        <v>0</v>
      </c>
      <c r="BU34" s="191">
        <v>18</v>
      </c>
      <c r="BV34" s="191">
        <v>87</v>
      </c>
      <c r="BW34" s="191">
        <v>131</v>
      </c>
      <c r="BX34" s="191">
        <v>54</v>
      </c>
      <c r="BY34" s="191">
        <v>25</v>
      </c>
      <c r="BZ34" s="196">
        <v>315</v>
      </c>
      <c r="CA34" s="195">
        <v>315</v>
      </c>
      <c r="CB34" s="190">
        <v>0</v>
      </c>
      <c r="CC34" s="191">
        <v>0</v>
      </c>
      <c r="CD34" s="196">
        <v>0</v>
      </c>
      <c r="CE34" s="193">
        <v>0</v>
      </c>
      <c r="CF34" s="191">
        <v>0</v>
      </c>
      <c r="CG34" s="191">
        <v>15</v>
      </c>
      <c r="CH34" s="191">
        <v>0</v>
      </c>
      <c r="CI34" s="191">
        <v>0</v>
      </c>
      <c r="CJ34" s="191">
        <v>7</v>
      </c>
      <c r="CK34" s="196">
        <v>22</v>
      </c>
      <c r="CL34" s="195">
        <v>22</v>
      </c>
      <c r="CM34" s="190">
        <v>0</v>
      </c>
      <c r="CN34" s="191">
        <v>0</v>
      </c>
      <c r="CO34" s="196">
        <v>0</v>
      </c>
      <c r="CP34" s="193">
        <v>0</v>
      </c>
      <c r="CQ34" s="191">
        <v>0</v>
      </c>
      <c r="CR34" s="191">
        <v>0</v>
      </c>
      <c r="CS34" s="191">
        <v>0</v>
      </c>
      <c r="CT34" s="191">
        <v>0</v>
      </c>
      <c r="CU34" s="191">
        <v>0</v>
      </c>
      <c r="CV34" s="196">
        <v>0</v>
      </c>
      <c r="CW34" s="195">
        <v>0</v>
      </c>
      <c r="CX34" s="190">
        <v>0</v>
      </c>
      <c r="CY34" s="191">
        <v>0</v>
      </c>
      <c r="CZ34" s="196">
        <v>0</v>
      </c>
      <c r="DA34" s="193">
        <v>0</v>
      </c>
      <c r="DB34" s="191">
        <v>0</v>
      </c>
      <c r="DC34" s="191">
        <v>0</v>
      </c>
      <c r="DD34" s="191">
        <v>0</v>
      </c>
      <c r="DE34" s="191">
        <v>0</v>
      </c>
      <c r="DF34" s="191">
        <v>0</v>
      </c>
      <c r="DG34" s="196">
        <v>0</v>
      </c>
      <c r="DH34" s="195">
        <v>0</v>
      </c>
    </row>
    <row r="35" spans="2:112" ht="21" customHeight="1" x14ac:dyDescent="0.2">
      <c r="B35" s="106" t="s">
        <v>33</v>
      </c>
      <c r="C35" s="190">
        <v>0</v>
      </c>
      <c r="D35" s="191">
        <v>0</v>
      </c>
      <c r="E35" s="192">
        <v>0</v>
      </c>
      <c r="F35" s="193">
        <v>0</v>
      </c>
      <c r="G35" s="191">
        <v>279</v>
      </c>
      <c r="H35" s="191">
        <v>336</v>
      </c>
      <c r="I35" s="191">
        <v>491</v>
      </c>
      <c r="J35" s="191">
        <v>65</v>
      </c>
      <c r="K35" s="191">
        <v>391</v>
      </c>
      <c r="L35" s="194">
        <v>1562</v>
      </c>
      <c r="M35" s="195">
        <v>1562</v>
      </c>
      <c r="N35" s="190">
        <v>0</v>
      </c>
      <c r="O35" s="191">
        <v>0</v>
      </c>
      <c r="P35" s="196">
        <v>0</v>
      </c>
      <c r="Q35" s="193">
        <v>0</v>
      </c>
      <c r="R35" s="191">
        <v>0</v>
      </c>
      <c r="S35" s="191">
        <v>4</v>
      </c>
      <c r="T35" s="191">
        <v>4</v>
      </c>
      <c r="U35" s="191">
        <v>8</v>
      </c>
      <c r="V35" s="191">
        <v>16</v>
      </c>
      <c r="W35" s="196">
        <v>32</v>
      </c>
      <c r="X35" s="195">
        <v>32</v>
      </c>
      <c r="Y35" s="190">
        <v>0</v>
      </c>
      <c r="Z35" s="191">
        <v>27</v>
      </c>
      <c r="AA35" s="196">
        <v>27</v>
      </c>
      <c r="AB35" s="193">
        <v>0</v>
      </c>
      <c r="AC35" s="191">
        <v>147</v>
      </c>
      <c r="AD35" s="191">
        <v>133</v>
      </c>
      <c r="AE35" s="191">
        <v>31</v>
      </c>
      <c r="AF35" s="191">
        <v>16</v>
      </c>
      <c r="AG35" s="191">
        <v>18</v>
      </c>
      <c r="AH35" s="196">
        <v>345</v>
      </c>
      <c r="AI35" s="195">
        <v>372</v>
      </c>
      <c r="AJ35" s="190">
        <v>100</v>
      </c>
      <c r="AK35" s="191">
        <v>206</v>
      </c>
      <c r="AL35" s="196">
        <v>306</v>
      </c>
      <c r="AM35" s="193">
        <v>0</v>
      </c>
      <c r="AN35" s="191">
        <v>539</v>
      </c>
      <c r="AO35" s="191">
        <v>233</v>
      </c>
      <c r="AP35" s="191">
        <v>127</v>
      </c>
      <c r="AQ35" s="191">
        <v>46</v>
      </c>
      <c r="AR35" s="191">
        <v>15</v>
      </c>
      <c r="AS35" s="196">
        <v>960</v>
      </c>
      <c r="AT35" s="195">
        <v>1266</v>
      </c>
      <c r="AU35" s="190">
        <v>0</v>
      </c>
      <c r="AV35" s="191">
        <v>0</v>
      </c>
      <c r="AW35" s="196">
        <v>0</v>
      </c>
      <c r="AX35" s="193">
        <v>0</v>
      </c>
      <c r="AY35" s="191">
        <v>74</v>
      </c>
      <c r="AZ35" s="191">
        <v>93</v>
      </c>
      <c r="BA35" s="191">
        <v>31</v>
      </c>
      <c r="BB35" s="191">
        <v>19</v>
      </c>
      <c r="BC35" s="191">
        <v>21</v>
      </c>
      <c r="BD35" s="194">
        <v>238</v>
      </c>
      <c r="BE35" s="195">
        <v>238</v>
      </c>
      <c r="BF35" s="190">
        <v>0</v>
      </c>
      <c r="BG35" s="191">
        <v>0</v>
      </c>
      <c r="BH35" s="196">
        <v>0</v>
      </c>
      <c r="BI35" s="193">
        <v>0</v>
      </c>
      <c r="BJ35" s="191">
        <v>237</v>
      </c>
      <c r="BK35" s="191">
        <v>93</v>
      </c>
      <c r="BL35" s="191">
        <v>48</v>
      </c>
      <c r="BM35" s="191">
        <v>21</v>
      </c>
      <c r="BN35" s="191">
        <v>10</v>
      </c>
      <c r="BO35" s="196">
        <v>409</v>
      </c>
      <c r="BP35" s="195">
        <v>409</v>
      </c>
      <c r="BQ35" s="190">
        <v>0</v>
      </c>
      <c r="BR35" s="191">
        <v>11</v>
      </c>
      <c r="BS35" s="196">
        <v>11</v>
      </c>
      <c r="BT35" s="193">
        <v>0</v>
      </c>
      <c r="BU35" s="191">
        <v>23</v>
      </c>
      <c r="BV35" s="191">
        <v>107</v>
      </c>
      <c r="BW35" s="191">
        <v>58</v>
      </c>
      <c r="BX35" s="191">
        <v>65</v>
      </c>
      <c r="BY35" s="191">
        <v>59</v>
      </c>
      <c r="BZ35" s="196">
        <v>312</v>
      </c>
      <c r="CA35" s="195">
        <v>323</v>
      </c>
      <c r="CB35" s="190">
        <v>0</v>
      </c>
      <c r="CC35" s="191">
        <v>0</v>
      </c>
      <c r="CD35" s="196">
        <v>0</v>
      </c>
      <c r="CE35" s="193">
        <v>0</v>
      </c>
      <c r="CF35" s="191">
        <v>9</v>
      </c>
      <c r="CG35" s="191">
        <v>0</v>
      </c>
      <c r="CH35" s="191">
        <v>0</v>
      </c>
      <c r="CI35" s="191">
        <v>3</v>
      </c>
      <c r="CJ35" s="191">
        <v>2</v>
      </c>
      <c r="CK35" s="196">
        <v>14</v>
      </c>
      <c r="CL35" s="195">
        <v>14</v>
      </c>
      <c r="CM35" s="190">
        <v>0</v>
      </c>
      <c r="CN35" s="191">
        <v>0</v>
      </c>
      <c r="CO35" s="196">
        <v>0</v>
      </c>
      <c r="CP35" s="193">
        <v>0</v>
      </c>
      <c r="CQ35" s="191">
        <v>0</v>
      </c>
      <c r="CR35" s="191">
        <v>0</v>
      </c>
      <c r="CS35" s="191">
        <v>0</v>
      </c>
      <c r="CT35" s="191">
        <v>0</v>
      </c>
      <c r="CU35" s="191">
        <v>0</v>
      </c>
      <c r="CV35" s="196">
        <v>0</v>
      </c>
      <c r="CW35" s="195">
        <v>0</v>
      </c>
      <c r="CX35" s="190">
        <v>0</v>
      </c>
      <c r="CY35" s="191">
        <v>0</v>
      </c>
      <c r="CZ35" s="196">
        <v>0</v>
      </c>
      <c r="DA35" s="193">
        <v>0</v>
      </c>
      <c r="DB35" s="191">
        <v>0</v>
      </c>
      <c r="DC35" s="191">
        <v>0</v>
      </c>
      <c r="DD35" s="191">
        <v>0</v>
      </c>
      <c r="DE35" s="191">
        <v>0</v>
      </c>
      <c r="DF35" s="191">
        <v>0</v>
      </c>
      <c r="DG35" s="196">
        <v>0</v>
      </c>
      <c r="DH35" s="195">
        <v>0</v>
      </c>
    </row>
    <row r="36" spans="2:112" ht="21" customHeight="1" x14ac:dyDescent="0.2">
      <c r="B36" s="106" t="s">
        <v>34</v>
      </c>
      <c r="C36" s="190">
        <v>0</v>
      </c>
      <c r="D36" s="191">
        <v>0</v>
      </c>
      <c r="E36" s="192">
        <v>0</v>
      </c>
      <c r="F36" s="193">
        <v>0</v>
      </c>
      <c r="G36" s="191">
        <v>195</v>
      </c>
      <c r="H36" s="191">
        <v>396</v>
      </c>
      <c r="I36" s="191">
        <v>257</v>
      </c>
      <c r="J36" s="191">
        <v>276</v>
      </c>
      <c r="K36" s="191">
        <v>191</v>
      </c>
      <c r="L36" s="194">
        <v>1315</v>
      </c>
      <c r="M36" s="195">
        <v>1315</v>
      </c>
      <c r="N36" s="190">
        <v>0</v>
      </c>
      <c r="O36" s="191">
        <v>0</v>
      </c>
      <c r="P36" s="196">
        <v>0</v>
      </c>
      <c r="Q36" s="193">
        <v>0</v>
      </c>
      <c r="R36" s="191">
        <v>0</v>
      </c>
      <c r="S36" s="191">
        <v>8</v>
      </c>
      <c r="T36" s="191">
        <v>0</v>
      </c>
      <c r="U36" s="191">
        <v>3</v>
      </c>
      <c r="V36" s="191">
        <v>36</v>
      </c>
      <c r="W36" s="196">
        <v>47</v>
      </c>
      <c r="X36" s="195">
        <v>47</v>
      </c>
      <c r="Y36" s="190">
        <v>36</v>
      </c>
      <c r="Z36" s="191">
        <v>69</v>
      </c>
      <c r="AA36" s="196">
        <v>105</v>
      </c>
      <c r="AB36" s="193">
        <v>0</v>
      </c>
      <c r="AC36" s="191">
        <v>180</v>
      </c>
      <c r="AD36" s="191">
        <v>78</v>
      </c>
      <c r="AE36" s="191">
        <v>29</v>
      </c>
      <c r="AF36" s="191">
        <v>70</v>
      </c>
      <c r="AG36" s="191">
        <v>89</v>
      </c>
      <c r="AH36" s="196">
        <v>446</v>
      </c>
      <c r="AI36" s="195">
        <v>551</v>
      </c>
      <c r="AJ36" s="190">
        <v>0</v>
      </c>
      <c r="AK36" s="191">
        <v>0</v>
      </c>
      <c r="AL36" s="196">
        <v>0</v>
      </c>
      <c r="AM36" s="193">
        <v>0</v>
      </c>
      <c r="AN36" s="191">
        <v>67</v>
      </c>
      <c r="AO36" s="191">
        <v>41</v>
      </c>
      <c r="AP36" s="191">
        <v>33</v>
      </c>
      <c r="AQ36" s="191">
        <v>24</v>
      </c>
      <c r="AR36" s="191">
        <v>34</v>
      </c>
      <c r="AS36" s="196">
        <v>199</v>
      </c>
      <c r="AT36" s="195">
        <v>199</v>
      </c>
      <c r="AU36" s="190">
        <v>0</v>
      </c>
      <c r="AV36" s="191">
        <v>0</v>
      </c>
      <c r="AW36" s="196">
        <v>0</v>
      </c>
      <c r="AX36" s="193">
        <v>0</v>
      </c>
      <c r="AY36" s="191">
        <v>289</v>
      </c>
      <c r="AZ36" s="191">
        <v>158</v>
      </c>
      <c r="BA36" s="191">
        <v>213</v>
      </c>
      <c r="BB36" s="191">
        <v>170</v>
      </c>
      <c r="BC36" s="191">
        <v>26</v>
      </c>
      <c r="BD36" s="194">
        <v>856</v>
      </c>
      <c r="BE36" s="195">
        <v>856</v>
      </c>
      <c r="BF36" s="190">
        <v>0</v>
      </c>
      <c r="BG36" s="191">
        <v>0</v>
      </c>
      <c r="BH36" s="196">
        <v>0</v>
      </c>
      <c r="BI36" s="193">
        <v>0</v>
      </c>
      <c r="BJ36" s="191">
        <v>54</v>
      </c>
      <c r="BK36" s="191">
        <v>0</v>
      </c>
      <c r="BL36" s="191">
        <v>17</v>
      </c>
      <c r="BM36" s="191">
        <v>9</v>
      </c>
      <c r="BN36" s="191">
        <v>0</v>
      </c>
      <c r="BO36" s="196">
        <v>80</v>
      </c>
      <c r="BP36" s="195">
        <v>80</v>
      </c>
      <c r="BQ36" s="190">
        <v>0</v>
      </c>
      <c r="BR36" s="191">
        <v>0</v>
      </c>
      <c r="BS36" s="196">
        <v>0</v>
      </c>
      <c r="BT36" s="193">
        <v>0</v>
      </c>
      <c r="BU36" s="191">
        <v>24</v>
      </c>
      <c r="BV36" s="191">
        <v>0</v>
      </c>
      <c r="BW36" s="191">
        <v>15</v>
      </c>
      <c r="BX36" s="191">
        <v>58</v>
      </c>
      <c r="BY36" s="191">
        <v>10</v>
      </c>
      <c r="BZ36" s="196">
        <v>107</v>
      </c>
      <c r="CA36" s="195">
        <v>107</v>
      </c>
      <c r="CB36" s="190">
        <v>0</v>
      </c>
      <c r="CC36" s="191">
        <v>0</v>
      </c>
      <c r="CD36" s="196">
        <v>0</v>
      </c>
      <c r="CE36" s="193">
        <v>0</v>
      </c>
      <c r="CF36" s="191">
        <v>16</v>
      </c>
      <c r="CG36" s="191">
        <v>0</v>
      </c>
      <c r="CH36" s="191">
        <v>0</v>
      </c>
      <c r="CI36" s="191">
        <v>0</v>
      </c>
      <c r="CJ36" s="191">
        <v>0</v>
      </c>
      <c r="CK36" s="196">
        <v>16</v>
      </c>
      <c r="CL36" s="195">
        <v>16</v>
      </c>
      <c r="CM36" s="190">
        <v>0</v>
      </c>
      <c r="CN36" s="191">
        <v>0</v>
      </c>
      <c r="CO36" s="196">
        <v>0</v>
      </c>
      <c r="CP36" s="193">
        <v>0</v>
      </c>
      <c r="CQ36" s="191">
        <v>0</v>
      </c>
      <c r="CR36" s="191">
        <v>0</v>
      </c>
      <c r="CS36" s="191">
        <v>0</v>
      </c>
      <c r="CT36" s="191">
        <v>0</v>
      </c>
      <c r="CU36" s="191">
        <v>0</v>
      </c>
      <c r="CV36" s="196">
        <v>0</v>
      </c>
      <c r="CW36" s="195">
        <v>0</v>
      </c>
      <c r="CX36" s="190">
        <v>0</v>
      </c>
      <c r="CY36" s="191">
        <v>0</v>
      </c>
      <c r="CZ36" s="196">
        <v>0</v>
      </c>
      <c r="DA36" s="193">
        <v>0</v>
      </c>
      <c r="DB36" s="191">
        <v>0</v>
      </c>
      <c r="DC36" s="191">
        <v>0</v>
      </c>
      <c r="DD36" s="191">
        <v>0</v>
      </c>
      <c r="DE36" s="191">
        <v>0</v>
      </c>
      <c r="DF36" s="191">
        <v>0</v>
      </c>
      <c r="DG36" s="196">
        <v>0</v>
      </c>
      <c r="DH36" s="195">
        <v>0</v>
      </c>
    </row>
    <row r="37" spans="2:112" ht="21" customHeight="1" x14ac:dyDescent="0.2">
      <c r="B37" s="106" t="s">
        <v>35</v>
      </c>
      <c r="C37" s="190">
        <v>0</v>
      </c>
      <c r="D37" s="191">
        <v>0</v>
      </c>
      <c r="E37" s="192">
        <v>0</v>
      </c>
      <c r="F37" s="193">
        <v>0</v>
      </c>
      <c r="G37" s="191">
        <v>2418</v>
      </c>
      <c r="H37" s="191">
        <v>1791</v>
      </c>
      <c r="I37" s="191">
        <v>1859</v>
      </c>
      <c r="J37" s="191">
        <v>1712</v>
      </c>
      <c r="K37" s="191">
        <v>1611</v>
      </c>
      <c r="L37" s="194">
        <v>9391</v>
      </c>
      <c r="M37" s="195">
        <v>9391</v>
      </c>
      <c r="N37" s="190">
        <v>0</v>
      </c>
      <c r="O37" s="191">
        <v>0</v>
      </c>
      <c r="P37" s="196">
        <v>0</v>
      </c>
      <c r="Q37" s="193">
        <v>0</v>
      </c>
      <c r="R37" s="191">
        <v>0</v>
      </c>
      <c r="S37" s="191">
        <v>12</v>
      </c>
      <c r="T37" s="191">
        <v>19</v>
      </c>
      <c r="U37" s="191">
        <v>55</v>
      </c>
      <c r="V37" s="191">
        <v>55</v>
      </c>
      <c r="W37" s="196">
        <v>141</v>
      </c>
      <c r="X37" s="195">
        <v>141</v>
      </c>
      <c r="Y37" s="190">
        <v>20</v>
      </c>
      <c r="Z37" s="191">
        <v>130</v>
      </c>
      <c r="AA37" s="196">
        <v>150</v>
      </c>
      <c r="AB37" s="193">
        <v>0</v>
      </c>
      <c r="AC37" s="191">
        <v>471</v>
      </c>
      <c r="AD37" s="191">
        <v>295</v>
      </c>
      <c r="AE37" s="191">
        <v>301</v>
      </c>
      <c r="AF37" s="191">
        <v>157</v>
      </c>
      <c r="AG37" s="191">
        <v>282</v>
      </c>
      <c r="AH37" s="196">
        <v>1506</v>
      </c>
      <c r="AI37" s="195">
        <v>1656</v>
      </c>
      <c r="AJ37" s="190">
        <v>90</v>
      </c>
      <c r="AK37" s="191">
        <v>165</v>
      </c>
      <c r="AL37" s="196">
        <v>255</v>
      </c>
      <c r="AM37" s="193">
        <v>0</v>
      </c>
      <c r="AN37" s="191">
        <v>210</v>
      </c>
      <c r="AO37" s="191">
        <v>201</v>
      </c>
      <c r="AP37" s="191">
        <v>51</v>
      </c>
      <c r="AQ37" s="191">
        <v>103</v>
      </c>
      <c r="AR37" s="191">
        <v>78</v>
      </c>
      <c r="AS37" s="196">
        <v>643</v>
      </c>
      <c r="AT37" s="195">
        <v>898</v>
      </c>
      <c r="AU37" s="190">
        <v>0</v>
      </c>
      <c r="AV37" s="191">
        <v>0</v>
      </c>
      <c r="AW37" s="196">
        <v>0</v>
      </c>
      <c r="AX37" s="193">
        <v>0</v>
      </c>
      <c r="AY37" s="191">
        <v>1587</v>
      </c>
      <c r="AZ37" s="191">
        <v>862</v>
      </c>
      <c r="BA37" s="191">
        <v>615</v>
      </c>
      <c r="BB37" s="191">
        <v>372</v>
      </c>
      <c r="BC37" s="191">
        <v>221</v>
      </c>
      <c r="BD37" s="194">
        <v>3657</v>
      </c>
      <c r="BE37" s="195">
        <v>3657</v>
      </c>
      <c r="BF37" s="190">
        <v>0</v>
      </c>
      <c r="BG37" s="191">
        <v>0</v>
      </c>
      <c r="BH37" s="196">
        <v>0</v>
      </c>
      <c r="BI37" s="193">
        <v>0</v>
      </c>
      <c r="BJ37" s="191">
        <v>479</v>
      </c>
      <c r="BK37" s="191">
        <v>236</v>
      </c>
      <c r="BL37" s="191">
        <v>120</v>
      </c>
      <c r="BM37" s="191">
        <v>68</v>
      </c>
      <c r="BN37" s="191">
        <v>19</v>
      </c>
      <c r="BO37" s="196">
        <v>922</v>
      </c>
      <c r="BP37" s="195">
        <v>922</v>
      </c>
      <c r="BQ37" s="190">
        <v>3</v>
      </c>
      <c r="BR37" s="191">
        <v>0</v>
      </c>
      <c r="BS37" s="196">
        <v>3</v>
      </c>
      <c r="BT37" s="193">
        <v>0</v>
      </c>
      <c r="BU37" s="191">
        <v>61</v>
      </c>
      <c r="BV37" s="191">
        <v>22</v>
      </c>
      <c r="BW37" s="191">
        <v>76</v>
      </c>
      <c r="BX37" s="191">
        <v>231</v>
      </c>
      <c r="BY37" s="191">
        <v>62</v>
      </c>
      <c r="BZ37" s="196">
        <v>452</v>
      </c>
      <c r="CA37" s="195">
        <v>455</v>
      </c>
      <c r="CB37" s="190">
        <v>0</v>
      </c>
      <c r="CC37" s="191">
        <v>0</v>
      </c>
      <c r="CD37" s="196">
        <v>0</v>
      </c>
      <c r="CE37" s="193">
        <v>0</v>
      </c>
      <c r="CF37" s="191">
        <v>11</v>
      </c>
      <c r="CG37" s="191">
        <v>11</v>
      </c>
      <c r="CH37" s="191">
        <v>18</v>
      </c>
      <c r="CI37" s="191">
        <v>20</v>
      </c>
      <c r="CJ37" s="191">
        <v>17</v>
      </c>
      <c r="CK37" s="196">
        <v>77</v>
      </c>
      <c r="CL37" s="195">
        <v>77</v>
      </c>
      <c r="CM37" s="190">
        <v>0</v>
      </c>
      <c r="CN37" s="191">
        <v>0</v>
      </c>
      <c r="CO37" s="196">
        <v>0</v>
      </c>
      <c r="CP37" s="193">
        <v>0</v>
      </c>
      <c r="CQ37" s="191">
        <v>0</v>
      </c>
      <c r="CR37" s="191">
        <v>0</v>
      </c>
      <c r="CS37" s="191">
        <v>0</v>
      </c>
      <c r="CT37" s="191">
        <v>0</v>
      </c>
      <c r="CU37" s="191">
        <v>0</v>
      </c>
      <c r="CV37" s="196">
        <v>0</v>
      </c>
      <c r="CW37" s="195">
        <v>0</v>
      </c>
      <c r="CX37" s="190">
        <v>0</v>
      </c>
      <c r="CY37" s="191">
        <v>0</v>
      </c>
      <c r="CZ37" s="196">
        <v>0</v>
      </c>
      <c r="DA37" s="193">
        <v>0</v>
      </c>
      <c r="DB37" s="191">
        <v>0</v>
      </c>
      <c r="DC37" s="191">
        <v>0</v>
      </c>
      <c r="DD37" s="191">
        <v>0</v>
      </c>
      <c r="DE37" s="191">
        <v>0</v>
      </c>
      <c r="DF37" s="191">
        <v>0</v>
      </c>
      <c r="DG37" s="196">
        <v>0</v>
      </c>
      <c r="DH37" s="195">
        <v>0</v>
      </c>
    </row>
    <row r="38" spans="2:112" ht="21" customHeight="1" x14ac:dyDescent="0.2">
      <c r="B38" s="106" t="s">
        <v>36</v>
      </c>
      <c r="C38" s="190">
        <v>0</v>
      </c>
      <c r="D38" s="191">
        <v>0</v>
      </c>
      <c r="E38" s="192">
        <v>0</v>
      </c>
      <c r="F38" s="193">
        <v>0</v>
      </c>
      <c r="G38" s="191">
        <v>630</v>
      </c>
      <c r="H38" s="191">
        <v>1775</v>
      </c>
      <c r="I38" s="191">
        <v>1259</v>
      </c>
      <c r="J38" s="191">
        <v>1175</v>
      </c>
      <c r="K38" s="191">
        <v>2192</v>
      </c>
      <c r="L38" s="194">
        <v>7031</v>
      </c>
      <c r="M38" s="195">
        <v>7031</v>
      </c>
      <c r="N38" s="190">
        <v>0</v>
      </c>
      <c r="O38" s="191">
        <v>4</v>
      </c>
      <c r="P38" s="196">
        <v>4</v>
      </c>
      <c r="Q38" s="193">
        <v>0</v>
      </c>
      <c r="R38" s="191">
        <v>4</v>
      </c>
      <c r="S38" s="191">
        <v>22</v>
      </c>
      <c r="T38" s="191">
        <v>45</v>
      </c>
      <c r="U38" s="191">
        <v>49</v>
      </c>
      <c r="V38" s="191">
        <v>42</v>
      </c>
      <c r="W38" s="196">
        <v>162</v>
      </c>
      <c r="X38" s="195">
        <v>166</v>
      </c>
      <c r="Y38" s="190">
        <v>30</v>
      </c>
      <c r="Z38" s="191">
        <v>175</v>
      </c>
      <c r="AA38" s="196">
        <v>205</v>
      </c>
      <c r="AB38" s="193">
        <v>0</v>
      </c>
      <c r="AC38" s="191">
        <v>545</v>
      </c>
      <c r="AD38" s="191">
        <v>501</v>
      </c>
      <c r="AE38" s="191">
        <v>558</v>
      </c>
      <c r="AF38" s="191">
        <v>338</v>
      </c>
      <c r="AG38" s="191">
        <v>383</v>
      </c>
      <c r="AH38" s="196">
        <v>2325</v>
      </c>
      <c r="AI38" s="195">
        <v>2530</v>
      </c>
      <c r="AJ38" s="190">
        <v>12</v>
      </c>
      <c r="AK38" s="191">
        <v>128</v>
      </c>
      <c r="AL38" s="196">
        <v>140</v>
      </c>
      <c r="AM38" s="193">
        <v>0</v>
      </c>
      <c r="AN38" s="191">
        <v>178</v>
      </c>
      <c r="AO38" s="191">
        <v>185</v>
      </c>
      <c r="AP38" s="191">
        <v>68</v>
      </c>
      <c r="AQ38" s="191">
        <v>38</v>
      </c>
      <c r="AR38" s="191">
        <v>46</v>
      </c>
      <c r="AS38" s="196">
        <v>515</v>
      </c>
      <c r="AT38" s="195">
        <v>655</v>
      </c>
      <c r="AU38" s="190">
        <v>0</v>
      </c>
      <c r="AV38" s="191">
        <v>0</v>
      </c>
      <c r="AW38" s="196">
        <v>0</v>
      </c>
      <c r="AX38" s="193">
        <v>0</v>
      </c>
      <c r="AY38" s="191">
        <v>621</v>
      </c>
      <c r="AZ38" s="191">
        <v>916</v>
      </c>
      <c r="BA38" s="191">
        <v>399</v>
      </c>
      <c r="BB38" s="191">
        <v>308</v>
      </c>
      <c r="BC38" s="191">
        <v>265</v>
      </c>
      <c r="BD38" s="194">
        <v>2509</v>
      </c>
      <c r="BE38" s="195">
        <v>2509</v>
      </c>
      <c r="BF38" s="190">
        <v>0</v>
      </c>
      <c r="BG38" s="191">
        <v>0</v>
      </c>
      <c r="BH38" s="196">
        <v>0</v>
      </c>
      <c r="BI38" s="193">
        <v>0</v>
      </c>
      <c r="BJ38" s="191">
        <v>236</v>
      </c>
      <c r="BK38" s="191">
        <v>293</v>
      </c>
      <c r="BL38" s="191">
        <v>193</v>
      </c>
      <c r="BM38" s="191">
        <v>94</v>
      </c>
      <c r="BN38" s="191">
        <v>19</v>
      </c>
      <c r="BO38" s="196">
        <v>835</v>
      </c>
      <c r="BP38" s="195">
        <v>835</v>
      </c>
      <c r="BQ38" s="190">
        <v>0</v>
      </c>
      <c r="BR38" s="191">
        <v>0</v>
      </c>
      <c r="BS38" s="196">
        <v>0</v>
      </c>
      <c r="BT38" s="193">
        <v>0</v>
      </c>
      <c r="BU38" s="191">
        <v>67</v>
      </c>
      <c r="BV38" s="191">
        <v>170</v>
      </c>
      <c r="BW38" s="191">
        <v>142</v>
      </c>
      <c r="BX38" s="191">
        <v>218</v>
      </c>
      <c r="BY38" s="191">
        <v>155</v>
      </c>
      <c r="BZ38" s="196">
        <v>752</v>
      </c>
      <c r="CA38" s="195">
        <v>752</v>
      </c>
      <c r="CB38" s="190">
        <v>0</v>
      </c>
      <c r="CC38" s="191">
        <v>0</v>
      </c>
      <c r="CD38" s="196">
        <v>0</v>
      </c>
      <c r="CE38" s="193">
        <v>0</v>
      </c>
      <c r="CF38" s="191">
        <v>6</v>
      </c>
      <c r="CG38" s="191">
        <v>3</v>
      </c>
      <c r="CH38" s="191">
        <v>0</v>
      </c>
      <c r="CI38" s="191">
        <v>9</v>
      </c>
      <c r="CJ38" s="191">
        <v>0</v>
      </c>
      <c r="CK38" s="196">
        <v>18</v>
      </c>
      <c r="CL38" s="195">
        <v>18</v>
      </c>
      <c r="CM38" s="190">
        <v>0</v>
      </c>
      <c r="CN38" s="191">
        <v>0</v>
      </c>
      <c r="CO38" s="196">
        <v>0</v>
      </c>
      <c r="CP38" s="193">
        <v>0</v>
      </c>
      <c r="CQ38" s="191">
        <v>0</v>
      </c>
      <c r="CR38" s="191">
        <v>0</v>
      </c>
      <c r="CS38" s="191">
        <v>0</v>
      </c>
      <c r="CT38" s="191">
        <v>0</v>
      </c>
      <c r="CU38" s="191">
        <v>0</v>
      </c>
      <c r="CV38" s="196">
        <v>0</v>
      </c>
      <c r="CW38" s="195">
        <v>0</v>
      </c>
      <c r="CX38" s="190">
        <v>0</v>
      </c>
      <c r="CY38" s="191">
        <v>0</v>
      </c>
      <c r="CZ38" s="196">
        <v>0</v>
      </c>
      <c r="DA38" s="193">
        <v>0</v>
      </c>
      <c r="DB38" s="191">
        <v>0</v>
      </c>
      <c r="DC38" s="191">
        <v>0</v>
      </c>
      <c r="DD38" s="191">
        <v>0</v>
      </c>
      <c r="DE38" s="191">
        <v>0</v>
      </c>
      <c r="DF38" s="191">
        <v>0</v>
      </c>
      <c r="DG38" s="196">
        <v>0</v>
      </c>
      <c r="DH38" s="195">
        <v>0</v>
      </c>
    </row>
    <row r="39" spans="2:112" ht="21" customHeight="1" thickBot="1" x14ac:dyDescent="0.25">
      <c r="B39" s="108" t="s">
        <v>37</v>
      </c>
      <c r="C39" s="197">
        <v>0</v>
      </c>
      <c r="D39" s="198">
        <v>0</v>
      </c>
      <c r="E39" s="199">
        <v>0</v>
      </c>
      <c r="F39" s="200">
        <v>0</v>
      </c>
      <c r="G39" s="198">
        <v>41</v>
      </c>
      <c r="H39" s="198">
        <v>46</v>
      </c>
      <c r="I39" s="198">
        <v>169</v>
      </c>
      <c r="J39" s="198">
        <v>2</v>
      </c>
      <c r="K39" s="198">
        <v>128</v>
      </c>
      <c r="L39" s="201">
        <v>386</v>
      </c>
      <c r="M39" s="202">
        <v>386</v>
      </c>
      <c r="N39" s="197">
        <v>0</v>
      </c>
      <c r="O39" s="198">
        <v>0</v>
      </c>
      <c r="P39" s="203">
        <v>0</v>
      </c>
      <c r="Q39" s="200">
        <v>0</v>
      </c>
      <c r="R39" s="198">
        <v>0</v>
      </c>
      <c r="S39" s="198">
        <v>0</v>
      </c>
      <c r="T39" s="198">
        <v>0</v>
      </c>
      <c r="U39" s="198">
        <v>0</v>
      </c>
      <c r="V39" s="198">
        <v>0</v>
      </c>
      <c r="W39" s="203">
        <v>0</v>
      </c>
      <c r="X39" s="202">
        <v>0</v>
      </c>
      <c r="Y39" s="197">
        <v>8</v>
      </c>
      <c r="Z39" s="198">
        <v>4</v>
      </c>
      <c r="AA39" s="203">
        <v>12</v>
      </c>
      <c r="AB39" s="200">
        <v>0</v>
      </c>
      <c r="AC39" s="198">
        <v>24</v>
      </c>
      <c r="AD39" s="198">
        <v>45</v>
      </c>
      <c r="AE39" s="198">
        <v>32</v>
      </c>
      <c r="AF39" s="198">
        <v>16</v>
      </c>
      <c r="AG39" s="198">
        <v>37</v>
      </c>
      <c r="AH39" s="203">
        <v>154</v>
      </c>
      <c r="AI39" s="202">
        <v>166</v>
      </c>
      <c r="AJ39" s="197">
        <v>0</v>
      </c>
      <c r="AK39" s="198">
        <v>0</v>
      </c>
      <c r="AL39" s="203">
        <v>0</v>
      </c>
      <c r="AM39" s="200">
        <v>0</v>
      </c>
      <c r="AN39" s="198">
        <v>8</v>
      </c>
      <c r="AO39" s="198">
        <v>6</v>
      </c>
      <c r="AP39" s="198">
        <v>0</v>
      </c>
      <c r="AQ39" s="198">
        <v>0</v>
      </c>
      <c r="AR39" s="198">
        <v>10</v>
      </c>
      <c r="AS39" s="203">
        <v>24</v>
      </c>
      <c r="AT39" s="202">
        <v>24</v>
      </c>
      <c r="AU39" s="197">
        <v>0</v>
      </c>
      <c r="AV39" s="198">
        <v>0</v>
      </c>
      <c r="AW39" s="203">
        <v>0</v>
      </c>
      <c r="AX39" s="200">
        <v>0</v>
      </c>
      <c r="AY39" s="198">
        <v>43</v>
      </c>
      <c r="AZ39" s="198">
        <v>72</v>
      </c>
      <c r="BA39" s="198">
        <v>67</v>
      </c>
      <c r="BB39" s="198">
        <v>10</v>
      </c>
      <c r="BC39" s="198">
        <v>5</v>
      </c>
      <c r="BD39" s="201">
        <v>197</v>
      </c>
      <c r="BE39" s="202">
        <v>197</v>
      </c>
      <c r="BF39" s="197">
        <v>0</v>
      </c>
      <c r="BG39" s="198">
        <v>0</v>
      </c>
      <c r="BH39" s="203">
        <v>0</v>
      </c>
      <c r="BI39" s="200">
        <v>0</v>
      </c>
      <c r="BJ39" s="198">
        <v>47</v>
      </c>
      <c r="BK39" s="198">
        <v>45</v>
      </c>
      <c r="BL39" s="198">
        <v>10</v>
      </c>
      <c r="BM39" s="198">
        <v>13</v>
      </c>
      <c r="BN39" s="198">
        <v>7</v>
      </c>
      <c r="BO39" s="203">
        <v>122</v>
      </c>
      <c r="BP39" s="202">
        <v>122</v>
      </c>
      <c r="BQ39" s="197">
        <v>0</v>
      </c>
      <c r="BR39" s="198">
        <v>0</v>
      </c>
      <c r="BS39" s="203">
        <v>0</v>
      </c>
      <c r="BT39" s="200">
        <v>0</v>
      </c>
      <c r="BU39" s="198">
        <v>0</v>
      </c>
      <c r="BV39" s="198">
        <v>11</v>
      </c>
      <c r="BW39" s="198">
        <v>35</v>
      </c>
      <c r="BX39" s="198">
        <v>5</v>
      </c>
      <c r="BY39" s="198">
        <v>0</v>
      </c>
      <c r="BZ39" s="203">
        <v>51</v>
      </c>
      <c r="CA39" s="202">
        <v>51</v>
      </c>
      <c r="CB39" s="197">
        <v>0</v>
      </c>
      <c r="CC39" s="198">
        <v>0</v>
      </c>
      <c r="CD39" s="203">
        <v>0</v>
      </c>
      <c r="CE39" s="200">
        <v>0</v>
      </c>
      <c r="CF39" s="198">
        <v>0</v>
      </c>
      <c r="CG39" s="198">
        <v>0</v>
      </c>
      <c r="CH39" s="198">
        <v>0</v>
      </c>
      <c r="CI39" s="198">
        <v>0</v>
      </c>
      <c r="CJ39" s="198">
        <v>9</v>
      </c>
      <c r="CK39" s="203">
        <v>9</v>
      </c>
      <c r="CL39" s="202">
        <v>9</v>
      </c>
      <c r="CM39" s="197">
        <v>0</v>
      </c>
      <c r="CN39" s="198">
        <v>0</v>
      </c>
      <c r="CO39" s="203">
        <v>0</v>
      </c>
      <c r="CP39" s="200">
        <v>0</v>
      </c>
      <c r="CQ39" s="198">
        <v>0</v>
      </c>
      <c r="CR39" s="198">
        <v>0</v>
      </c>
      <c r="CS39" s="198">
        <v>0</v>
      </c>
      <c r="CT39" s="198">
        <v>0</v>
      </c>
      <c r="CU39" s="198">
        <v>0</v>
      </c>
      <c r="CV39" s="203">
        <v>0</v>
      </c>
      <c r="CW39" s="202">
        <v>0</v>
      </c>
      <c r="CX39" s="197">
        <v>0</v>
      </c>
      <c r="CY39" s="198">
        <v>0</v>
      </c>
      <c r="CZ39" s="203">
        <v>0</v>
      </c>
      <c r="DA39" s="200">
        <v>0</v>
      </c>
      <c r="DB39" s="198">
        <v>0</v>
      </c>
      <c r="DC39" s="198">
        <v>0</v>
      </c>
      <c r="DD39" s="198">
        <v>0</v>
      </c>
      <c r="DE39" s="198">
        <v>0</v>
      </c>
      <c r="DF39" s="198">
        <v>0</v>
      </c>
      <c r="DG39" s="203">
        <v>0</v>
      </c>
      <c r="DH39" s="202">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5-02-05T01:20:48Z</dcterms:modified>
</cp:coreProperties>
</file>